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9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8148\Downloads\"/>
    </mc:Choice>
  </mc:AlternateContent>
  <xr:revisionPtr revIDLastSave="0" documentId="13_ncr:1_{F0BB9874-46AA-4532-B7D0-91FCA94230D5}" xr6:coauthVersionLast="36" xr6:coauthVersionMax="36" xr10:uidLastSave="{00000000-0000-0000-0000-000000000000}"/>
  <bookViews>
    <workbookView xWindow="0" yWindow="0" windowWidth="20490" windowHeight="7245" xr2:uid="{0FA8D849-B023-40CF-A406-839E2FCA4658}"/>
  </bookViews>
  <sheets>
    <sheet name="Sheet1 (2)" sheetId="2" r:id="rId1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007" uniqueCount="18070">
  <si>
    <t>City</t>
  </si>
  <si>
    <t>Mumbai</t>
  </si>
  <si>
    <t>Delhi</t>
  </si>
  <si>
    <t>Chennai</t>
  </si>
  <si>
    <t>Ahmedabad</t>
  </si>
  <si>
    <t>Pune</t>
  </si>
  <si>
    <t>Kolkata</t>
  </si>
  <si>
    <t>Bengaluru</t>
  </si>
  <si>
    <t>Bidhan Nagar</t>
  </si>
  <si>
    <t>Cochin</t>
  </si>
  <si>
    <t>Hyderabad</t>
  </si>
  <si>
    <t>Madhyamgram</t>
  </si>
  <si>
    <t>Patalganga</t>
  </si>
  <si>
    <t>Dahej</t>
  </si>
  <si>
    <t>Coimbatore</t>
  </si>
  <si>
    <t>Vadodara</t>
  </si>
  <si>
    <t>Ludhiana</t>
  </si>
  <si>
    <t>Chandigarh</t>
  </si>
  <si>
    <t>Indore</t>
  </si>
  <si>
    <t>Margao</t>
  </si>
  <si>
    <t>Vasai-Virar City</t>
  </si>
  <si>
    <t>Secunderabad Cantt.</t>
  </si>
  <si>
    <t>Gurgaon</t>
  </si>
  <si>
    <t>Jalandhar</t>
  </si>
  <si>
    <t>Vejalpur</t>
  </si>
  <si>
    <t>Bodakdev</t>
  </si>
  <si>
    <t>Visakhapatnam</t>
  </si>
  <si>
    <t>Virar</t>
  </si>
  <si>
    <t>Jaipur</t>
  </si>
  <si>
    <t>Phagwara</t>
  </si>
  <si>
    <t>Thrissur</t>
  </si>
  <si>
    <t>Trichy</t>
  </si>
  <si>
    <t>Panjim</t>
  </si>
  <si>
    <t>Panchkula</t>
  </si>
  <si>
    <t>Bhopal</t>
  </si>
  <si>
    <t>Trivandrum</t>
  </si>
  <si>
    <t>Nashik</t>
  </si>
  <si>
    <t>Mysore</t>
  </si>
  <si>
    <t>Surat</t>
  </si>
  <si>
    <t>Bharuch</t>
  </si>
  <si>
    <t>Kottayam</t>
  </si>
  <si>
    <t>Mormugoa</t>
  </si>
  <si>
    <t>Silvassa</t>
  </si>
  <si>
    <t>Lucknow</t>
  </si>
  <si>
    <t>Jamshedpur</t>
  </si>
  <si>
    <t>Noida</t>
  </si>
  <si>
    <t>Faridabad</t>
  </si>
  <si>
    <t>Mangalore</t>
  </si>
  <si>
    <t>Rajkot</t>
  </si>
  <si>
    <t>Nagpur</t>
  </si>
  <si>
    <t>Dum Dum</t>
  </si>
  <si>
    <t>Vijayawada</t>
  </si>
  <si>
    <t>Madippakkam</t>
  </si>
  <si>
    <t>Khanna</t>
  </si>
  <si>
    <t>Aurangabad</t>
  </si>
  <si>
    <t>Amritsar</t>
  </si>
  <si>
    <t>Patiala</t>
  </si>
  <si>
    <t>Chandranagar</t>
  </si>
  <si>
    <t>Udaipur</t>
  </si>
  <si>
    <t>Agra</t>
  </si>
  <si>
    <t>Bhubaneswar</t>
  </si>
  <si>
    <t>Madurai</t>
  </si>
  <si>
    <t>Kozhikode</t>
  </si>
  <si>
    <t>Kanpur</t>
  </si>
  <si>
    <t>Daman</t>
  </si>
  <si>
    <t>Ambala Cantt</t>
  </si>
  <si>
    <t>Navsari</t>
  </si>
  <si>
    <t>Bhavnagar</t>
  </si>
  <si>
    <t>Kapurthala</t>
  </si>
  <si>
    <t>Jodhpur</t>
  </si>
  <si>
    <t>Thane</t>
  </si>
  <si>
    <t>Ranchi</t>
  </si>
  <si>
    <t>Siliguri</t>
  </si>
  <si>
    <t>Raipur</t>
  </si>
  <si>
    <t>Ghaziabad</t>
  </si>
  <si>
    <t>Zirakpur</t>
  </si>
  <si>
    <t>Hisar</t>
  </si>
  <si>
    <t>Nabha</t>
  </si>
  <si>
    <t>Boisar</t>
  </si>
  <si>
    <t>Ropar</t>
  </si>
  <si>
    <t>Rajpura</t>
  </si>
  <si>
    <t>Kolhapur</t>
  </si>
  <si>
    <t>Karad</t>
  </si>
  <si>
    <t>Kota</t>
  </si>
  <si>
    <t>Bhiwadi</t>
  </si>
  <si>
    <t>Ponda</t>
  </si>
  <si>
    <t>Vapi</t>
  </si>
  <si>
    <t>Panipat</t>
  </si>
  <si>
    <t>Poongamoodu</t>
  </si>
  <si>
    <t>Dahanu</t>
  </si>
  <si>
    <t>Kalyan Dombivli</t>
  </si>
  <si>
    <t>Rohtak</t>
  </si>
  <si>
    <t>Jamnagar</t>
  </si>
  <si>
    <t>Salem</t>
  </si>
  <si>
    <t>Unjha</t>
  </si>
  <si>
    <t>Jalgaon</t>
  </si>
  <si>
    <t>Ahmednagar</t>
  </si>
  <si>
    <t>Anand</t>
  </si>
  <si>
    <t>Nigdi</t>
  </si>
  <si>
    <t>Patna</t>
  </si>
  <si>
    <t>Bathinda</t>
  </si>
  <si>
    <t>Kalka</t>
  </si>
  <si>
    <t>Guntur</t>
  </si>
  <si>
    <t>Gandhinagar</t>
  </si>
  <si>
    <t>Sonipat</t>
  </si>
  <si>
    <t>Gwalior</t>
  </si>
  <si>
    <t>Karnal</t>
  </si>
  <si>
    <t>Moga</t>
  </si>
  <si>
    <t>Tiruvilla</t>
  </si>
  <si>
    <t>Mapusa</t>
  </si>
  <si>
    <t>Kollam</t>
  </si>
  <si>
    <t>Bhuj</t>
  </si>
  <si>
    <t>Ajmer</t>
  </si>
  <si>
    <t>Howrah</t>
  </si>
  <si>
    <t>Bardoli</t>
  </si>
  <si>
    <t>Yamunanagar</t>
  </si>
  <si>
    <t>Valsad</t>
  </si>
  <si>
    <t>Tirupati</t>
  </si>
  <si>
    <t>Rajahmundry</t>
  </si>
  <si>
    <t>Gandhidham</t>
  </si>
  <si>
    <t>Varanasi</t>
  </si>
  <si>
    <t>Akola</t>
  </si>
  <si>
    <t>Sangli</t>
  </si>
  <si>
    <t>Jabalpur</t>
  </si>
  <si>
    <t>Dehradun</t>
  </si>
  <si>
    <t>Prayagraj ( ALLAHABAD)</t>
  </si>
  <si>
    <t>Hoshiarpur</t>
  </si>
  <si>
    <t>Veraval</t>
  </si>
  <si>
    <t>Junagadh</t>
  </si>
  <si>
    <t>Erode</t>
  </si>
  <si>
    <t>Durgapur</t>
  </si>
  <si>
    <t>Cuttack</t>
  </si>
  <si>
    <t>Mehsana</t>
  </si>
  <si>
    <t>Jammu</t>
  </si>
  <si>
    <t>Rourkela</t>
  </si>
  <si>
    <t>Dhanbad</t>
  </si>
  <si>
    <t>Rewari</t>
  </si>
  <si>
    <t>Nadiad</t>
  </si>
  <si>
    <t>Belgaum</t>
  </si>
  <si>
    <t>Hubli</t>
  </si>
  <si>
    <t>Ankleshwar</t>
  </si>
  <si>
    <t>PANVEL</t>
  </si>
  <si>
    <t>Amravati</t>
  </si>
  <si>
    <t>Navi Mumbai</t>
  </si>
  <si>
    <t>Sangrur</t>
  </si>
  <si>
    <t>Guwahati</t>
  </si>
  <si>
    <t>Gurdaspur</t>
  </si>
  <si>
    <t>Nawanshahar</t>
  </si>
  <si>
    <t>Bokaro</t>
  </si>
  <si>
    <t>Mathura</t>
  </si>
  <si>
    <t>Kannur</t>
  </si>
  <si>
    <t>Porbandar</t>
  </si>
  <si>
    <t>Greater Noida</t>
  </si>
  <si>
    <t>Konnagar</t>
  </si>
  <si>
    <t>Rudrapur</t>
  </si>
  <si>
    <t>Gorakhpur</t>
  </si>
  <si>
    <t>Meerut</t>
  </si>
  <si>
    <t>Ferozepur</t>
  </si>
  <si>
    <t>Kurukshetra</t>
  </si>
  <si>
    <t>Moradabad</t>
  </si>
  <si>
    <t>Bareilly</t>
  </si>
  <si>
    <t>Bopal</t>
  </si>
  <si>
    <t>Morvi</t>
  </si>
  <si>
    <t>Manjeri</t>
  </si>
  <si>
    <t>Pathanamthitta</t>
  </si>
  <si>
    <t>Aluva</t>
  </si>
  <si>
    <t>Changanacherry</t>
  </si>
  <si>
    <t>Porvorim</t>
  </si>
  <si>
    <t>Curchorem</t>
  </si>
  <si>
    <t>Kalyani</t>
  </si>
  <si>
    <t>Asansol</t>
  </si>
  <si>
    <t>Bahadurgarh</t>
  </si>
  <si>
    <t>Saharanpur</t>
  </si>
  <si>
    <t>Palanpur</t>
  </si>
  <si>
    <t>Fatehgarh Sahib</t>
  </si>
  <si>
    <t>Mohali Sas Nagar</t>
  </si>
  <si>
    <t>Muzaffarpur</t>
  </si>
  <si>
    <t>Hajipur</t>
  </si>
  <si>
    <t>Sanjauli</t>
  </si>
  <si>
    <t>Irinjalaguda</t>
  </si>
  <si>
    <t>Bhilwara</t>
  </si>
  <si>
    <t>Hosur</t>
  </si>
  <si>
    <t>Mira-Bhayandar</t>
  </si>
  <si>
    <t>Latur</t>
  </si>
  <si>
    <t>Balasore</t>
  </si>
  <si>
    <t>Sambalpur</t>
  </si>
  <si>
    <t>Calangute</t>
  </si>
  <si>
    <t>Vasco</t>
  </si>
  <si>
    <t>Warangal</t>
  </si>
  <si>
    <t>Secunderabad</t>
  </si>
  <si>
    <t>Aligarh</t>
  </si>
  <si>
    <t>Muzaffarnagar</t>
  </si>
  <si>
    <t>Kadi</t>
  </si>
  <si>
    <t>Solan</t>
  </si>
  <si>
    <t>Jagraon</t>
  </si>
  <si>
    <t>Thripunithura</t>
  </si>
  <si>
    <t>Chalakudy</t>
  </si>
  <si>
    <t>Davangere</t>
  </si>
  <si>
    <t>Himatnagar</t>
  </si>
  <si>
    <t>Puducherry</t>
  </si>
  <si>
    <t>Alwar</t>
  </si>
  <si>
    <t>Srinagar (J&amp;K)</t>
  </si>
  <si>
    <t>Gangtok</t>
  </si>
  <si>
    <t>Gaya</t>
  </si>
  <si>
    <t>Kakinada</t>
  </si>
  <si>
    <t>Ratnagiri</t>
  </si>
  <si>
    <t>Muktsar</t>
  </si>
  <si>
    <t>Barnala</t>
  </si>
  <si>
    <t>Perinthalmanna</t>
  </si>
  <si>
    <t>Pimpri</t>
  </si>
  <si>
    <t>Tiruppur</t>
  </si>
  <si>
    <t>Vidisha</t>
  </si>
  <si>
    <t>Sagar</t>
  </si>
  <si>
    <t>Haldia</t>
  </si>
  <si>
    <t>Jhansi</t>
  </si>
  <si>
    <t>Darjeeling</t>
  </si>
  <si>
    <t>Haldwani</t>
  </si>
  <si>
    <t>Palwal</t>
  </si>
  <si>
    <t>Burdwan</t>
  </si>
  <si>
    <t>Chengannur</t>
  </si>
  <si>
    <t>Thalassery</t>
  </si>
  <si>
    <t>Mandsaur</t>
  </si>
  <si>
    <t>Nellore</t>
  </si>
  <si>
    <t>Lonavala</t>
  </si>
  <si>
    <t>Ratlam</t>
  </si>
  <si>
    <t>Bhiwani</t>
  </si>
  <si>
    <t>Chomu</t>
  </si>
  <si>
    <t>Sri Ganganagar</t>
  </si>
  <si>
    <t>Karim Nagar</t>
  </si>
  <si>
    <t>Surendranagar</t>
  </si>
  <si>
    <t>Kaithal</t>
  </si>
  <si>
    <t>Pathankot</t>
  </si>
  <si>
    <t>Hazaribagh</t>
  </si>
  <si>
    <t>Visnagar</t>
  </si>
  <si>
    <t>Shillong</t>
  </si>
  <si>
    <t>Gondal</t>
  </si>
  <si>
    <t>Jetpur</t>
  </si>
  <si>
    <t>Karur</t>
  </si>
  <si>
    <t>Udupi</t>
  </si>
  <si>
    <t>Mundra</t>
  </si>
  <si>
    <t>Manesar</t>
  </si>
  <si>
    <t>Amreli</t>
  </si>
  <si>
    <t>Chandimandir</t>
  </si>
  <si>
    <t>Fatehabad</t>
  </si>
  <si>
    <t>Dharamshala</t>
  </si>
  <si>
    <t>Sirsa</t>
  </si>
  <si>
    <t>Kundli</t>
  </si>
  <si>
    <t>Narnaul</t>
  </si>
  <si>
    <t>Neemuch</t>
  </si>
  <si>
    <t>Satna</t>
  </si>
  <si>
    <t>Solapur</t>
  </si>
  <si>
    <t>Tirunelveli</t>
  </si>
  <si>
    <t>Dhule</t>
  </si>
  <si>
    <t>Habra</t>
  </si>
  <si>
    <t>Berhampore</t>
  </si>
  <si>
    <t>Batala</t>
  </si>
  <si>
    <t>Balotra</t>
  </si>
  <si>
    <t>Bikaner</t>
  </si>
  <si>
    <t>Mansa (Punjab)</t>
  </si>
  <si>
    <t>Fazilka</t>
  </si>
  <si>
    <t>Kotkapura</t>
  </si>
  <si>
    <t>Sohana</t>
  </si>
  <si>
    <t>Roorkee</t>
  </si>
  <si>
    <t>Barabanki</t>
  </si>
  <si>
    <t>Hardoi</t>
  </si>
  <si>
    <t>Nalasopara</t>
  </si>
  <si>
    <t>Palghar</t>
  </si>
  <si>
    <t>Barbil</t>
  </si>
  <si>
    <t>Jind</t>
  </si>
  <si>
    <t>Alappuzha</t>
  </si>
  <si>
    <t>Ernakulam</t>
  </si>
  <si>
    <t>Raniganj</t>
  </si>
  <si>
    <t>Vellore</t>
  </si>
  <si>
    <t>Namakkal</t>
  </si>
  <si>
    <t>Cuddapah</t>
  </si>
  <si>
    <t>Anantapur</t>
  </si>
  <si>
    <t>Jajpur</t>
  </si>
  <si>
    <t>Pali</t>
  </si>
  <si>
    <t>Rishikesh</t>
  </si>
  <si>
    <t>Sirhind</t>
  </si>
  <si>
    <t>Mandi</t>
  </si>
  <si>
    <t>Katni</t>
  </si>
  <si>
    <t>Bhiwandi</t>
  </si>
  <si>
    <t>Bhilai</t>
  </si>
  <si>
    <t>Jalna</t>
  </si>
  <si>
    <t>Khurja</t>
  </si>
  <si>
    <t>Tanuku</t>
  </si>
  <si>
    <t>Kurnool</t>
  </si>
  <si>
    <t>Mancherial</t>
  </si>
  <si>
    <t>Vizianagaram</t>
  </si>
  <si>
    <t>Manavadar</t>
  </si>
  <si>
    <t>Kapadvanj</t>
  </si>
  <si>
    <t>Borsad</t>
  </si>
  <si>
    <t>Jorhat</t>
  </si>
  <si>
    <t>Tezpur</t>
  </si>
  <si>
    <t>Begusarai</t>
  </si>
  <si>
    <t>Khanapara</t>
  </si>
  <si>
    <t>Noonmati</t>
  </si>
  <si>
    <t>Deogarh (Jharkhand)</t>
  </si>
  <si>
    <t>Giridih</t>
  </si>
  <si>
    <t>Ramgarh</t>
  </si>
  <si>
    <t>Darbhanga</t>
  </si>
  <si>
    <t>Jharsuguda</t>
  </si>
  <si>
    <t>Angul</t>
  </si>
  <si>
    <t>Bhagalpur</t>
  </si>
  <si>
    <t>Raichur</t>
  </si>
  <si>
    <t>Bagalkote</t>
  </si>
  <si>
    <t>Gulbarga</t>
  </si>
  <si>
    <t>Bulandshahr</t>
  </si>
  <si>
    <t>Bilaspur</t>
  </si>
  <si>
    <t>Pipariya</t>
  </si>
  <si>
    <t>Itarsi</t>
  </si>
  <si>
    <t>Pettavaithalai</t>
  </si>
  <si>
    <t>Virudhunagar</t>
  </si>
  <si>
    <t>Theni</t>
  </si>
  <si>
    <t>Banswara</t>
  </si>
  <si>
    <t>Ramganj Mandi</t>
  </si>
  <si>
    <t>Deesa</t>
  </si>
  <si>
    <t>Patan</t>
  </si>
  <si>
    <t>Godhra</t>
  </si>
  <si>
    <t>Dahod</t>
  </si>
  <si>
    <t>Chittorgarh</t>
  </si>
  <si>
    <t>Pollachi</t>
  </si>
  <si>
    <t>Dhamtari</t>
  </si>
  <si>
    <t>Satara</t>
  </si>
  <si>
    <t>Tirur</t>
  </si>
  <si>
    <t>Bhusawal</t>
  </si>
  <si>
    <t>Morinda</t>
  </si>
  <si>
    <t>Hamirpur (Himachal Pradesh)</t>
  </si>
  <si>
    <t>Kangra</t>
  </si>
  <si>
    <t>Rampur (Hp)</t>
  </si>
  <si>
    <t>Sultanpur (Up)</t>
  </si>
  <si>
    <t>Kashipur</t>
  </si>
  <si>
    <t>Joya</t>
  </si>
  <si>
    <t>Nainital</t>
  </si>
  <si>
    <t>Kharar</t>
  </si>
  <si>
    <t>Ulhasnagar</t>
  </si>
  <si>
    <t>Chinchinim</t>
  </si>
  <si>
    <t>Santa Cruz</t>
  </si>
  <si>
    <t>Varca</t>
  </si>
  <si>
    <t>Raigad</t>
  </si>
  <si>
    <t>Colva</t>
  </si>
  <si>
    <t>Sohna</t>
  </si>
  <si>
    <t>North Paravur</t>
  </si>
  <si>
    <t>KHOPOLI</t>
  </si>
  <si>
    <t>Sindhanur</t>
  </si>
  <si>
    <t>Shivamogga</t>
  </si>
  <si>
    <t>Contai</t>
  </si>
  <si>
    <t>Cooch Behar</t>
  </si>
  <si>
    <t>Hathras</t>
  </si>
  <si>
    <t>Sitapur</t>
  </si>
  <si>
    <t>Sitarganj</t>
  </si>
  <si>
    <t>Nangal</t>
  </si>
  <si>
    <t>Una (Himachal Pradesh)</t>
  </si>
  <si>
    <t>Anantnag</t>
  </si>
  <si>
    <t>Sopore</t>
  </si>
  <si>
    <t>Faizabad</t>
  </si>
  <si>
    <t>Bijnor</t>
  </si>
  <si>
    <t>Kothagudem</t>
  </si>
  <si>
    <t>Behraich</t>
  </si>
  <si>
    <t>Jaunpur</t>
  </si>
  <si>
    <t>Etah</t>
  </si>
  <si>
    <t>Shahjahanpur</t>
  </si>
  <si>
    <t>Tiruvannamalai</t>
  </si>
  <si>
    <t>Kancheepuram</t>
  </si>
  <si>
    <t>Thiruvallur</t>
  </si>
  <si>
    <t>Agartala</t>
  </si>
  <si>
    <t>Dewas</t>
  </si>
  <si>
    <t>Kalol</t>
  </si>
  <si>
    <t>Kosamba</t>
  </si>
  <si>
    <t>Hajira</t>
  </si>
  <si>
    <t>Dhar</t>
  </si>
  <si>
    <t>Shivpuri</t>
  </si>
  <si>
    <t>Ujjain</t>
  </si>
  <si>
    <t>Harda</t>
  </si>
  <si>
    <t>Chhindwara</t>
  </si>
  <si>
    <t>Guna</t>
  </si>
  <si>
    <t>Khandwa</t>
  </si>
  <si>
    <t>Betul</t>
  </si>
  <si>
    <t>Damoh</t>
  </si>
  <si>
    <t>Durg</t>
  </si>
  <si>
    <t>Bhatapara</t>
  </si>
  <si>
    <t>Ambikapur</t>
  </si>
  <si>
    <t>Korba</t>
  </si>
  <si>
    <t>Rajnandgaon</t>
  </si>
  <si>
    <t>Khargone</t>
  </si>
  <si>
    <t>Dadri</t>
  </si>
  <si>
    <t>Kosikalan</t>
  </si>
  <si>
    <t>Jhajjar</t>
  </si>
  <si>
    <t>Billimora</t>
  </si>
  <si>
    <t>Bicholim</t>
  </si>
  <si>
    <t>Vrindavan</t>
  </si>
  <si>
    <t>Haridwar</t>
  </si>
  <si>
    <t>Rae Bareli</t>
  </si>
  <si>
    <t>Firozabad</t>
  </si>
  <si>
    <t>Deoria</t>
  </si>
  <si>
    <t>Botad</t>
  </si>
  <si>
    <t>Siwan (Bihar)</t>
  </si>
  <si>
    <t>Andul</t>
  </si>
  <si>
    <t>Jeypore</t>
  </si>
  <si>
    <t>Petlad</t>
  </si>
  <si>
    <t>Umbergoan</t>
  </si>
  <si>
    <t>Halol</t>
  </si>
  <si>
    <t>Bavla</t>
  </si>
  <si>
    <t>Mahuva</t>
  </si>
  <si>
    <t>U.T Of Dadra &amp; Nagar Haveli</t>
  </si>
  <si>
    <t>Vijapur</t>
  </si>
  <si>
    <t>Wankaner</t>
  </si>
  <si>
    <t>Gondia</t>
  </si>
  <si>
    <t>Khamgaon</t>
  </si>
  <si>
    <t>Wardha</t>
  </si>
  <si>
    <t>Shrirampur</t>
  </si>
  <si>
    <t>Bidar</t>
  </si>
  <si>
    <t>Attur</t>
  </si>
  <si>
    <t>Malappuram</t>
  </si>
  <si>
    <t>Bangalore</t>
  </si>
  <si>
    <t>Dankuni</t>
  </si>
  <si>
    <t>Chandannagar (Wb)</t>
  </si>
  <si>
    <t>Nizamabad</t>
  </si>
  <si>
    <t>Rajasmand</t>
  </si>
  <si>
    <t>Dausa</t>
  </si>
  <si>
    <t>Dholpur</t>
  </si>
  <si>
    <t>Nandyal</t>
  </si>
  <si>
    <t>Thanjavur</t>
  </si>
  <si>
    <t>Pudukottai</t>
  </si>
  <si>
    <t>Dharmapuri</t>
  </si>
  <si>
    <t>Srikakulam</t>
  </si>
  <si>
    <t>Proddattur</t>
  </si>
  <si>
    <t>Mahabubnagar</t>
  </si>
  <si>
    <t>Nanded</t>
  </si>
  <si>
    <t>Yavatmal</t>
  </si>
  <si>
    <t>Ongole</t>
  </si>
  <si>
    <t>Chinnamiram</t>
  </si>
  <si>
    <t>Narasaraopeta</t>
  </si>
  <si>
    <t>Puttaparthi</t>
  </si>
  <si>
    <t>Kanakapura</t>
  </si>
  <si>
    <t>Hassan</t>
  </si>
  <si>
    <t>Bidadi</t>
  </si>
  <si>
    <t>Chidambaram</t>
  </si>
  <si>
    <t>Chandrapur</t>
  </si>
  <si>
    <t>Beawar</t>
  </si>
  <si>
    <t>Bharatpur</t>
  </si>
  <si>
    <t>Susari</t>
  </si>
  <si>
    <t>Shujalpur</t>
  </si>
  <si>
    <t>Rewa</t>
  </si>
  <si>
    <t>Cuddalore</t>
  </si>
  <si>
    <t>Nagercoil</t>
  </si>
  <si>
    <t>Arambagh</t>
  </si>
  <si>
    <t>Silchar</t>
  </si>
  <si>
    <t>Tinsukia</t>
  </si>
  <si>
    <t>Kharagpur</t>
  </si>
  <si>
    <t>Dibrugarh</t>
  </si>
  <si>
    <t>Villupuram</t>
  </si>
  <si>
    <t>Shahpura</t>
  </si>
  <si>
    <t>Begowal</t>
  </si>
  <si>
    <t>Mukerian</t>
  </si>
  <si>
    <t>Koraput</t>
  </si>
  <si>
    <t>Badshahpur</t>
  </si>
  <si>
    <t>Bangalore Rural</t>
  </si>
  <si>
    <t>Thiruvarur</t>
  </si>
  <si>
    <t>Tuticorin</t>
  </si>
  <si>
    <t>Brahmapur</t>
  </si>
  <si>
    <t>Mohali</t>
  </si>
  <si>
    <t>Ranipet</t>
  </si>
  <si>
    <t>Puri</t>
  </si>
  <si>
    <t>Sikar</t>
  </si>
  <si>
    <t>Kavundapadi</t>
  </si>
  <si>
    <t>Sanwer</t>
  </si>
  <si>
    <t>Shirol</t>
  </si>
  <si>
    <t>Indapur</t>
  </si>
  <si>
    <t>Bhandara</t>
  </si>
  <si>
    <t>Gonda</t>
  </si>
  <si>
    <t>Cansaulim</t>
  </si>
  <si>
    <t>Navelim</t>
  </si>
  <si>
    <t>Guruvayoor</t>
  </si>
  <si>
    <t>Vallabh Vidhya Nagar</t>
  </si>
  <si>
    <t>Sriperumbudur</t>
  </si>
  <si>
    <t>Bardez</t>
  </si>
  <si>
    <t>Nissing</t>
  </si>
  <si>
    <t>Canacona</t>
  </si>
  <si>
    <t>Sahibabad</t>
  </si>
  <si>
    <t>Ooty</t>
  </si>
  <si>
    <t>Adoor</t>
  </si>
  <si>
    <t>Kunnamkulam</t>
  </si>
  <si>
    <t>Ranipettai</t>
  </si>
  <si>
    <t>Kolenchery</t>
  </si>
  <si>
    <t>Thiruvottiyur</t>
  </si>
  <si>
    <t>Vatanappally</t>
  </si>
  <si>
    <t>Ambur</t>
  </si>
  <si>
    <t>Jhunjhunu</t>
  </si>
  <si>
    <t>Mullanpur Dakha</t>
  </si>
  <si>
    <t>Talwandi Sabo</t>
  </si>
  <si>
    <t>Keshrisinghpur</t>
  </si>
  <si>
    <t>Khijrabad</t>
  </si>
  <si>
    <t>Assandh</t>
  </si>
  <si>
    <t>Bhogpur</t>
  </si>
  <si>
    <t>Sahnewal</t>
  </si>
  <si>
    <t>Naraingarh</t>
  </si>
  <si>
    <t>Malout</t>
  </si>
  <si>
    <t>Abohar</t>
  </si>
  <si>
    <t>Goraya</t>
  </si>
  <si>
    <t>New Delhi</t>
  </si>
  <si>
    <t>Sultanpur (Hp)</t>
  </si>
  <si>
    <t>Banga</t>
  </si>
  <si>
    <t>Shahbad</t>
  </si>
  <si>
    <t>Qadian</t>
  </si>
  <si>
    <t>Nakodar</t>
  </si>
  <si>
    <t>Kurali</t>
  </si>
  <si>
    <t>Doraha</t>
  </si>
  <si>
    <t>Raikot</t>
  </si>
  <si>
    <t>Shirpur</t>
  </si>
  <si>
    <t>Rampura Phul</t>
  </si>
  <si>
    <t>Patran</t>
  </si>
  <si>
    <t>Machhiwara</t>
  </si>
  <si>
    <t>Zira</t>
  </si>
  <si>
    <t>Taraori</t>
  </si>
  <si>
    <t>Garhshankar</t>
  </si>
  <si>
    <t>Jandiala Guru</t>
  </si>
  <si>
    <t>Sunam</t>
  </si>
  <si>
    <t>Faridkot</t>
  </si>
  <si>
    <t>Phillaur</t>
  </si>
  <si>
    <t>Bagha Purana</t>
  </si>
  <si>
    <t>Jalalabad</t>
  </si>
  <si>
    <t>Talwandi Bhai</t>
  </si>
  <si>
    <t>Bhikhi</t>
  </si>
  <si>
    <t>Tarn Taran</t>
  </si>
  <si>
    <t>Samana</t>
  </si>
  <si>
    <t>Urmar Tanda</t>
  </si>
  <si>
    <t>Mahilpur</t>
  </si>
  <si>
    <t>Ponata Sahib</t>
  </si>
  <si>
    <t>Mithapur</t>
  </si>
  <si>
    <t>Anjar</t>
  </si>
  <si>
    <t>Vyara</t>
  </si>
  <si>
    <t>Raigarh</t>
  </si>
  <si>
    <t>Sardulgarh</t>
  </si>
  <si>
    <t>Bahadurpur</t>
  </si>
  <si>
    <t>Modinagar</t>
  </si>
  <si>
    <t>Shamsabad (Up)</t>
  </si>
  <si>
    <t>Jakhal</t>
  </si>
  <si>
    <t>Dhand</t>
  </si>
  <si>
    <t>Malda</t>
  </si>
  <si>
    <t>Hanumangarh</t>
  </si>
  <si>
    <t>Cheeka</t>
  </si>
  <si>
    <t>Safidon</t>
  </si>
  <si>
    <t>Ratia</t>
  </si>
  <si>
    <t>Dhuri</t>
  </si>
  <si>
    <t>Budhalda</t>
  </si>
  <si>
    <t>Gidderbaha</t>
  </si>
  <si>
    <t>Nihalsingh Wala</t>
  </si>
  <si>
    <t>Pilibanga</t>
  </si>
  <si>
    <t>Tohana</t>
  </si>
  <si>
    <t>Muvattupuzha</t>
  </si>
  <si>
    <t>Mavelikkara</t>
  </si>
  <si>
    <t>Cheppad</t>
  </si>
  <si>
    <t>Cherthala</t>
  </si>
  <si>
    <t>Chettikulangara</t>
  </si>
  <si>
    <t>Eramalloor</t>
  </si>
  <si>
    <t>Varkala</t>
  </si>
  <si>
    <t>Kayamkulam</t>
  </si>
  <si>
    <t>Thanneermukkam</t>
  </si>
  <si>
    <t>Pala</t>
  </si>
  <si>
    <t>Kudamaloor</t>
  </si>
  <si>
    <t>Kulathumuzhy</t>
  </si>
  <si>
    <t>Kurichithanam</t>
  </si>
  <si>
    <t>Oravackal</t>
  </si>
  <si>
    <t>Ettumanoor</t>
  </si>
  <si>
    <t>Pandalam</t>
  </si>
  <si>
    <t>Karunagapally</t>
  </si>
  <si>
    <t>Kothamangalam</t>
  </si>
  <si>
    <t>Cherai</t>
  </si>
  <si>
    <t>Angamaly</t>
  </si>
  <si>
    <t>Palluruthy</t>
  </si>
  <si>
    <t>Kanjirapally</t>
  </si>
  <si>
    <t>Perumbavoor</t>
  </si>
  <si>
    <t>Veliyanad</t>
  </si>
  <si>
    <t>Cherukunnu</t>
  </si>
  <si>
    <t>Payyanur</t>
  </si>
  <si>
    <t>Vadakara</t>
  </si>
  <si>
    <t>Kasaragod</t>
  </si>
  <si>
    <t>Kanhangad</t>
  </si>
  <si>
    <t>Alathur</t>
  </si>
  <si>
    <t>Koduvayoor</t>
  </si>
  <si>
    <t>Ottapalam</t>
  </si>
  <si>
    <t>Palakkad</t>
  </si>
  <si>
    <t>Vadakkancheri</t>
  </si>
  <si>
    <t>Mannarkkad</t>
  </si>
  <si>
    <t>Chendrappinni</t>
  </si>
  <si>
    <t>Kechery</t>
  </si>
  <si>
    <t>Chavakkad</t>
  </si>
  <si>
    <t>Triprayar</t>
  </si>
  <si>
    <t>Karuvannur</t>
  </si>
  <si>
    <t>Kodakara</t>
  </si>
  <si>
    <t>Kodungallur</t>
  </si>
  <si>
    <t>Koratty</t>
  </si>
  <si>
    <t>Lokamaleswaram</t>
  </si>
  <si>
    <t>Mala</t>
  </si>
  <si>
    <t>Peringanam</t>
  </si>
  <si>
    <t>Puthenchira</t>
  </si>
  <si>
    <t>Talikulam</t>
  </si>
  <si>
    <t>Thiruvilwamala</t>
  </si>
  <si>
    <t>Thumboor</t>
  </si>
  <si>
    <t>Manipal</t>
  </si>
  <si>
    <t>Kartarpur</t>
  </si>
  <si>
    <t>Kalpetta</t>
  </si>
  <si>
    <t>Kottakal</t>
  </si>
  <si>
    <t>Sulthan Bathery</t>
  </si>
  <si>
    <t>Thirkkakara</t>
  </si>
  <si>
    <t>Adilabad</t>
  </si>
  <si>
    <t>Tadipatri</t>
  </si>
  <si>
    <t>Kasibugga</t>
  </si>
  <si>
    <t>Piduguralla</t>
  </si>
  <si>
    <t>Jagityala</t>
  </si>
  <si>
    <t>Khammam</t>
  </si>
  <si>
    <t>Machilipatnam</t>
  </si>
  <si>
    <t>Gadwal</t>
  </si>
  <si>
    <t>Siddipet</t>
  </si>
  <si>
    <t>Bhongir</t>
  </si>
  <si>
    <t>Nalgonda</t>
  </si>
  <si>
    <t>Suryapet</t>
  </si>
  <si>
    <t>Tandur</t>
  </si>
  <si>
    <t>Medchal</t>
  </si>
  <si>
    <t>Eluru</t>
  </si>
  <si>
    <t>Kodad</t>
  </si>
  <si>
    <t>Itanagar</t>
  </si>
  <si>
    <t>Barpeta</t>
  </si>
  <si>
    <t>Bongaigaon</t>
  </si>
  <si>
    <t>Numaligarh</t>
  </si>
  <si>
    <t>Sivasagar</t>
  </si>
  <si>
    <t>Betiah</t>
  </si>
  <si>
    <t>Motihari</t>
  </si>
  <si>
    <t>Purnia</t>
  </si>
  <si>
    <t>Buxar</t>
  </si>
  <si>
    <t>Champa</t>
  </si>
  <si>
    <t>Kawardha</t>
  </si>
  <si>
    <t>Mahasamund</t>
  </si>
  <si>
    <t>Baloda</t>
  </si>
  <si>
    <t>Pernem</t>
  </si>
  <si>
    <t>Memnagar</t>
  </si>
  <si>
    <t>Sanand</t>
  </si>
  <si>
    <t>Changodar</t>
  </si>
  <si>
    <t>Amroli</t>
  </si>
  <si>
    <t>Khambhat</t>
  </si>
  <si>
    <t>Talaja</t>
  </si>
  <si>
    <t>Palitana</t>
  </si>
  <si>
    <t>Khambhalia</t>
  </si>
  <si>
    <t>Keshod</t>
  </si>
  <si>
    <t>Una (Gujarat)</t>
  </si>
  <si>
    <t>Rajpipla</t>
  </si>
  <si>
    <t>Lunawada</t>
  </si>
  <si>
    <t>Idar</t>
  </si>
  <si>
    <t>Modasa</t>
  </si>
  <si>
    <t>Limbdi</t>
  </si>
  <si>
    <t>Dhrangadhra</t>
  </si>
  <si>
    <t>Por</t>
  </si>
  <si>
    <t>Pipli</t>
  </si>
  <si>
    <t>Narwana</t>
  </si>
  <si>
    <t>Kalayat</t>
  </si>
  <si>
    <t>Pundri</t>
  </si>
  <si>
    <t>Siwan (Haryana)</t>
  </si>
  <si>
    <t>Ismailabad</t>
  </si>
  <si>
    <t>Mahendargarh</t>
  </si>
  <si>
    <t>Israna</t>
  </si>
  <si>
    <t>Hansi</t>
  </si>
  <si>
    <t>Gohana</t>
  </si>
  <si>
    <t>Hodal</t>
  </si>
  <si>
    <t>Barwala(Panchakula- Haryana)</t>
  </si>
  <si>
    <t>Palampur</t>
  </si>
  <si>
    <t>Kullu</t>
  </si>
  <si>
    <t>Nahan</t>
  </si>
  <si>
    <t>Dumka</t>
  </si>
  <si>
    <t>Hugli</t>
  </si>
  <si>
    <t>Jhumri Tilaiya</t>
  </si>
  <si>
    <t>Daltongunj</t>
  </si>
  <si>
    <t>Devanahalli</t>
  </si>
  <si>
    <t>Doddaballapur</t>
  </si>
  <si>
    <t>Hunasamaranahalli</t>
  </si>
  <si>
    <t>Ramanagaram</t>
  </si>
  <si>
    <t>Ballary</t>
  </si>
  <si>
    <t>Hospet</t>
  </si>
  <si>
    <t>Gadag</t>
  </si>
  <si>
    <t>Sedam</t>
  </si>
  <si>
    <t>Haveri</t>
  </si>
  <si>
    <t>Balaghat</t>
  </si>
  <si>
    <t>GanjBasoda</t>
  </si>
  <si>
    <t>Burhanpur</t>
  </si>
  <si>
    <t>Chattarpur</t>
  </si>
  <si>
    <t>Panna</t>
  </si>
  <si>
    <t>Raisen</t>
  </si>
  <si>
    <t>Jaora</t>
  </si>
  <si>
    <t>Sehore</t>
  </si>
  <si>
    <t>Seoni</t>
  </si>
  <si>
    <t>Shahdol</t>
  </si>
  <si>
    <t>Sidhi</t>
  </si>
  <si>
    <t>Datia</t>
  </si>
  <si>
    <t>Tikamgarh</t>
  </si>
  <si>
    <t>Kopergaon</t>
  </si>
  <si>
    <t>Bid</t>
  </si>
  <si>
    <t>Nandurbar</t>
  </si>
  <si>
    <t>Deolali</t>
  </si>
  <si>
    <t>Parabhani</t>
  </si>
  <si>
    <t>Daund</t>
  </si>
  <si>
    <t>Narayangaon</t>
  </si>
  <si>
    <t>Washim</t>
  </si>
  <si>
    <t>Sawantwadi</t>
  </si>
  <si>
    <t>Barshi</t>
  </si>
  <si>
    <t>Mumbra</t>
  </si>
  <si>
    <t>Badlapur</t>
  </si>
  <si>
    <t>Agashi</t>
  </si>
  <si>
    <t>Butibori</t>
  </si>
  <si>
    <t>Manjari</t>
  </si>
  <si>
    <t>Jowai</t>
  </si>
  <si>
    <t>Tura</t>
  </si>
  <si>
    <t>Aizawl</t>
  </si>
  <si>
    <t>Dimapur</t>
  </si>
  <si>
    <t>Talcher</t>
  </si>
  <si>
    <t>Bargarh</t>
  </si>
  <si>
    <t>Paradeep</t>
  </si>
  <si>
    <t>Keonjhar</t>
  </si>
  <si>
    <t>Joda</t>
  </si>
  <si>
    <t>Salepur</t>
  </si>
  <si>
    <t>Beas</t>
  </si>
  <si>
    <t>Patti</t>
  </si>
  <si>
    <t>Dasuya</t>
  </si>
  <si>
    <t>Apra</t>
  </si>
  <si>
    <t>Lohian Khas</t>
  </si>
  <si>
    <t>Shahkot</t>
  </si>
  <si>
    <t>Phullanwala</t>
  </si>
  <si>
    <t>Balachaur</t>
  </si>
  <si>
    <t>Mullanpur Garibadas</t>
  </si>
  <si>
    <t>Ahmedgarh</t>
  </si>
  <si>
    <t>Kishangarh</t>
  </si>
  <si>
    <t>Neemrana</t>
  </si>
  <si>
    <t>Behror</t>
  </si>
  <si>
    <t>Barmer</t>
  </si>
  <si>
    <t>Pratapgarh (Rajasthan)</t>
  </si>
  <si>
    <t>Churu</t>
  </si>
  <si>
    <t>Sawai Madhopur</t>
  </si>
  <si>
    <t>Udumalaipettai</t>
  </si>
  <si>
    <t>Dindigul</t>
  </si>
  <si>
    <t>Chengalpattu</t>
  </si>
  <si>
    <t>Karapakkam</t>
  </si>
  <si>
    <t>Nagapattinam</t>
  </si>
  <si>
    <t>Mayiladuthurai</t>
  </si>
  <si>
    <t>Karaikudi</t>
  </si>
  <si>
    <t>Kumbakonam</t>
  </si>
  <si>
    <t>Maraimalai</t>
  </si>
  <si>
    <t>Madambakkam</t>
  </si>
  <si>
    <t>Arakonam</t>
  </si>
  <si>
    <t>Sivakasi</t>
  </si>
  <si>
    <t>Krishnagiri</t>
  </si>
  <si>
    <t>Ramapuram</t>
  </si>
  <si>
    <t>Perungalathur</t>
  </si>
  <si>
    <t>Perambalur</t>
  </si>
  <si>
    <t>Ramanathapuram</t>
  </si>
  <si>
    <t>Ilampillai</t>
  </si>
  <si>
    <t>Thuckalay</t>
  </si>
  <si>
    <t>Rasipuram</t>
  </si>
  <si>
    <t>Pallikanai</t>
  </si>
  <si>
    <t>Akbarpur</t>
  </si>
  <si>
    <t>Auraiya</t>
  </si>
  <si>
    <t>Azamgarh</t>
  </si>
  <si>
    <t>Ballia</t>
  </si>
  <si>
    <t>Balrampur</t>
  </si>
  <si>
    <t>Basti</t>
  </si>
  <si>
    <t>Ghazipur</t>
  </si>
  <si>
    <t>Sikandrabad</t>
  </si>
  <si>
    <t>Mughalsarai</t>
  </si>
  <si>
    <t>Robertsganj</t>
  </si>
  <si>
    <t>Etawah</t>
  </si>
  <si>
    <t>Fatehgarh - Up</t>
  </si>
  <si>
    <t>Fatehpur (Fatepur -Up)</t>
  </si>
  <si>
    <t>Shikohabad</t>
  </si>
  <si>
    <t>Kannauj</t>
  </si>
  <si>
    <t>Kakadev</t>
  </si>
  <si>
    <t>Gola Gokaran Nath</t>
  </si>
  <si>
    <t>Padrauna</t>
  </si>
  <si>
    <t>Maharajganj</t>
  </si>
  <si>
    <t>Maunath Bhanjan</t>
  </si>
  <si>
    <t>Mirzapur</t>
  </si>
  <si>
    <t>Shamli</t>
  </si>
  <si>
    <t>Lakhimpur</t>
  </si>
  <si>
    <t>Pratapgarh (Uttar Pradesh)</t>
  </si>
  <si>
    <t>Rampur (Up)</t>
  </si>
  <si>
    <t>Renukoot</t>
  </si>
  <si>
    <t>Unnao</t>
  </si>
  <si>
    <t>Almora</t>
  </si>
  <si>
    <t>Gadarpur</t>
  </si>
  <si>
    <t>Domjur</t>
  </si>
  <si>
    <t>Serampore</t>
  </si>
  <si>
    <t>Krishnagar</t>
  </si>
  <si>
    <t>Tamluk</t>
  </si>
  <si>
    <t>Budge Budge</t>
  </si>
  <si>
    <t>Amtala</t>
  </si>
  <si>
    <t>Adoni</t>
  </si>
  <si>
    <t>Ajnala</t>
  </si>
  <si>
    <t>Aldona</t>
  </si>
  <si>
    <t>Allagadda</t>
  </si>
  <si>
    <t>Najibabad</t>
  </si>
  <si>
    <t>Arrah</t>
  </si>
  <si>
    <t>Ashok Nagar</t>
  </si>
  <si>
    <t>Ashta</t>
  </si>
  <si>
    <t>Aurangabad (Bihar)</t>
  </si>
  <si>
    <t>Ayyappanthangal</t>
  </si>
  <si>
    <t>Babina</t>
  </si>
  <si>
    <t>Baghpat</t>
  </si>
  <si>
    <t>Banda(Up)</t>
  </si>
  <si>
    <t>Bannur</t>
  </si>
  <si>
    <t>Baripada</t>
  </si>
  <si>
    <t>Tilda</t>
  </si>
  <si>
    <t>Bhadrak</t>
  </si>
  <si>
    <t>Bhawanigarh</t>
  </si>
  <si>
    <t>Bhawanipatna</t>
  </si>
  <si>
    <t>Bihar</t>
  </si>
  <si>
    <t>Bijapur</t>
  </si>
  <si>
    <t>Biswanath Chariali</t>
  </si>
  <si>
    <t>Burnihat</t>
  </si>
  <si>
    <t>Adampur (Punjab)</t>
  </si>
  <si>
    <t>Palia Kalan</t>
  </si>
  <si>
    <t>Sambhal</t>
  </si>
  <si>
    <t>Chapra</t>
  </si>
  <si>
    <t>Charkhi Dadri</t>
  </si>
  <si>
    <t>Chhendipada</t>
  </si>
  <si>
    <t>Koppal</t>
  </si>
  <si>
    <t>Siolim</t>
  </si>
  <si>
    <t>Deoband</t>
  </si>
  <si>
    <t>Dharampur (Guj )</t>
  </si>
  <si>
    <t>Dharmanagar</t>
  </si>
  <si>
    <t>Dharuhera</t>
  </si>
  <si>
    <t>Dhenkanal</t>
  </si>
  <si>
    <t>Dhubri</t>
  </si>
  <si>
    <t>Digboi</t>
  </si>
  <si>
    <t>Sircilla</t>
  </si>
  <si>
    <t>Goalpara</t>
  </si>
  <si>
    <t>Gobichettipalayam</t>
  </si>
  <si>
    <t>Gudivada</t>
  </si>
  <si>
    <t>Hamirpur (Uttar Pradesh)</t>
  </si>
  <si>
    <t>Hingoli</t>
  </si>
  <si>
    <t>Hojai</t>
  </si>
  <si>
    <t>Port Blair</t>
  </si>
  <si>
    <t>Imphal</t>
  </si>
  <si>
    <t>Jhalawar</t>
  </si>
  <si>
    <t>Jasdan</t>
  </si>
  <si>
    <t>Jalor</t>
  </si>
  <si>
    <t>Kamareddy</t>
  </si>
  <si>
    <t>Karwar</t>
  </si>
  <si>
    <t>Katihar</t>
  </si>
  <si>
    <t>Kengeri Sattelite Town</t>
  </si>
  <si>
    <t>Metoda</t>
  </si>
  <si>
    <t>Khatauli</t>
  </si>
  <si>
    <t>Kohima</t>
  </si>
  <si>
    <t>Kokrajhar</t>
  </si>
  <si>
    <t>Hinganghat</t>
  </si>
  <si>
    <t>Kovilpatti</t>
  </si>
  <si>
    <t>Umbraj</t>
  </si>
  <si>
    <t>Rayadurg</t>
  </si>
  <si>
    <t>Madikeri</t>
  </si>
  <si>
    <t>Maihar</t>
  </si>
  <si>
    <t>Mandi Dabwali</t>
  </si>
  <si>
    <t>Mandvi</t>
  </si>
  <si>
    <t>Mangaldoi</t>
  </si>
  <si>
    <t>Meramandali</t>
  </si>
  <si>
    <t>Nagaon</t>
  </si>
  <si>
    <t>Nagaur</t>
  </si>
  <si>
    <t>Nalagarh</t>
  </si>
  <si>
    <t>Nalbari</t>
  </si>
  <si>
    <t>Nirmal</t>
  </si>
  <si>
    <t>North Guwahati</t>
  </si>
  <si>
    <t>Orai</t>
  </si>
  <si>
    <t>Amalner</t>
  </si>
  <si>
    <t>Pallavaram</t>
  </si>
  <si>
    <t>Pardi</t>
  </si>
  <si>
    <t>Sasaram</t>
  </si>
  <si>
    <t>Tirupathur</t>
  </si>
  <si>
    <t>Rahuri</t>
  </si>
  <si>
    <t>Rajampet</t>
  </si>
  <si>
    <t>Rajgir</t>
  </si>
  <si>
    <t>Sitamarhi</t>
  </si>
  <si>
    <t>Ramnagar</t>
  </si>
  <si>
    <t>Jaygaon</t>
  </si>
  <si>
    <t>Red Hills</t>
  </si>
  <si>
    <t>Khamanon</t>
  </si>
  <si>
    <t>Shamshabad (Ap)</t>
  </si>
  <si>
    <t>Lalitpur</t>
  </si>
  <si>
    <t>Kelambakkam</t>
  </si>
  <si>
    <t>Srinagar (Uttarakhand)</t>
  </si>
  <si>
    <t>Sundarnagar</t>
  </si>
  <si>
    <t>Miryalguda</t>
  </si>
  <si>
    <t>Ramagundam</t>
  </si>
  <si>
    <t>Puranpur</t>
  </si>
  <si>
    <t>Thiruverambur</t>
  </si>
  <si>
    <t>Thirumangalam</t>
  </si>
  <si>
    <t>Nilambur</t>
  </si>
  <si>
    <t>Jalochi</t>
  </si>
  <si>
    <t>Tumkur</t>
  </si>
  <si>
    <t>Wanaparthy</t>
  </si>
  <si>
    <t>Basavakalyan</t>
  </si>
  <si>
    <t>Namchi</t>
  </si>
  <si>
    <t>Rangpo</t>
  </si>
  <si>
    <t>Kala Amb</t>
  </si>
  <si>
    <t>Kala Sangian</t>
  </si>
  <si>
    <t>Parwanoo</t>
  </si>
  <si>
    <t>Phaltan</t>
  </si>
  <si>
    <t>Eru</t>
  </si>
  <si>
    <t>Marcela</t>
  </si>
  <si>
    <t>Alirajpur</t>
  </si>
  <si>
    <t>Banka</t>
  </si>
  <si>
    <t>Barwaha</t>
  </si>
  <si>
    <t>Bhanpuri</t>
  </si>
  <si>
    <t>Biaora</t>
  </si>
  <si>
    <t>Bilari</t>
  </si>
  <si>
    <t>Bilaspur (Haryana)</t>
  </si>
  <si>
    <t>Dalsinghsarai</t>
  </si>
  <si>
    <t>Dehgam</t>
  </si>
  <si>
    <t>Dhamnod</t>
  </si>
  <si>
    <t>Dhanera</t>
  </si>
  <si>
    <t>Duliajan</t>
  </si>
  <si>
    <t>Amalapuram</t>
  </si>
  <si>
    <t>Gadhinglaj</t>
  </si>
  <si>
    <t>Gajraula</t>
  </si>
  <si>
    <t>Goverdhan</t>
  </si>
  <si>
    <t>Jaysingpur</t>
  </si>
  <si>
    <t>Gadmudshingi</t>
  </si>
  <si>
    <t>Katol</t>
  </si>
  <si>
    <t>Khagaria</t>
  </si>
  <si>
    <t>Kotputli</t>
  </si>
  <si>
    <t>Madlauda</t>
  </si>
  <si>
    <t>Mansa (Gujarat)</t>
  </si>
  <si>
    <t>Mungeli</t>
  </si>
  <si>
    <t>Nanjangud</t>
  </si>
  <si>
    <t>Naugachhia</t>
  </si>
  <si>
    <t>Rajim</t>
  </si>
  <si>
    <t>Nokha</t>
  </si>
  <si>
    <t>Pachora</t>
  </si>
  <si>
    <t>Padra</t>
  </si>
  <si>
    <t>Rajgarh (Mp)</t>
  </si>
  <si>
    <t>Rajula</t>
  </si>
  <si>
    <t>Rau</t>
  </si>
  <si>
    <t>Raxaul Bazar</t>
  </si>
  <si>
    <t>Satana</t>
  </si>
  <si>
    <t>Seoni Malwa</t>
  </si>
  <si>
    <t>Sihor</t>
  </si>
  <si>
    <t>Sillod</t>
  </si>
  <si>
    <t>Sironj</t>
  </si>
  <si>
    <t>Surajpur</t>
  </si>
  <si>
    <t>Tasgaon</t>
  </si>
  <si>
    <t>Shapar</t>
  </si>
  <si>
    <t>Vita</t>
  </si>
  <si>
    <t>Warud</t>
  </si>
  <si>
    <t>Aonla</t>
  </si>
  <si>
    <t>Sarai Mir</t>
  </si>
  <si>
    <t>Barhalganj</t>
  </si>
  <si>
    <t>Ghatampur</t>
  </si>
  <si>
    <t>Khalilabad</t>
  </si>
  <si>
    <t>Maudaha</t>
  </si>
  <si>
    <t>Muhammadabad</t>
  </si>
  <si>
    <t>Nanpara</t>
  </si>
  <si>
    <t>Nautanwa</t>
  </si>
  <si>
    <t>Powayan</t>
  </si>
  <si>
    <t>Anupshahr</t>
  </si>
  <si>
    <t>Bharthana</t>
  </si>
  <si>
    <t>Kiraoli</t>
  </si>
  <si>
    <t>Lohta</t>
  </si>
  <si>
    <t>Mohanlalganj</t>
  </si>
  <si>
    <t>Salempur</t>
  </si>
  <si>
    <t>Jhajha</t>
  </si>
  <si>
    <t>Forbesganj</t>
  </si>
  <si>
    <t>Adampur (Haryana)</t>
  </si>
  <si>
    <t>Badgam</t>
  </si>
  <si>
    <t>Barara</t>
  </si>
  <si>
    <t>Barwala(Hisar- Haryana)</t>
  </si>
  <si>
    <t>Bodeli</t>
  </si>
  <si>
    <t>Chiplun</t>
  </si>
  <si>
    <t>Cuncolim</t>
  </si>
  <si>
    <t>Dhampur</t>
  </si>
  <si>
    <t>Dhupguri</t>
  </si>
  <si>
    <t>Fatehgarh Churian</t>
  </si>
  <si>
    <t>Ganderbal</t>
  </si>
  <si>
    <t>Halvad</t>
  </si>
  <si>
    <t>Indri</t>
  </si>
  <si>
    <t>Jagatsinghpur</t>
  </si>
  <si>
    <t>Jandiala</t>
  </si>
  <si>
    <t>Jodhan</t>
  </si>
  <si>
    <t>Mawkyrwat</t>
  </si>
  <si>
    <t>Kangeyam</t>
  </si>
  <si>
    <t>Kheda</t>
  </si>
  <si>
    <t>Manglia</t>
  </si>
  <si>
    <t>Maur</t>
  </si>
  <si>
    <t>Palladam</t>
  </si>
  <si>
    <t>Parvathipuram</t>
  </si>
  <si>
    <t>Payal</t>
  </si>
  <si>
    <t>Peddapuram</t>
  </si>
  <si>
    <t>Pinjore</t>
  </si>
  <si>
    <t>Pulwama</t>
  </si>
  <si>
    <t>Rahon</t>
  </si>
  <si>
    <t>Ghanaur</t>
  </si>
  <si>
    <t>Shirwal</t>
  </si>
  <si>
    <t>Sultanabad</t>
  </si>
  <si>
    <t>Talwara</t>
  </si>
  <si>
    <t>Tarakeswar</t>
  </si>
  <si>
    <t>Wai</t>
  </si>
  <si>
    <t>Yevla</t>
  </si>
  <si>
    <t>Kalanaur</t>
  </si>
  <si>
    <t>Gulaothi</t>
  </si>
  <si>
    <t>Chhutmalpur</t>
  </si>
  <si>
    <t>Udaipur (Tripura)</t>
  </si>
  <si>
    <t>Kalimpong</t>
  </si>
  <si>
    <t>Chhatral</t>
  </si>
  <si>
    <t>Salur</t>
  </si>
  <si>
    <t>Akhnoor</t>
  </si>
  <si>
    <t>Bagru</t>
  </si>
  <si>
    <t>Bhagta</t>
  </si>
  <si>
    <t>Bhulath</t>
  </si>
  <si>
    <t>Bijbehara</t>
  </si>
  <si>
    <t>Chikhli (Gujarat)</t>
  </si>
  <si>
    <t>Mettur</t>
  </si>
  <si>
    <t>Kot Isa Khan</t>
  </si>
  <si>
    <t>Malsian</t>
  </si>
  <si>
    <t>Avanashi</t>
  </si>
  <si>
    <t>Mudhol</t>
  </si>
  <si>
    <t>Nagrota Bagwan</t>
  </si>
  <si>
    <t>Oddanchatram</t>
  </si>
  <si>
    <t>Ranbir Singh Pora</t>
  </si>
  <si>
    <t>Samba</t>
  </si>
  <si>
    <t>Saravanampatti</t>
  </si>
  <si>
    <t>Sri Hargobindpur Sahib</t>
  </si>
  <si>
    <t>Athni</t>
  </si>
  <si>
    <t>Ellenabad</t>
  </si>
  <si>
    <t>Gill</t>
  </si>
  <si>
    <t>Huzurabad</t>
  </si>
  <si>
    <t>Jammikunta</t>
  </si>
  <si>
    <t>Lambra</t>
  </si>
  <si>
    <t>Pandhurna</t>
  </si>
  <si>
    <t>ARNI</t>
  </si>
  <si>
    <t>Raver</t>
  </si>
  <si>
    <t>Sukher</t>
  </si>
  <si>
    <t>Zahirabad</t>
  </si>
  <si>
    <t>Shahganj</t>
  </si>
  <si>
    <t>Wada</t>
  </si>
  <si>
    <t>Kakching</t>
  </si>
  <si>
    <t>Barh</t>
  </si>
  <si>
    <t>Kaliaganj</t>
  </si>
  <si>
    <t>Dabhel</t>
  </si>
  <si>
    <t>Dwarka</t>
  </si>
  <si>
    <t>Goniana</t>
  </si>
  <si>
    <t>Jaitu</t>
  </si>
  <si>
    <t>Kantabanji</t>
  </si>
  <si>
    <t>Karjan</t>
  </si>
  <si>
    <t>Kendrapara</t>
  </si>
  <si>
    <t>Lunglei</t>
  </si>
  <si>
    <t>Macherla</t>
  </si>
  <si>
    <t>Shirur</t>
  </si>
  <si>
    <t>Sumerpur</t>
  </si>
  <si>
    <t>Jamjodhpur</t>
  </si>
  <si>
    <t>Manauri Bazar</t>
  </si>
  <si>
    <t>Champhai</t>
  </si>
  <si>
    <t>Nongstoin</t>
  </si>
  <si>
    <t>Nongpoh</t>
  </si>
  <si>
    <t>Mokokchung</t>
  </si>
  <si>
    <t>Diphu</t>
  </si>
  <si>
    <t>Pasighat</t>
  </si>
  <si>
    <t>Chandikhol</t>
  </si>
  <si>
    <t>Athgarh</t>
  </si>
  <si>
    <t>Biramitrapur</t>
  </si>
  <si>
    <t>Deogarh (Orissa)</t>
  </si>
  <si>
    <t>Badvel</t>
  </si>
  <si>
    <t>Bhainsa</t>
  </si>
  <si>
    <t>Chikhli (Maharashtra)</t>
  </si>
  <si>
    <t>Egra</t>
  </si>
  <si>
    <t>Kalyandurg</t>
  </si>
  <si>
    <t>Madhupur</t>
  </si>
  <si>
    <t>Pattamundai</t>
  </si>
  <si>
    <t>Rajam</t>
  </si>
  <si>
    <t>Kasia</t>
  </si>
  <si>
    <t>Rajgangpur</t>
  </si>
  <si>
    <t>Simdega</t>
  </si>
  <si>
    <t>Ghatshila</t>
  </si>
  <si>
    <t>Mahatpur</t>
  </si>
  <si>
    <t>Armoor</t>
  </si>
  <si>
    <t>Bagnan</t>
  </si>
  <si>
    <t>Bhachau</t>
  </si>
  <si>
    <t>Bhadrachalam</t>
  </si>
  <si>
    <t>Bhikhiwind</t>
  </si>
  <si>
    <t>Bilga</t>
  </si>
  <si>
    <t>Chamkaur Sahib</t>
  </si>
  <si>
    <t>Dalhousie</t>
  </si>
  <si>
    <t>Batlagundu</t>
  </si>
  <si>
    <t>Jadcherla</t>
  </si>
  <si>
    <t>Dhariwal</t>
  </si>
  <si>
    <t>Dinanagar</t>
  </si>
  <si>
    <t>Edappal</t>
  </si>
  <si>
    <t>Gardhiwal</t>
  </si>
  <si>
    <t>Godda</t>
  </si>
  <si>
    <t>Goindwal</t>
  </si>
  <si>
    <t>Gumla</t>
  </si>
  <si>
    <t>Jhanjharpur</t>
  </si>
  <si>
    <t>Kandla</t>
  </si>
  <si>
    <t>Karkal</t>
  </si>
  <si>
    <t>Khordha</t>
  </si>
  <si>
    <t>Kumta</t>
  </si>
  <si>
    <t>Kundapur</t>
  </si>
  <si>
    <t>Majitha</t>
  </si>
  <si>
    <t>Manali</t>
  </si>
  <si>
    <t>Bhadson</t>
  </si>
  <si>
    <t>Mandapeta</t>
  </si>
  <si>
    <t>Mattannur</t>
  </si>
  <si>
    <t>Desumajra</t>
  </si>
  <si>
    <t>Metpalle</t>
  </si>
  <si>
    <t>Mudbidri</t>
  </si>
  <si>
    <t>Nadapuram</t>
  </si>
  <si>
    <t>Puttur</t>
  </si>
  <si>
    <t>Rania</t>
  </si>
  <si>
    <t>Sandur</t>
  </si>
  <si>
    <t>Sankagiri</t>
  </si>
  <si>
    <t>Sudhar</t>
  </si>
  <si>
    <t>Tapa</t>
  </si>
  <si>
    <t>Umred</t>
  </si>
  <si>
    <t>Repalle</t>
  </si>
  <si>
    <t>Thoubal</t>
  </si>
  <si>
    <t>Behram</t>
  </si>
  <si>
    <t>Abu Road</t>
  </si>
  <si>
    <t>Challakere</t>
  </si>
  <si>
    <t>Dakor</t>
  </si>
  <si>
    <t>Vijainagar</t>
  </si>
  <si>
    <t>Jambusar</t>
  </si>
  <si>
    <t>Katra</t>
  </si>
  <si>
    <t>Amargarh</t>
  </si>
  <si>
    <t>Kotdwar</t>
  </si>
  <si>
    <t>Mahabubabad</t>
  </si>
  <si>
    <t>Shoranur</t>
  </si>
  <si>
    <t>Baijnath</t>
  </si>
  <si>
    <t>Tiruvur</t>
  </si>
  <si>
    <t>Chikodi</t>
  </si>
  <si>
    <t>Jangaon</t>
  </si>
  <si>
    <t>Madhepura</t>
  </si>
  <si>
    <t>Narasampet</t>
  </si>
  <si>
    <t>Manauli</t>
  </si>
  <si>
    <t>Mehta</t>
  </si>
  <si>
    <t>Obra</t>
  </si>
  <si>
    <t>Gautam Buddha Nagar</t>
  </si>
  <si>
    <t>Kotfatuhi</t>
  </si>
  <si>
    <t>Sanquelim</t>
  </si>
  <si>
    <t>Makhu</t>
  </si>
  <si>
    <t>Dungarpur</t>
  </si>
  <si>
    <t>Bawal</t>
  </si>
  <si>
    <t>Kodaikanal</t>
  </si>
  <si>
    <t>Kekri</t>
  </si>
  <si>
    <t>Jaggayapet</t>
  </si>
  <si>
    <t>Goa</t>
  </si>
  <si>
    <t>Leh</t>
  </si>
  <si>
    <t>Rohru</t>
  </si>
  <si>
    <t>Talwan</t>
  </si>
  <si>
    <t>Memari</t>
  </si>
  <si>
    <t>Dared</t>
  </si>
  <si>
    <t>Sirsi</t>
  </si>
  <si>
    <t>Ulluberia</t>
  </si>
  <si>
    <t>Chittoor</t>
  </si>
  <si>
    <t>Rayachoti</t>
  </si>
  <si>
    <t>Markapur</t>
  </si>
  <si>
    <t>Narasapur</t>
  </si>
  <si>
    <t>Palacole</t>
  </si>
  <si>
    <t>Puttur (Ap)</t>
  </si>
  <si>
    <t>Bhalki</t>
  </si>
  <si>
    <t>Arasikere</t>
  </si>
  <si>
    <t>Korattur</t>
  </si>
  <si>
    <t>Tuni</t>
  </si>
  <si>
    <t>Chirala</t>
  </si>
  <si>
    <t>Tadepalligudem</t>
  </si>
  <si>
    <t>Medak</t>
  </si>
  <si>
    <t>Sattenapalle</t>
  </si>
  <si>
    <t>Tiptur</t>
  </si>
  <si>
    <t>Chalisgaon</t>
  </si>
  <si>
    <t>Karaikal</t>
  </si>
  <si>
    <t>Homnabad</t>
  </si>
  <si>
    <t>Ponnur</t>
  </si>
  <si>
    <t>Dhoraji</t>
  </si>
  <si>
    <t>Jangipur</t>
  </si>
  <si>
    <t>North Dumdum</t>
  </si>
  <si>
    <t>Naihati</t>
  </si>
  <si>
    <t>Parkal</t>
  </si>
  <si>
    <t>Karimganj</t>
  </si>
  <si>
    <t>Pathalgaon</t>
  </si>
  <si>
    <t>Maham</t>
  </si>
  <si>
    <t>Shahade</t>
  </si>
  <si>
    <t>Sundargarh</t>
  </si>
  <si>
    <t>Ghosi</t>
  </si>
  <si>
    <t>Mohammadabad</t>
  </si>
  <si>
    <t>Sewarhi</t>
  </si>
  <si>
    <t>Rsara</t>
  </si>
  <si>
    <t>Madanapalle</t>
  </si>
  <si>
    <t>Srikalahasti</t>
  </si>
  <si>
    <t>Chilakaluripet</t>
  </si>
  <si>
    <t>Yemmiganur</t>
  </si>
  <si>
    <t>Jagdalpur</t>
  </si>
  <si>
    <t>Dholka</t>
  </si>
  <si>
    <t>Dabhoi</t>
  </si>
  <si>
    <t>Shimla</t>
  </si>
  <si>
    <t>Ranibennur</t>
  </si>
  <si>
    <t>Nagda</t>
  </si>
  <si>
    <t>Ballarpur</t>
  </si>
  <si>
    <t>Kamptee</t>
  </si>
  <si>
    <t>Uran Islampur</t>
  </si>
  <si>
    <t>Jatani</t>
  </si>
  <si>
    <t>Chandausi</t>
  </si>
  <si>
    <t>Alipurduar</t>
  </si>
  <si>
    <t>Ranaghat</t>
  </si>
  <si>
    <t>Raiganj</t>
  </si>
  <si>
    <t>Baikunthpur</t>
  </si>
  <si>
    <t>Diu</t>
  </si>
  <si>
    <t>Patratu</t>
  </si>
  <si>
    <t>Shahapur</t>
  </si>
  <si>
    <t>Kankawli</t>
  </si>
  <si>
    <t>Aur</t>
  </si>
  <si>
    <t>Rehana Jattan</t>
  </si>
  <si>
    <t>Hambran</t>
  </si>
  <si>
    <t>Dinhata</t>
  </si>
  <si>
    <t>Tenali</t>
  </si>
  <si>
    <t>Vinukonda</t>
  </si>
  <si>
    <t>Adityapur</t>
  </si>
  <si>
    <t>Thiruvananthapuram</t>
  </si>
  <si>
    <t>Sheopur</t>
  </si>
  <si>
    <t>Budhana</t>
  </si>
  <si>
    <t>Wani</t>
  </si>
  <si>
    <t>Nabadwip</t>
  </si>
  <si>
    <t>Rajarhat Gopalpur</t>
  </si>
  <si>
    <t>Kasaramboli</t>
  </si>
  <si>
    <t>Kudal</t>
  </si>
  <si>
    <t>Shankar</t>
  </si>
  <si>
    <t>Sidhpur</t>
  </si>
  <si>
    <t>Osmanabad</t>
  </si>
  <si>
    <t>Bankura</t>
  </si>
  <si>
    <t>Rampurhat</t>
  </si>
  <si>
    <t>Purulia</t>
  </si>
  <si>
    <t>Hupari</t>
  </si>
  <si>
    <t>Hata</t>
  </si>
  <si>
    <t>Naugarh</t>
  </si>
  <si>
    <t>Utraula</t>
  </si>
  <si>
    <t>Panagarh</t>
  </si>
  <si>
    <t>Kavali</t>
  </si>
  <si>
    <t>Achalpur</t>
  </si>
  <si>
    <t>Suri</t>
  </si>
  <si>
    <t>Handwara</t>
  </si>
  <si>
    <t>Pampore</t>
  </si>
  <si>
    <t>Kagal</t>
  </si>
  <si>
    <t>Koratla</t>
  </si>
  <si>
    <t>Jamalpur</t>
  </si>
  <si>
    <t>Supaul</t>
  </si>
  <si>
    <t>Thanesar</t>
  </si>
  <si>
    <t>Kathua</t>
  </si>
  <si>
    <t>Udhampur</t>
  </si>
  <si>
    <t>Pilibhit</t>
  </si>
  <si>
    <t>Ghoti Budruk</t>
  </si>
  <si>
    <t>Murgud</t>
  </si>
  <si>
    <t>Phulpur</t>
  </si>
  <si>
    <t>Lalganj</t>
  </si>
  <si>
    <t>Nuzvid</t>
  </si>
  <si>
    <t>Araria</t>
  </si>
  <si>
    <t>Jamkhandi</t>
  </si>
  <si>
    <t>Gokak</t>
  </si>
  <si>
    <t>Yadgir</t>
  </si>
  <si>
    <t>Gangawati</t>
  </si>
  <si>
    <t>Ambejogai</t>
  </si>
  <si>
    <t>Malegaon</t>
  </si>
  <si>
    <t>Bari Brahmana</t>
  </si>
  <si>
    <t>Chikmagalur</t>
  </si>
  <si>
    <t>Chitradurga</t>
  </si>
  <si>
    <t>Mandya</t>
  </si>
  <si>
    <t>Jath</t>
  </si>
  <si>
    <t>Talala</t>
  </si>
  <si>
    <t>Shahpur</t>
  </si>
  <si>
    <t>Devakottai</t>
  </si>
  <si>
    <t>Bangarmau</t>
  </si>
  <si>
    <t>Chikballapura</t>
  </si>
  <si>
    <t>Nimbahera</t>
  </si>
  <si>
    <t>Hindaun</t>
  </si>
  <si>
    <t>Kanchrapara</t>
  </si>
  <si>
    <t>Jamuria</t>
  </si>
  <si>
    <t>Medinipur</t>
  </si>
  <si>
    <t>Shopian</t>
  </si>
  <si>
    <t>Poonch</t>
  </si>
  <si>
    <t>Mokandpur</t>
  </si>
  <si>
    <t>Lehragaga</t>
  </si>
  <si>
    <t>Tapokda</t>
  </si>
  <si>
    <t>Deoli</t>
  </si>
  <si>
    <t>Neem Ka Thana</t>
  </si>
  <si>
    <t>Phalodi</t>
  </si>
  <si>
    <t>Sangaria</t>
  </si>
  <si>
    <t>Bellampalle</t>
  </si>
  <si>
    <t>Nawada</t>
  </si>
  <si>
    <t>Lakhisarai</t>
  </si>
  <si>
    <t>Mokameh</t>
  </si>
  <si>
    <t>Samastipur</t>
  </si>
  <si>
    <t>Phurso</t>
  </si>
  <si>
    <t>Jehanabad</t>
  </si>
  <si>
    <t>Baran</t>
  </si>
  <si>
    <t>Sujangarh</t>
  </si>
  <si>
    <t>Tiruchirapalli</t>
  </si>
  <si>
    <t>Tenkasi</t>
  </si>
  <si>
    <t>Baheri</t>
  </si>
  <si>
    <t>Budaun</t>
  </si>
  <si>
    <t>Ujhani</t>
  </si>
  <si>
    <t>Muradnagar</t>
  </si>
  <si>
    <t>Mahoba</t>
  </si>
  <si>
    <t>Mohania</t>
  </si>
  <si>
    <t>Kharsia</t>
  </si>
  <si>
    <t>Lohardaga</t>
  </si>
  <si>
    <t>Khunti</t>
  </si>
  <si>
    <t>Gargoti</t>
  </si>
  <si>
    <t>Palus</t>
  </si>
  <si>
    <t>Pen</t>
  </si>
  <si>
    <t>Kallakkurichi</t>
  </si>
  <si>
    <t>Koothanallur</t>
  </si>
  <si>
    <t>Bindki</t>
  </si>
  <si>
    <t>Sandila</t>
  </si>
  <si>
    <t>Siswa</t>
  </si>
  <si>
    <t>Tiruchengode</t>
  </si>
  <si>
    <t>Fatehpur (Barabanki-Up)</t>
  </si>
  <si>
    <t>Palwancha</t>
  </si>
  <si>
    <t>Bapatla</t>
  </si>
  <si>
    <t>Upleta</t>
  </si>
  <si>
    <t>Jharia</t>
  </si>
  <si>
    <t>Malkapur</t>
  </si>
  <si>
    <t>Jahangirabad</t>
  </si>
  <si>
    <t>Rath</t>
  </si>
  <si>
    <t>Chatra</t>
  </si>
  <si>
    <t>Jewar</t>
  </si>
  <si>
    <t>Jalalpur</t>
  </si>
  <si>
    <t>Domaraiganj</t>
  </si>
  <si>
    <t>Karwi Mafi</t>
  </si>
  <si>
    <t>Bodhan</t>
  </si>
  <si>
    <t>Sardar Shahar</t>
  </si>
  <si>
    <t>Fatehpur (Rajasthan )</t>
  </si>
  <si>
    <t>Mubarakpur</t>
  </si>
  <si>
    <t>Tanda</t>
  </si>
  <si>
    <t>Kharadaha</t>
  </si>
  <si>
    <t>Sojat City</t>
  </si>
  <si>
    <t>Merta City</t>
  </si>
  <si>
    <t>Poata</t>
  </si>
  <si>
    <t>Bundi</t>
  </si>
  <si>
    <t>North Lakhimpur</t>
  </si>
  <si>
    <t>Ganaur</t>
  </si>
  <si>
    <t>Saraidhela</t>
  </si>
  <si>
    <t>Uran</t>
  </si>
  <si>
    <t>Vaijapur</t>
  </si>
  <si>
    <t>Parlakhemundi</t>
  </si>
  <si>
    <t>Diamond Harbour</t>
  </si>
  <si>
    <t>Munger</t>
  </si>
  <si>
    <t>Ballabhgarh</t>
  </si>
  <si>
    <t>Sahibganj</t>
  </si>
  <si>
    <t>Udgir</t>
  </si>
  <si>
    <t>Sangli-Miraj-Kupwad</t>
  </si>
  <si>
    <t>Bolangir</t>
  </si>
  <si>
    <t>Mawana</t>
  </si>
  <si>
    <t>Bodhgaya</t>
  </si>
  <si>
    <t>Garhwa</t>
  </si>
  <si>
    <t>Jugsalai</t>
  </si>
  <si>
    <t>Mangaon</t>
  </si>
  <si>
    <t>Anjuna</t>
  </si>
  <si>
    <t>Mangalagiri</t>
  </si>
  <si>
    <t>Dabra</t>
  </si>
  <si>
    <t>Mandla</t>
  </si>
  <si>
    <t>Waidhan - Singrauli</t>
  </si>
  <si>
    <t>Panvel</t>
  </si>
  <si>
    <t>Akot</t>
  </si>
  <si>
    <t>Mainpuri</t>
  </si>
  <si>
    <t>Chander Nagar</t>
  </si>
  <si>
    <t>Saligao</t>
  </si>
  <si>
    <t>Valpoi</t>
  </si>
  <si>
    <t>Goa Velha</t>
  </si>
  <si>
    <t>Dehri</t>
  </si>
  <si>
    <t>Nippani</t>
  </si>
  <si>
    <t>Baraut</t>
  </si>
  <si>
    <t>Kasganj</t>
  </si>
  <si>
    <t>Dabbaspet</t>
  </si>
  <si>
    <t>Chandor</t>
  </si>
  <si>
    <t>Ambelim</t>
  </si>
  <si>
    <t>Majorda</t>
  </si>
  <si>
    <t>Quepem</t>
  </si>
  <si>
    <t>Bhadrawati</t>
  </si>
  <si>
    <t>Islampur</t>
  </si>
  <si>
    <t>Bhilai Charoda</t>
  </si>
  <si>
    <t>Kishanganj</t>
  </si>
  <si>
    <t>Madhubani</t>
  </si>
  <si>
    <t>Bagha</t>
  </si>
  <si>
    <t>Suratgarh</t>
  </si>
  <si>
    <t>Zainakote</t>
  </si>
  <si>
    <t>Hilsa</t>
  </si>
  <si>
    <t>Oragadam</t>
  </si>
  <si>
    <t>Gobindgarh</t>
  </si>
  <si>
    <t>Chunni Kalan</t>
  </si>
  <si>
    <t>Dharamkot</t>
  </si>
  <si>
    <t>Barewal Awanna</t>
  </si>
  <si>
    <t>Vanagaram</t>
  </si>
  <si>
    <t>Mussoorie</t>
  </si>
  <si>
    <t>Usgao</t>
  </si>
  <si>
    <t>Gopalganj</t>
  </si>
  <si>
    <t>Ferozpur Cantt</t>
  </si>
  <si>
    <t>Bolpur</t>
  </si>
  <si>
    <t>Dharapuram</t>
  </si>
  <si>
    <t>Chhibramau</t>
  </si>
  <si>
    <t>Gumia</t>
  </si>
  <si>
    <t>Nirmali</t>
  </si>
  <si>
    <t>Sheikhpura</t>
  </si>
  <si>
    <t>Sinnar</t>
  </si>
  <si>
    <t>Badhni Kalan</t>
  </si>
  <si>
    <t>Radhanpur</t>
  </si>
  <si>
    <t>Rajgarh (Rajasthan )</t>
  </si>
  <si>
    <t>Rudauli</t>
  </si>
  <si>
    <t>Joginaka</t>
  </si>
  <si>
    <t>Niwai</t>
  </si>
  <si>
    <t>Rawatsar</t>
  </si>
  <si>
    <t>Rajouri</t>
  </si>
  <si>
    <t>Bhaderwah</t>
  </si>
  <si>
    <t>Pandharpur</t>
  </si>
  <si>
    <t>Pusad</t>
  </si>
  <si>
    <t>Jaisalemer</t>
  </si>
  <si>
    <t>Ranjangaon</t>
  </si>
  <si>
    <t>Begun</t>
  </si>
  <si>
    <t>Sanguem</t>
  </si>
  <si>
    <t>Gajuwaka</t>
  </si>
  <si>
    <t>Chakradharpur</t>
  </si>
  <si>
    <t>Bishna</t>
  </si>
  <si>
    <t>Shegaon</t>
  </si>
  <si>
    <t>Pattukottai</t>
  </si>
  <si>
    <t>Rayagada</t>
  </si>
  <si>
    <t>Kalamboli</t>
  </si>
  <si>
    <t>Bhucho Mandi</t>
  </si>
  <si>
    <t>Pathsala</t>
  </si>
  <si>
    <t>Dalli Rajhara</t>
  </si>
  <si>
    <t>Moran</t>
  </si>
  <si>
    <t>Nuvem</t>
  </si>
  <si>
    <t>Chaibasa</t>
  </si>
  <si>
    <t>Hasanpur</t>
  </si>
  <si>
    <t>Morena</t>
  </si>
  <si>
    <t>Rengali</t>
  </si>
  <si>
    <t>Parli</t>
  </si>
  <si>
    <t>Barhi</t>
  </si>
  <si>
    <t>Kulgam</t>
  </si>
  <si>
    <t>Dascroi</t>
  </si>
  <si>
    <t>Saphale</t>
  </si>
  <si>
    <t>Jawahar</t>
  </si>
  <si>
    <t>Vikramgad</t>
  </si>
  <si>
    <t>Jamui</t>
  </si>
  <si>
    <t>Shikrapur</t>
  </si>
  <si>
    <t>Jagatpur</t>
  </si>
  <si>
    <t>Nayagarh</t>
  </si>
  <si>
    <t>Chamba</t>
  </si>
  <si>
    <t>Dehra</t>
  </si>
  <si>
    <t>Jassur</t>
  </si>
  <si>
    <t>Jogindarnagar</t>
  </si>
  <si>
    <t>Rayya</t>
  </si>
  <si>
    <t>Chogawan</t>
  </si>
  <si>
    <t>Attari</t>
  </si>
  <si>
    <t>Devigarh</t>
  </si>
  <si>
    <t>Hariana</t>
  </si>
  <si>
    <t>Jamsher</t>
  </si>
  <si>
    <t>Kohara</t>
  </si>
  <si>
    <t>Nadala</t>
  </si>
  <si>
    <t>Raja Sansi</t>
  </si>
  <si>
    <t>Sidhwan Bet</t>
  </si>
  <si>
    <t>Talwandi Chaudrian</t>
  </si>
  <si>
    <t>Dhanaula</t>
  </si>
  <si>
    <t>Arniwala Sheikh Subha</t>
  </si>
  <si>
    <t>Ajit Wal</t>
  </si>
  <si>
    <t>Naushera Pannuan</t>
  </si>
  <si>
    <t>Sabour</t>
  </si>
  <si>
    <t>Dehlon</t>
  </si>
  <si>
    <t>Bijoynagar</t>
  </si>
  <si>
    <t>Nilokheri</t>
  </si>
  <si>
    <t>Amb</t>
  </si>
  <si>
    <t>Dharampur (Hp )</t>
  </si>
  <si>
    <t>Magam</t>
  </si>
  <si>
    <t>Baramulla</t>
  </si>
  <si>
    <t>Chandgad</t>
  </si>
  <si>
    <t>Bharmour</t>
  </si>
  <si>
    <t>Rangia</t>
  </si>
  <si>
    <t>Doda</t>
  </si>
  <si>
    <t>Chabal Kalan</t>
  </si>
  <si>
    <t>Jugial</t>
  </si>
  <si>
    <t>Kodur</t>
  </si>
  <si>
    <t>Kargil</t>
  </si>
  <si>
    <t>Sonepur</t>
  </si>
  <si>
    <t>Mustafabad</t>
  </si>
  <si>
    <t>Kamrup</t>
  </si>
  <si>
    <t>Khadaur Sahib</t>
  </si>
  <si>
    <t>Radaur</t>
  </si>
  <si>
    <t>Sadhaura</t>
  </si>
  <si>
    <t>Gagret</t>
  </si>
  <si>
    <t>Shanpung</t>
  </si>
  <si>
    <t>Kalanwali</t>
  </si>
  <si>
    <t>Tosham</t>
  </si>
  <si>
    <t>Dhilwan</t>
  </si>
  <si>
    <t>Nimapara</t>
  </si>
  <si>
    <t>Bemetara</t>
  </si>
  <si>
    <t>Chhachharauli</t>
  </si>
  <si>
    <t>Sampla</t>
  </si>
  <si>
    <t>Nurpur Bedi</t>
  </si>
  <si>
    <t>Beltola</t>
  </si>
  <si>
    <t>Majri</t>
  </si>
  <si>
    <t>Kampur</t>
  </si>
  <si>
    <t>Nadaun</t>
  </si>
  <si>
    <t>Golgahat</t>
  </si>
  <si>
    <t>Sualkuchi</t>
  </si>
  <si>
    <t>Kharkoda</t>
  </si>
  <si>
    <t>Jagiroad</t>
  </si>
  <si>
    <t>Mehatpur</t>
  </si>
  <si>
    <t>Tral</t>
  </si>
  <si>
    <t>Ferozepur-Jhirka</t>
  </si>
  <si>
    <t>Manthani</t>
  </si>
  <si>
    <t>Narsipatnam</t>
  </si>
  <si>
    <t>Vemulawada</t>
  </si>
  <si>
    <t>Sainj</t>
  </si>
  <si>
    <t>Kupwara</t>
  </si>
  <si>
    <t>Nuh</t>
  </si>
  <si>
    <t>Nabarangapur</t>
  </si>
  <si>
    <t>Saha</t>
  </si>
  <si>
    <t>Bilaspur (Hp)</t>
  </si>
  <si>
    <t>Nidadavole</t>
  </si>
  <si>
    <t>Singtam</t>
  </si>
  <si>
    <t>Hari Ke Pattan</t>
  </si>
  <si>
    <t>Badal</t>
  </si>
  <si>
    <t>Saila Khurd</t>
  </si>
  <si>
    <t>Kangan</t>
  </si>
  <si>
    <t>Pileru</t>
  </si>
  <si>
    <t>Sulya</t>
  </si>
  <si>
    <t>Doomdooma</t>
  </si>
  <si>
    <t>Mallanwala</t>
  </si>
  <si>
    <t>Kotkhai</t>
  </si>
  <si>
    <t>Gumarwin</t>
  </si>
  <si>
    <t>Theog</t>
  </si>
  <si>
    <t>Vuyyuru</t>
  </si>
  <si>
    <t>Farrukhnagar</t>
  </si>
  <si>
    <t>Karjat</t>
  </si>
  <si>
    <t>Kovvur</t>
  </si>
  <si>
    <t>Ramachandrapuram</t>
  </si>
  <si>
    <t>Fatehgarh Shukarchak</t>
  </si>
  <si>
    <t>Jandu Singha</t>
  </si>
  <si>
    <t>Kalna</t>
  </si>
  <si>
    <t>Balugaon</t>
  </si>
  <si>
    <t>Bhanjanagar</t>
  </si>
  <si>
    <t>Daryapur</t>
  </si>
  <si>
    <t>Majalgaon</t>
  </si>
  <si>
    <t>Murtijapur</t>
  </si>
  <si>
    <t>Sadabad</t>
  </si>
  <si>
    <t>Shrigonda</t>
  </si>
  <si>
    <t>Tundla</t>
  </si>
  <si>
    <t>Urali Kanchan</t>
  </si>
  <si>
    <t>Lalru</t>
  </si>
  <si>
    <t>Gonikoppal</t>
  </si>
  <si>
    <t>Harij</t>
  </si>
  <si>
    <t>Wadi</t>
  </si>
  <si>
    <t>Giddalur</t>
  </si>
  <si>
    <t>Balasinor</t>
  </si>
  <si>
    <t>Bramhapuri</t>
  </si>
  <si>
    <t>Butala</t>
  </si>
  <si>
    <t>Dibiyapur</t>
  </si>
  <si>
    <t>Khedbrahma</t>
  </si>
  <si>
    <t>Manjusar</t>
  </si>
  <si>
    <t>Mauranipur</t>
  </si>
  <si>
    <t>Niphad</t>
  </si>
  <si>
    <t>Panjgrain Kalan</t>
  </si>
  <si>
    <t>Parner</t>
  </si>
  <si>
    <t>Talod</t>
  </si>
  <si>
    <t>Thirthahalli</t>
  </si>
  <si>
    <t>Thamarassery</t>
  </si>
  <si>
    <t>Arvi</t>
  </si>
  <si>
    <t>Babra</t>
  </si>
  <si>
    <t>Badnawar</t>
  </si>
  <si>
    <t>Bija</t>
  </si>
  <si>
    <t>Gangakhed</t>
  </si>
  <si>
    <t>Barethi</t>
  </si>
  <si>
    <t>Kalavad</t>
  </si>
  <si>
    <t>Kanina</t>
  </si>
  <si>
    <t>Narsinghpur</t>
  </si>
  <si>
    <t>Nasirabad</t>
  </si>
  <si>
    <t>Periyanaikenpalayam</t>
  </si>
  <si>
    <t>Sailu</t>
  </si>
  <si>
    <t>Sainthia</t>
  </si>
  <si>
    <t>Wadhwan</t>
  </si>
  <si>
    <t>Kesinga</t>
  </si>
  <si>
    <t>Landran </t>
  </si>
  <si>
    <t>Sujanpur</t>
  </si>
  <si>
    <t>Valanchery</t>
  </si>
  <si>
    <t>Chadura</t>
  </si>
  <si>
    <t>Golewala</t>
  </si>
  <si>
    <t>Jangareddygudem</t>
  </si>
  <si>
    <t>Kadiri</t>
  </si>
  <si>
    <t>Laxittipet</t>
  </si>
  <si>
    <t>Nakatrana</t>
  </si>
  <si>
    <t>Roha Ashtami</t>
  </si>
  <si>
    <t>Tankara</t>
  </si>
  <si>
    <t>Khategaon</t>
  </si>
  <si>
    <t>Fatorda</t>
  </si>
  <si>
    <t>Katwa</t>
  </si>
  <si>
    <t>Mettupalayam</t>
  </si>
  <si>
    <t>Neral</t>
  </si>
  <si>
    <t>Palej</t>
  </si>
  <si>
    <t>Prantij</t>
  </si>
  <si>
    <t>Rakanpur</t>
  </si>
  <si>
    <t>Podili</t>
  </si>
  <si>
    <t>Burla</t>
  </si>
  <si>
    <t>Alampur</t>
  </si>
  <si>
    <t>Hunsa</t>
  </si>
  <si>
    <t>Jankampet</t>
  </si>
  <si>
    <t>Bhoga Samudram</t>
  </si>
  <si>
    <t>Kothapalle</t>
  </si>
  <si>
    <t>Gopanapalle</t>
  </si>
  <si>
    <t>Govindpet</t>
  </si>
  <si>
    <t>Kaligote</t>
  </si>
  <si>
    <t>Koteshwar</t>
  </si>
  <si>
    <t>Sughad</t>
  </si>
  <si>
    <t>Ajod</t>
  </si>
  <si>
    <t>Chapad</t>
  </si>
  <si>
    <t>Dhanyavi</t>
  </si>
  <si>
    <t>Bhadkodra</t>
  </si>
  <si>
    <t>Maloud</t>
  </si>
  <si>
    <t>Sanjali</t>
  </si>
  <si>
    <t>Sherpura</t>
  </si>
  <si>
    <t>Alhadpura</t>
  </si>
  <si>
    <t>Kheri Naudh Singh</t>
  </si>
  <si>
    <t>Tehsil Sadar</t>
  </si>
  <si>
    <t>Jabbowal</t>
  </si>
  <si>
    <t>Paldi</t>
  </si>
  <si>
    <t>Rajosana</t>
  </si>
  <si>
    <t>Indrapura</t>
  </si>
  <si>
    <t>Indrad</t>
  </si>
  <si>
    <t>Parmanand</t>
  </si>
  <si>
    <t>Godhavi</t>
  </si>
  <si>
    <t>Shiholi Moti</t>
  </si>
  <si>
    <t>Supasi</t>
  </si>
  <si>
    <t>Mithi Rohar</t>
  </si>
  <si>
    <t>Varsamedi</t>
  </si>
  <si>
    <t>Madhapar</t>
  </si>
  <si>
    <t>Morbi</t>
  </si>
  <si>
    <t>Vavdi</t>
  </si>
  <si>
    <t>Nagdhara</t>
  </si>
  <si>
    <t>Asta</t>
  </si>
  <si>
    <t>Tehsil Dadri</t>
  </si>
  <si>
    <t>Bhujodi</t>
  </si>
  <si>
    <t>Mota Mava</t>
  </si>
  <si>
    <t>Sakat Sanala</t>
  </si>
  <si>
    <t>Antarjar</t>
  </si>
  <si>
    <t>Post Surajpur</t>
  </si>
  <si>
    <t>Hadamtala</t>
  </si>
  <si>
    <t>Champrajpur</t>
  </si>
  <si>
    <t>Rekang Peo</t>
  </si>
  <si>
    <t>Parsottampur</t>
  </si>
  <si>
    <t>Munpalle</t>
  </si>
  <si>
    <t>Kandukuru</t>
  </si>
  <si>
    <t>Hingna</t>
  </si>
  <si>
    <t>Bhoring</t>
  </si>
  <si>
    <t>Chaupal</t>
  </si>
  <si>
    <t>Mahad</t>
  </si>
  <si>
    <t>Kadodara</t>
  </si>
  <si>
    <t>Bhuntar</t>
  </si>
  <si>
    <t>Sarkaghat</t>
  </si>
  <si>
    <t>Sonjamb</t>
  </si>
  <si>
    <t>Tahliwala Jattan</t>
  </si>
  <si>
    <t>Panje Ke</t>
  </si>
  <si>
    <t>Mehma Singhwala</t>
  </si>
  <si>
    <t>Malgaon</t>
  </si>
  <si>
    <t>Jadla</t>
  </si>
  <si>
    <t>Bhokhra</t>
  </si>
  <si>
    <t>Dayalpura Mirza</t>
  </si>
  <si>
    <t>Maluka</t>
  </si>
  <si>
    <t>Mudhal</t>
  </si>
  <si>
    <t>Lopoke</t>
  </si>
  <si>
    <t>Sikhwala</t>
  </si>
  <si>
    <t>Loharka</t>
  </si>
  <si>
    <t>Nangal Kalan</t>
  </si>
  <si>
    <t>Rattewal</t>
  </si>
  <si>
    <t>Kot Budha</t>
  </si>
  <si>
    <t>Ispur</t>
  </si>
  <si>
    <t>Bhamarsi</t>
  </si>
  <si>
    <t>Kalaur</t>
  </si>
  <si>
    <t>Kalluthotti Junction</t>
  </si>
  <si>
    <t>Mayiladuthurai Town</t>
  </si>
  <si>
    <t>Agonda</t>
  </si>
  <si>
    <t>Periyakulam</t>
  </si>
  <si>
    <t>Para Bazar</t>
  </si>
  <si>
    <t>Boha</t>
  </si>
  <si>
    <t>Kotshamir</t>
  </si>
  <si>
    <t>Phul</t>
  </si>
  <si>
    <t>Sangat</t>
  </si>
  <si>
    <t>Kalambi</t>
  </si>
  <si>
    <t>Karegaon</t>
  </si>
  <si>
    <t>Khanpur</t>
  </si>
  <si>
    <t>Chhat</t>
  </si>
  <si>
    <t>Assonora</t>
  </si>
  <si>
    <t>Cheema</t>
  </si>
  <si>
    <t>Bargari</t>
  </si>
  <si>
    <t>Khanauri</t>
  </si>
  <si>
    <t>Barian Kalan</t>
  </si>
  <si>
    <t>Shamashpur</t>
  </si>
  <si>
    <t>Bhangala</t>
  </si>
  <si>
    <t>Hajipur(Punjab)</t>
  </si>
  <si>
    <t>Kudi Khera</t>
  </si>
  <si>
    <t>Shahpur Govardhanpur Bangar</t>
  </si>
  <si>
    <t>Ghogra</t>
  </si>
  <si>
    <t>Mardanpur</t>
  </si>
  <si>
    <t>JAGDISHPUR</t>
  </si>
  <si>
    <t>Pachchunur</t>
  </si>
  <si>
    <t>Banswada</t>
  </si>
  <si>
    <t>Alas</t>
  </si>
  <si>
    <t>Nesargi</t>
  </si>
  <si>
    <t>Dogachia</t>
  </si>
  <si>
    <t>Bamunara</t>
  </si>
  <si>
    <t>Borbhatha Bet</t>
  </si>
  <si>
    <t>Kamshet</t>
  </si>
  <si>
    <t>Andal Gram</t>
  </si>
  <si>
    <t>Boisar Ii, Chitralaya</t>
  </si>
  <si>
    <t>Kelomal</t>
  </si>
  <si>
    <t>Dhrol</t>
  </si>
  <si>
    <t>Lambi</t>
  </si>
  <si>
    <t>Virajpet</t>
  </si>
  <si>
    <t>Warora</t>
  </si>
  <si>
    <t>Khair</t>
  </si>
  <si>
    <t>Mangrol</t>
  </si>
  <si>
    <t>Uklana Mandi</t>
  </si>
  <si>
    <t>Lalpur (Gujarat)</t>
  </si>
  <si>
    <t>Bisra</t>
  </si>
  <si>
    <t>Chola Sahib</t>
  </si>
  <si>
    <t>Fatehgarh Punjtur</t>
  </si>
  <si>
    <t>Sanaur</t>
  </si>
  <si>
    <t>Old Goa</t>
  </si>
  <si>
    <t>Agroha</t>
  </si>
  <si>
    <t>Ding</t>
  </si>
  <si>
    <t>Lukhi</t>
  </si>
  <si>
    <t>Mallekan</t>
  </si>
  <si>
    <t>Naharpur</t>
  </si>
  <si>
    <t>Sagar(Karnataka)</t>
  </si>
  <si>
    <t>Taliparamba</t>
  </si>
  <si>
    <t>Hiriyur</t>
  </si>
  <si>
    <t>Jullana</t>
  </si>
  <si>
    <t>Mananthavady</t>
  </si>
  <si>
    <t>Shamchurasi</t>
  </si>
  <si>
    <t>Jui</t>
  </si>
  <si>
    <t>Thana Chappar</t>
  </si>
  <si>
    <t>Moonak</t>
  </si>
  <si>
    <t>Dera Baba Nanak</t>
  </si>
  <si>
    <t>Dirba</t>
  </si>
  <si>
    <t>Shahzadpur</t>
  </si>
  <si>
    <t>Pulivendula</t>
  </si>
  <si>
    <t>Bhadaur</t>
  </si>
  <si>
    <t>Mullana</t>
  </si>
  <si>
    <t>Raipur Rani</t>
  </si>
  <si>
    <t>Chawinda Devi</t>
  </si>
  <si>
    <t>Khuian Sarwar</t>
  </si>
  <si>
    <t>Davorlim</t>
  </si>
  <si>
    <t>Gaggo Mahal</t>
  </si>
  <si>
    <t>Ghuman</t>
  </si>
  <si>
    <t>Madhopur</t>
  </si>
  <si>
    <t>Taragarh</t>
  </si>
  <si>
    <t>Tarapur</t>
  </si>
  <si>
    <t>Dhotian</t>
  </si>
  <si>
    <t>Khalchian</t>
  </si>
  <si>
    <t>Tehsil Phillaur</t>
  </si>
  <si>
    <t>Naura</t>
  </si>
  <si>
    <t>Nawan Pind</t>
  </si>
  <si>
    <t>Othian</t>
  </si>
  <si>
    <t>Pachaat</t>
  </si>
  <si>
    <t>Rampur</t>
  </si>
  <si>
    <t>Sarna</t>
  </si>
  <si>
    <t>Tangra</t>
  </si>
  <si>
    <t>Uggi</t>
  </si>
  <si>
    <t>Amarkot</t>
  </si>
  <si>
    <t>Chamyari</t>
  </si>
  <si>
    <t>Kala Bakra</t>
  </si>
  <si>
    <t>Kukar Pind</t>
  </si>
  <si>
    <t>Mand</t>
  </si>
  <si>
    <t>Talhan</t>
  </si>
  <si>
    <t>Tarsikka</t>
  </si>
  <si>
    <t>Kahnuwan</t>
  </si>
  <si>
    <t>Khemkaran</t>
  </si>
  <si>
    <t>Jalmana (Karnal- Haryana)</t>
  </si>
  <si>
    <t>Pilu Khera</t>
  </si>
  <si>
    <t>Railmajra</t>
  </si>
  <si>
    <t>Baba Bakala</t>
  </si>
  <si>
    <t>Chitrakoot</t>
  </si>
  <si>
    <t>Vijaypura</t>
  </si>
  <si>
    <t>Maheru</t>
  </si>
  <si>
    <t>Ramdas</t>
  </si>
  <si>
    <t>Ranipur</t>
  </si>
  <si>
    <t>Chabewal</t>
  </si>
  <si>
    <t>Addanki</t>
  </si>
  <si>
    <t>Kiratpur Sahib</t>
  </si>
  <si>
    <t>Bariwala</t>
  </si>
  <si>
    <t>Kathgarh</t>
  </si>
  <si>
    <t>Sandhaur</t>
  </si>
  <si>
    <t>Mahal Kalan</t>
  </si>
  <si>
    <t>Khalra</t>
  </si>
  <si>
    <t>Mehdoodan</t>
  </si>
  <si>
    <t>Jarg</t>
  </si>
  <si>
    <t>Tibri</t>
  </si>
  <si>
    <t>Bakarpur</t>
  </si>
  <si>
    <t>Chak Kalan</t>
  </si>
  <si>
    <t>Nanaksar Kaleran</t>
  </si>
  <si>
    <t>Nathana</t>
  </si>
  <si>
    <t>Harchowal</t>
  </si>
  <si>
    <t>Kamrej</t>
  </si>
  <si>
    <t>Bantval</t>
  </si>
  <si>
    <t>Kum Kalan</t>
  </si>
  <si>
    <t>Khanoor</t>
  </si>
  <si>
    <t>Chakdana</t>
  </si>
  <si>
    <t>Manawala</t>
  </si>
  <si>
    <t>Bulhowal</t>
  </si>
  <si>
    <t>Kakod</t>
  </si>
  <si>
    <t>Hally Mandi</t>
  </si>
  <si>
    <t>Punganur</t>
  </si>
  <si>
    <t>Pithapuram</t>
  </si>
  <si>
    <t>Ramanujganj</t>
  </si>
  <si>
    <t>Narayanpet</t>
  </si>
  <si>
    <t>Sito Gunno</t>
  </si>
  <si>
    <t>Kala Afgana</t>
  </si>
  <si>
    <t>Curtorim</t>
  </si>
  <si>
    <t>Zuarinagar</t>
  </si>
  <si>
    <t>Chopda</t>
  </si>
  <si>
    <t>Hunsur</t>
  </si>
  <si>
    <t>Dungari</t>
  </si>
  <si>
    <t>Gauribidanur</t>
  </si>
  <si>
    <t>Paithan</t>
  </si>
  <si>
    <t>Chamarajanagar</t>
  </si>
  <si>
    <t>Anandpur</t>
  </si>
  <si>
    <t>Tumsar</t>
  </si>
  <si>
    <t>Karanja</t>
  </si>
  <si>
    <t>Dela</t>
  </si>
  <si>
    <t>Palamner</t>
  </si>
  <si>
    <t>Colvale</t>
  </si>
  <si>
    <t>Bangarapet</t>
  </si>
  <si>
    <t>Lalsot</t>
  </si>
  <si>
    <t>Raisinghnagar</t>
  </si>
  <si>
    <t>Jorethang</t>
  </si>
  <si>
    <t>Khamla</t>
  </si>
  <si>
    <t>Anupgarh</t>
  </si>
  <si>
    <t>Vijaipur</t>
  </si>
  <si>
    <t>Kathlal</t>
  </si>
  <si>
    <t>Benaulim</t>
  </si>
  <si>
    <t>Carambolim</t>
  </si>
  <si>
    <t>Seraulim</t>
  </si>
  <si>
    <t>Sircaim</t>
  </si>
  <si>
    <t>Verem</t>
  </si>
  <si>
    <t>Sohanpur</t>
  </si>
  <si>
    <t>Post Loni</t>
  </si>
  <si>
    <t>Kairon</t>
  </si>
  <si>
    <t>Rajpur Bhaian</t>
  </si>
  <si>
    <t>Datarpur</t>
  </si>
  <si>
    <t>Sur Singh</t>
  </si>
  <si>
    <t>Bhundri</t>
  </si>
  <si>
    <t>Majwind</t>
  </si>
  <si>
    <t>Saneta</t>
  </si>
  <si>
    <t>Badud</t>
  </si>
  <si>
    <t>Khokhariya</t>
  </si>
  <si>
    <t>Khadani</t>
  </si>
  <si>
    <t>Jamner</t>
  </si>
  <si>
    <t>Padampur</t>
  </si>
  <si>
    <t>Derol</t>
  </si>
  <si>
    <t>Parthala Khanjarpur</t>
  </si>
  <si>
    <t>Sabhra</t>
  </si>
  <si>
    <t>Pakharpur</t>
  </si>
  <si>
    <t>Imalyaka</t>
  </si>
  <si>
    <t>Amdada</t>
  </si>
  <si>
    <t>Kattu</t>
  </si>
  <si>
    <t>Kulithalai</t>
  </si>
  <si>
    <t>Arpora</t>
  </si>
  <si>
    <t>Vansda</t>
  </si>
  <si>
    <t>Katro</t>
  </si>
  <si>
    <t>Munda</t>
  </si>
  <si>
    <t>Ibban</t>
  </si>
  <si>
    <t>Miani Khas</t>
  </si>
  <si>
    <t>Palkhanda</t>
  </si>
  <si>
    <t>Naushera Maja Singh</t>
  </si>
  <si>
    <t>Mahiyawali</t>
  </si>
  <si>
    <t>Pojewal</t>
  </si>
  <si>
    <t>Majari</t>
  </si>
  <si>
    <t>Badali Ala Singh</t>
  </si>
  <si>
    <t>Adamwal</t>
  </si>
  <si>
    <t>Ghudda</t>
  </si>
  <si>
    <t>Bhodipura</t>
  </si>
  <si>
    <t>Kudumuluguma</t>
  </si>
  <si>
    <t>Duburi</t>
  </si>
  <si>
    <t>Moranwali</t>
  </si>
  <si>
    <t>Sendhwa</t>
  </si>
  <si>
    <t>Darla</t>
  </si>
  <si>
    <t>Urse</t>
  </si>
  <si>
    <t>Ugra Kheri</t>
  </si>
  <si>
    <t>Kishtwar</t>
  </si>
  <si>
    <t>Dara</t>
  </si>
  <si>
    <t>Eklingpura</t>
  </si>
  <si>
    <t>Barana</t>
  </si>
  <si>
    <t>Jaisinghpur</t>
  </si>
  <si>
    <t>Jamalpur (Haryana)</t>
  </si>
  <si>
    <t>Jansui</t>
  </si>
  <si>
    <t>Munak</t>
  </si>
  <si>
    <t>Seoli</t>
  </si>
  <si>
    <t>Kesarpura</t>
  </si>
  <si>
    <t>Ben</t>
  </si>
  <si>
    <t>Bommakal</t>
  </si>
  <si>
    <t>Boytawala</t>
  </si>
  <si>
    <t>Chunati Gada</t>
  </si>
  <si>
    <t>Kakoda</t>
  </si>
  <si>
    <t>Shahpur (Haryana)</t>
  </si>
  <si>
    <t>Sukhdevpura</t>
  </si>
  <si>
    <t>Baskushla</t>
  </si>
  <si>
    <t>Zinkibhadra</t>
  </si>
  <si>
    <t>Jeelgul</t>
  </si>
  <si>
    <t>Nadepalle</t>
  </si>
  <si>
    <t>Peddapur</t>
  </si>
  <si>
    <t>Dalam</t>
  </si>
  <si>
    <t>Fatehpur</t>
  </si>
  <si>
    <t>Ghallkhurd</t>
  </si>
  <si>
    <t>Sundli -Jubbal (Jai-Pidi)</t>
  </si>
  <si>
    <t>Kailash</t>
  </si>
  <si>
    <t>Somatane</t>
  </si>
  <si>
    <t>Sudhail</t>
  </si>
  <si>
    <t>Rasulpur</t>
  </si>
  <si>
    <t>Mandai Bujurg</t>
  </si>
  <si>
    <t>Mandai Khurd</t>
  </si>
  <si>
    <t>Sehjra</t>
  </si>
  <si>
    <t>Thadikal</t>
  </si>
  <si>
    <t>Moom</t>
  </si>
  <si>
    <t>Raisar</t>
  </si>
  <si>
    <t>Reddipalle</t>
  </si>
  <si>
    <t>Bhopani</t>
  </si>
  <si>
    <t>Jandpur</t>
  </si>
  <si>
    <t>Kudu</t>
  </si>
  <si>
    <t>Niwaroo</t>
  </si>
  <si>
    <t>Sahauran</t>
  </si>
  <si>
    <t>Kosli</t>
  </si>
  <si>
    <t>Ahrwan</t>
  </si>
  <si>
    <t>Dhanauri</t>
  </si>
  <si>
    <t>Natgram</t>
  </si>
  <si>
    <t>Jairampur</t>
  </si>
  <si>
    <t>Jitwarpur</t>
  </si>
  <si>
    <t>Amethi</t>
  </si>
  <si>
    <t>Takalimiya</t>
  </si>
  <si>
    <t>Sedariya</t>
  </si>
  <si>
    <t>Tarsod</t>
  </si>
  <si>
    <t>Khajuri</t>
  </si>
  <si>
    <t>Takave Budruk</t>
  </si>
  <si>
    <t>Kankabati</t>
  </si>
  <si>
    <t>Narugram</t>
  </si>
  <si>
    <t>Bhattian</t>
  </si>
  <si>
    <t>Gaham</t>
  </si>
  <si>
    <t>Gopinagar</t>
  </si>
  <si>
    <t>Pamal</t>
  </si>
  <si>
    <t>Anasarapur</t>
  </si>
  <si>
    <t>Dhilwan (Nabha)</t>
  </si>
  <si>
    <t>Lehal</t>
  </si>
  <si>
    <t>Benapur</t>
  </si>
  <si>
    <t>Kalavar</t>
  </si>
  <si>
    <t>Pattambi</t>
  </si>
  <si>
    <t>Dingrian</t>
  </si>
  <si>
    <t>Jaura Chittran</t>
  </si>
  <si>
    <t>Rameswarpur</t>
  </si>
  <si>
    <t>Takhu Chak</t>
  </si>
  <si>
    <t>Vannel K</t>
  </si>
  <si>
    <t>Bebad Ohol</t>
  </si>
  <si>
    <t>Antpara</t>
  </si>
  <si>
    <t>Gahaur</t>
  </si>
  <si>
    <t>Lal Kalan</t>
  </si>
  <si>
    <t>Dihibatpur Panchanantala</t>
  </si>
  <si>
    <t>Kadadhe</t>
  </si>
  <si>
    <t>Bhatramarenahalli</t>
  </si>
  <si>
    <t>Chatarsal</t>
  </si>
  <si>
    <t>Kommaghatta</t>
  </si>
  <si>
    <t>Rajballabhpur</t>
  </si>
  <si>
    <t>Bol</t>
  </si>
  <si>
    <t>Haripar Pal</t>
  </si>
  <si>
    <t>Hatabuzurg</t>
  </si>
  <si>
    <t>Rajia</t>
  </si>
  <si>
    <t>Rangian</t>
  </si>
  <si>
    <t>Nuna Majra</t>
  </si>
  <si>
    <t>Fazalwas</t>
  </si>
  <si>
    <t>Bapurasapuram</t>
  </si>
  <si>
    <t>Gudli</t>
  </si>
  <si>
    <t>Kedarkheda</t>
  </si>
  <si>
    <t>Keranga</t>
  </si>
  <si>
    <t>Netramali</t>
  </si>
  <si>
    <t>Shikohpur</t>
  </si>
  <si>
    <t>Kottarakkara</t>
  </si>
  <si>
    <t>Dhaulimunha</t>
  </si>
  <si>
    <t>Maliyasan</t>
  </si>
  <si>
    <t>Simaliya</t>
  </si>
  <si>
    <t>Dahivali</t>
  </si>
  <si>
    <t>Nighoje</t>
  </si>
  <si>
    <t>Fatehgarh Sabrah</t>
  </si>
  <si>
    <t>Pindi Balochan</t>
  </si>
  <si>
    <t>Bagpur</t>
  </si>
  <si>
    <t>Dunavada</t>
  </si>
  <si>
    <t>Kohali</t>
  </si>
  <si>
    <t>Manko</t>
  </si>
  <si>
    <t>Megh Chappar</t>
  </si>
  <si>
    <t>Rampur Jagir</t>
  </si>
  <si>
    <t>Poondi</t>
  </si>
  <si>
    <t>Kodikurichi</t>
  </si>
  <si>
    <t>Savardari</t>
  </si>
  <si>
    <t>Sendri</t>
  </si>
  <si>
    <t>Bijjawara</t>
  </si>
  <si>
    <t>Khalumbre</t>
  </si>
  <si>
    <t>Sikanderpur Badha</t>
  </si>
  <si>
    <t>Samgauli</t>
  </si>
  <si>
    <t>Katgaon</t>
  </si>
  <si>
    <t>Arniwala Waziran</t>
  </si>
  <si>
    <t>Khativali</t>
  </si>
  <si>
    <t>Kuba</t>
  </si>
  <si>
    <t>Bhatindi</t>
  </si>
  <si>
    <t>Waryam Khera</t>
  </si>
  <si>
    <t>Nawanashahar</t>
  </si>
  <si>
    <t>Darbaribur</t>
  </si>
  <si>
    <t>Jhumila</t>
  </si>
  <si>
    <t>Banasinga</t>
  </si>
  <si>
    <t>Dindori</t>
  </si>
  <si>
    <t>Mundali</t>
  </si>
  <si>
    <t>Pynursla</t>
  </si>
  <si>
    <t>Bhago Majra</t>
  </si>
  <si>
    <t>Kadarpur</t>
  </si>
  <si>
    <t>Rahiad</t>
  </si>
  <si>
    <t>Janial</t>
  </si>
  <si>
    <t>Panruti</t>
  </si>
  <si>
    <t>Neelapalle</t>
  </si>
  <si>
    <t>Majra</t>
  </si>
  <si>
    <t>Lapkaman</t>
  </si>
  <si>
    <t>Hadiyol</t>
  </si>
  <si>
    <t>Hirpura</t>
  </si>
  <si>
    <t>Jhanjheri</t>
  </si>
  <si>
    <t>Budhera</t>
  </si>
  <si>
    <t>Malru</t>
  </si>
  <si>
    <t>Sanathal</t>
  </si>
  <si>
    <t>Chimrajpalle</t>
  </si>
  <si>
    <t>Bhamboli</t>
  </si>
  <si>
    <t>Bhagoke</t>
  </si>
  <si>
    <t>Khadial</t>
  </si>
  <si>
    <t>Chinchavali</t>
  </si>
  <si>
    <t>Shilaru</t>
  </si>
  <si>
    <t>Lalpur</t>
  </si>
  <si>
    <t>Agondh</t>
  </si>
  <si>
    <t>Saini Majra</t>
  </si>
  <si>
    <t>Samaipur</t>
  </si>
  <si>
    <t>Jagadishpur</t>
  </si>
  <si>
    <t>Moteeram Adda</t>
  </si>
  <si>
    <t>Sanpera</t>
  </si>
  <si>
    <t>Dhianpur</t>
  </si>
  <si>
    <t>Naharpur Kasan</t>
  </si>
  <si>
    <t>Jandoli</t>
  </si>
  <si>
    <t>Dhunela</t>
  </si>
  <si>
    <t>Kamali</t>
  </si>
  <si>
    <t>Muradabad</t>
  </si>
  <si>
    <t>Hayatpur</t>
  </si>
  <si>
    <t>Kaimla</t>
  </si>
  <si>
    <t>Bhagrana</t>
  </si>
  <si>
    <t>Chureb</t>
  </si>
  <si>
    <t>Jamiyatpura</t>
  </si>
  <si>
    <t>Pakri Baramad Deobari</t>
  </si>
  <si>
    <t>Phaphrana</t>
  </si>
  <si>
    <t>Sandhai</t>
  </si>
  <si>
    <t>Meheli</t>
  </si>
  <si>
    <t>Badauli</t>
  </si>
  <si>
    <t>Kishan Pura</t>
  </si>
  <si>
    <t>Rair Kalan</t>
  </si>
  <si>
    <t>Malakpur</t>
  </si>
  <si>
    <t>Thaska Khadar</t>
  </si>
  <si>
    <t>Mota</t>
  </si>
  <si>
    <t>Manakkody</t>
  </si>
  <si>
    <t>Loharsi</t>
  </si>
  <si>
    <t>Kookas</t>
  </si>
  <si>
    <t>Sonpur</t>
  </si>
  <si>
    <t>Dagavadiya</t>
  </si>
  <si>
    <t>Ajol</t>
  </si>
  <si>
    <t>Vanasgaon</t>
  </si>
  <si>
    <t>Balurghat</t>
  </si>
  <si>
    <t>Jalpaiguri</t>
  </si>
  <si>
    <t>Barheri Badi</t>
  </si>
  <si>
    <t>Sundarapuram</t>
  </si>
  <si>
    <t>Basni Silawantan</t>
  </si>
  <si>
    <t>Dramman</t>
  </si>
  <si>
    <t>Kille Machindra Gad</t>
  </si>
  <si>
    <t>Goraknath</t>
  </si>
  <si>
    <t>Bhagan</t>
  </si>
  <si>
    <t>Chakarbhatha</t>
  </si>
  <si>
    <t>Nisaraya</t>
  </si>
  <si>
    <t>Amnan</t>
  </si>
  <si>
    <t>Narmadapuram</t>
  </si>
  <si>
    <t>Kenjakura</t>
  </si>
  <si>
    <t>Sulah</t>
  </si>
  <si>
    <t>Bhaliabholkateni</t>
  </si>
  <si>
    <t>Jujomura</t>
  </si>
  <si>
    <t>Balana</t>
  </si>
  <si>
    <t>Dhokata</t>
  </si>
  <si>
    <t>Siminoi</t>
  </si>
  <si>
    <t>Odwara</t>
  </si>
  <si>
    <t>Samlod</t>
  </si>
  <si>
    <t>Chipari</t>
  </si>
  <si>
    <t>Katwad</t>
  </si>
  <si>
    <t>Baidpura</t>
  </si>
  <si>
    <t>Srirangam</t>
  </si>
  <si>
    <t>Jatheri</t>
  </si>
  <si>
    <t>Khairav</t>
  </si>
  <si>
    <t>Rahata</t>
  </si>
  <si>
    <t>Kardi</t>
  </si>
  <si>
    <t>Salairani</t>
  </si>
  <si>
    <t>Bamrauli Katara</t>
  </si>
  <si>
    <t>Bagdehi</t>
  </si>
  <si>
    <t>Nidhipur</t>
  </si>
  <si>
    <t>Pandua</t>
  </si>
  <si>
    <t>Bihat Biram</t>
  </si>
  <si>
    <t>Bamaila</t>
  </si>
  <si>
    <t>Birkona</t>
  </si>
  <si>
    <t>Badakera</t>
  </si>
  <si>
    <t>Mahammadpur</t>
  </si>
  <si>
    <t>Bistauli Khurd</t>
  </si>
  <si>
    <t>Dhaurra Mafi</t>
  </si>
  <si>
    <t>Khorhansa</t>
  </si>
  <si>
    <t>Ajeetgarh</t>
  </si>
  <si>
    <t>Chopan</t>
  </si>
  <si>
    <t>Binola</t>
  </si>
  <si>
    <t>Sauri</t>
  </si>
  <si>
    <t>Ratnari</t>
  </si>
  <si>
    <t>Kalamwadi</t>
  </si>
  <si>
    <t>Semara Chandrauli</t>
  </si>
  <si>
    <t>Samada</t>
  </si>
  <si>
    <t>Sirmaur</t>
  </si>
  <si>
    <t>Yairipok</t>
  </si>
  <si>
    <t>Tankua</t>
  </si>
  <si>
    <t>Barfung</t>
  </si>
  <si>
    <t>Chikhli</t>
  </si>
  <si>
    <t>Bahu Jamalpur</t>
  </si>
  <si>
    <t>Khartuli</t>
  </si>
  <si>
    <t>Manpur</t>
  </si>
  <si>
    <t>Dhankot</t>
  </si>
  <si>
    <t>Dharampur</t>
  </si>
  <si>
    <t>Chochra</t>
  </si>
  <si>
    <t>Koregaon</t>
  </si>
  <si>
    <t>Saluni</t>
  </si>
  <si>
    <t>Kanwarsika</t>
  </si>
  <si>
    <t>Shirdi</t>
  </si>
  <si>
    <t>Nimetha</t>
  </si>
  <si>
    <t>Sidsar</t>
  </si>
  <si>
    <t>Makrana</t>
  </si>
  <si>
    <t>Sorumona Poria</t>
  </si>
  <si>
    <t>Nawanagar</t>
  </si>
  <si>
    <t>Jatpar</t>
  </si>
  <si>
    <t>Ghiloth</t>
  </si>
  <si>
    <t>Kesori</t>
  </si>
  <si>
    <t>Karagounden Palayam</t>
  </si>
  <si>
    <t>Khairahniya Beerpur</t>
  </si>
  <si>
    <t>Para Saray</t>
  </si>
  <si>
    <t>Khutehna</t>
  </si>
  <si>
    <t>Naisi</t>
  </si>
  <si>
    <t>Sidhrawali</t>
  </si>
  <si>
    <t>Donar</t>
  </si>
  <si>
    <t>Bharni</t>
  </si>
  <si>
    <t>Mendra Kalan</t>
  </si>
  <si>
    <t>Ghilor Kalan</t>
  </si>
  <si>
    <t>Nawagarh</t>
  </si>
  <si>
    <t>Amrapur</t>
  </si>
  <si>
    <t>Dharpur</t>
  </si>
  <si>
    <t>Singhaur</t>
  </si>
  <si>
    <t>Indupur</t>
  </si>
  <si>
    <t>Goudgop</t>
  </si>
  <si>
    <t>Kachigam</t>
  </si>
  <si>
    <t>Ahmadpur</t>
  </si>
  <si>
    <t>Haryau</t>
  </si>
  <si>
    <t>Chak Pakhi</t>
  </si>
  <si>
    <t>Gaddan Doab</t>
  </si>
  <si>
    <t>Roherianwali</t>
  </si>
  <si>
    <t>Wahabwala</t>
  </si>
  <si>
    <t>Banas Kantha</t>
  </si>
  <si>
    <t>Gudah</t>
  </si>
  <si>
    <t>Untsal</t>
  </si>
  <si>
    <t>Sonepat</t>
  </si>
  <si>
    <t>Shamalaji</t>
  </si>
  <si>
    <t>Rangibasan</t>
  </si>
  <si>
    <t>Rani </t>
  </si>
  <si>
    <t>Kotra</t>
  </si>
  <si>
    <t>Peedampalli</t>
  </si>
  <si>
    <t>Bahjoi</t>
  </si>
  <si>
    <t>Sambhar</t>
  </si>
  <si>
    <t>Mainpuri(Up)</t>
  </si>
  <si>
    <t>Katlaheri</t>
  </si>
  <si>
    <t>Hathin</t>
  </si>
  <si>
    <t>Saraipali</t>
  </si>
  <si>
    <t>Tigrana</t>
  </si>
  <si>
    <t>Akcha</t>
  </si>
  <si>
    <t>Barkatabad</t>
  </si>
  <si>
    <t>Sankeshwar</t>
  </si>
  <si>
    <t>Vannankulam</t>
  </si>
  <si>
    <t>Kuradiha</t>
  </si>
  <si>
    <t>Kovur</t>
  </si>
  <si>
    <t>Tada</t>
  </si>
  <si>
    <t>Bedi-Apmc</t>
  </si>
  <si>
    <t>Awantipora</t>
  </si>
  <si>
    <t>Chithara -Shiv Nadar University</t>
  </si>
  <si>
    <t>Balola</t>
  </si>
  <si>
    <t>Gogoani</t>
  </si>
  <si>
    <t>Gurne Kalan</t>
  </si>
  <si>
    <t>Jeondan</t>
  </si>
  <si>
    <t>Tharaj</t>
  </si>
  <si>
    <t>Krishna</t>
  </si>
  <si>
    <t>Aruppukkottai</t>
  </si>
  <si>
    <t>Tinidvanam</t>
  </si>
  <si>
    <t>Sahjanwa</t>
  </si>
  <si>
    <t>Pattan</t>
  </si>
  <si>
    <t>Kamothe</t>
  </si>
  <si>
    <t>Ranastalam</t>
  </si>
  <si>
    <t>Ganapavaram</t>
  </si>
  <si>
    <t>Coonoor</t>
  </si>
  <si>
    <t>Bisalpur</t>
  </si>
  <si>
    <t>Nawabganj</t>
  </si>
  <si>
    <t>Ravulapalem</t>
  </si>
  <si>
    <t>Hanuman Junction</t>
  </si>
  <si>
    <t>Matanhail</t>
  </si>
  <si>
    <t>Chemmad</t>
  </si>
  <si>
    <t>Wadakkanchery</t>
  </si>
  <si>
    <t>Mandideep</t>
  </si>
  <si>
    <t>Milkipur</t>
  </si>
  <si>
    <t>Gobordanga</t>
  </si>
  <si>
    <t>Airoli</t>
  </si>
  <si>
    <t>Koyilandy</t>
  </si>
  <si>
    <t>Kambam</t>
  </si>
  <si>
    <t>Keelakarai</t>
  </si>
  <si>
    <t>Pallipalayam</t>
  </si>
  <si>
    <t>Tirwaganj</t>
  </si>
  <si>
    <t>Barwani</t>
  </si>
  <si>
    <t>Anand Nagar</t>
  </si>
  <si>
    <t>Khutar</t>
  </si>
  <si>
    <t>Ranni</t>
  </si>
  <si>
    <t>Sathupalle</t>
  </si>
  <si>
    <t>Lalganj-Katghar</t>
  </si>
  <si>
    <t>Satlasana</t>
  </si>
  <si>
    <t>Mahe</t>
  </si>
  <si>
    <t>Bodinayakkannur</t>
  </si>
  <si>
    <t>Kozhenchery</t>
  </si>
  <si>
    <t>Sirathu</t>
  </si>
  <si>
    <t>Kolat</t>
  </si>
  <si>
    <t>Adalaj</t>
  </si>
  <si>
    <t>Loharu</t>
  </si>
  <si>
    <t>Rairangpur</t>
  </si>
  <si>
    <t>Pukhrayan</t>
  </si>
  <si>
    <t>Bidhuna</t>
  </si>
  <si>
    <t>Jasra</t>
  </si>
  <si>
    <t>Tulsipur</t>
  </si>
  <si>
    <t>Kaiserganj</t>
  </si>
  <si>
    <t>Bakhtiarpur</t>
  </si>
  <si>
    <t>Bawani Khera</t>
  </si>
  <si>
    <t>Punalur</t>
  </si>
  <si>
    <t>Thisayanvilai</t>
  </si>
  <si>
    <t>Belthara Road</t>
  </si>
  <si>
    <t>Pithla</t>
  </si>
  <si>
    <t>Banaganapalle</t>
  </si>
  <si>
    <t>Narnaund</t>
  </si>
  <si>
    <t>Kujang</t>
  </si>
  <si>
    <t>Mankapur</t>
  </si>
  <si>
    <t>Kewalpur</t>
  </si>
  <si>
    <t>Rangareddy</t>
  </si>
  <si>
    <t>Nawapur</t>
  </si>
  <si>
    <t>Balla</t>
  </si>
  <si>
    <t>Akkalkuwa</t>
  </si>
  <si>
    <t>Colonelganj</t>
  </si>
  <si>
    <t>Koothuparamba</t>
  </si>
  <si>
    <t>Purwa</t>
  </si>
  <si>
    <t>Kadayanallur</t>
  </si>
  <si>
    <t>Sheohar</t>
  </si>
  <si>
    <t>Deola</t>
  </si>
  <si>
    <t>Ateli</t>
  </si>
  <si>
    <t>Chandvad</t>
  </si>
  <si>
    <t>Lasalgaon</t>
  </si>
  <si>
    <t>Kaptanganj</t>
  </si>
  <si>
    <t>Anuppur</t>
  </si>
  <si>
    <t>Umaria</t>
  </si>
  <si>
    <t>Chirawa</t>
  </si>
  <si>
    <t>Sri Vijaynagar</t>
  </si>
  <si>
    <t>Basna</t>
  </si>
  <si>
    <t>Taoru</t>
  </si>
  <si>
    <t>Kanker</t>
  </si>
  <si>
    <t>Khairtal</t>
  </si>
  <si>
    <t>Matigara</t>
  </si>
  <si>
    <t>Honavar</t>
  </si>
  <si>
    <t>Barhaj</t>
  </si>
  <si>
    <t>Jaswant Nagar</t>
  </si>
  <si>
    <t>Kalwan Bk</t>
  </si>
  <si>
    <t>Koothattukulam</t>
  </si>
  <si>
    <t>Vaikom</t>
  </si>
  <si>
    <t>Husnabad</t>
  </si>
  <si>
    <t>Gannavaram</t>
  </si>
  <si>
    <t>Nuapada</t>
  </si>
  <si>
    <t>Laharpur</t>
  </si>
  <si>
    <t>Sadulsahar</t>
  </si>
  <si>
    <t>Motala</t>
  </si>
  <si>
    <t>Totu</t>
  </si>
  <si>
    <t>Kodinar</t>
  </si>
  <si>
    <t>Seraikela</t>
  </si>
  <si>
    <t>Jigani</t>
  </si>
  <si>
    <t>Palda</t>
  </si>
  <si>
    <t>Akluj</t>
  </si>
  <si>
    <t>Igatpuri</t>
  </si>
  <si>
    <t>Peth Kasba</t>
  </si>
  <si>
    <t>Vicarabad</t>
  </si>
  <si>
    <t>Chrari Sharief</t>
  </si>
  <si>
    <t>Tilhar</t>
  </si>
  <si>
    <t>Peddapalle</t>
  </si>
  <si>
    <t>Tigaon</t>
  </si>
  <si>
    <t>Dattawadi</t>
  </si>
  <si>
    <t>Chaksu</t>
  </si>
  <si>
    <t>Dinapur</t>
  </si>
  <si>
    <t>Dhad</t>
  </si>
  <si>
    <t>Genome Valley</t>
  </si>
  <si>
    <t>Sherkot</t>
  </si>
  <si>
    <t>Jundla</t>
  </si>
  <si>
    <t>Phulabani</t>
  </si>
  <si>
    <t>Gursarai</t>
  </si>
  <si>
    <t>Handia</t>
  </si>
  <si>
    <t>Khailar</t>
  </si>
  <si>
    <t>Mogra Badshahpur</t>
  </si>
  <si>
    <t>Nagina</t>
  </si>
  <si>
    <t>Agar</t>
  </si>
  <si>
    <t>Bilara</t>
  </si>
  <si>
    <t>Nathdwara</t>
  </si>
  <si>
    <t>Ariyalur</t>
  </si>
  <si>
    <t>Becharaji</t>
  </si>
  <si>
    <t>Dildar Nagar</t>
  </si>
  <si>
    <t>Manendragarh</t>
  </si>
  <si>
    <t>Pendra</t>
  </si>
  <si>
    <t>Deulgaon Raja</t>
  </si>
  <si>
    <t>Chandpur</t>
  </si>
  <si>
    <t>Chandauli</t>
  </si>
  <si>
    <t>Venkatagiri</t>
  </si>
  <si>
    <t>Pandharkaoda</t>
  </si>
  <si>
    <t>Baskhari</t>
  </si>
  <si>
    <t>Soraon</t>
  </si>
  <si>
    <t>Kahalgaon </t>
  </si>
  <si>
    <t>Chunar</t>
  </si>
  <si>
    <t>Kunda</t>
  </si>
  <si>
    <t>Atmakur (Nellore)</t>
  </si>
  <si>
    <t>Balod</t>
  </si>
  <si>
    <t>Visavadar</t>
  </si>
  <si>
    <t>Pamgarh</t>
  </si>
  <si>
    <t>Kondotty</t>
  </si>
  <si>
    <t>Khandauli</t>
  </si>
  <si>
    <t>Naharlagun</t>
  </si>
  <si>
    <t>Wadrafnagar</t>
  </si>
  <si>
    <t>Bandikui</t>
  </si>
  <si>
    <t>Srimadhopur</t>
  </si>
  <si>
    <t>Raya</t>
  </si>
  <si>
    <t>Patti,Pratapgarh</t>
  </si>
  <si>
    <t>Ganeswarpur</t>
  </si>
  <si>
    <t>Junnar</t>
  </si>
  <si>
    <t>Falna</t>
  </si>
  <si>
    <t>Shadnagar</t>
  </si>
  <si>
    <t>Sardhana</t>
  </si>
  <si>
    <t>Akividu</t>
  </si>
  <si>
    <t>Choutuppal</t>
  </si>
  <si>
    <t>Kompalle</t>
  </si>
  <si>
    <t>Akaltara</t>
  </si>
  <si>
    <t>Bilha</t>
  </si>
  <si>
    <t>Konda Goan</t>
  </si>
  <si>
    <t>Lohardih</t>
  </si>
  <si>
    <t>Saharsa</t>
  </si>
  <si>
    <t>Uchana Kalan</t>
  </si>
  <si>
    <t>Kannad</t>
  </si>
  <si>
    <t>Manmad</t>
  </si>
  <si>
    <t>Nandura</t>
  </si>
  <si>
    <t>Taloje Majkur</t>
  </si>
  <si>
    <t>Baudhgarh</t>
  </si>
  <si>
    <t>Bhinmal</t>
  </si>
  <si>
    <t>Kuchaman City</t>
  </si>
  <si>
    <t>Kalwakurthy</t>
  </si>
  <si>
    <t>Faridpur</t>
  </si>
  <si>
    <t>Nandgaon</t>
  </si>
  <si>
    <t>Jogipet</t>
  </si>
  <si>
    <t>Farrukhabad</t>
  </si>
  <si>
    <t>Bikramganj</t>
  </si>
  <si>
    <t>Mirganj</t>
  </si>
  <si>
    <t>Arni</t>
  </si>
  <si>
    <t>Chirgaon</t>
  </si>
  <si>
    <t>Vikasnagar</t>
  </si>
  <si>
    <t>ANCHAL</t>
  </si>
  <si>
    <t>Bhattu Kalan</t>
  </si>
  <si>
    <t>Hassanpur</t>
  </si>
  <si>
    <t>Ner</t>
  </si>
  <si>
    <t>Behat</t>
  </si>
  <si>
    <t>Tehri</t>
  </si>
  <si>
    <t>Mohammadi</t>
  </si>
  <si>
    <t>Bhanvad</t>
  </si>
  <si>
    <t>Ranipool</t>
  </si>
  <si>
    <t>Khaga</t>
  </si>
  <si>
    <t>Savner</t>
  </si>
  <si>
    <t>Kaushambi</t>
  </si>
  <si>
    <t>Loni</t>
  </si>
  <si>
    <t>Dhone</t>
  </si>
  <si>
    <t>Kamavarapukota</t>
  </si>
  <si>
    <t>JOURA</t>
  </si>
  <si>
    <t>PUNE</t>
  </si>
  <si>
    <t>Bilkhawthlir</t>
  </si>
  <si>
    <t xml:space="preserve">Muddebihal </t>
  </si>
  <si>
    <t>Haidergarh</t>
  </si>
  <si>
    <t>Loisinga</t>
  </si>
  <si>
    <t>Bhind</t>
  </si>
  <si>
    <t>Burhar</t>
  </si>
  <si>
    <t>Obedullaganj</t>
  </si>
  <si>
    <t>Mul</t>
  </si>
  <si>
    <t>Etmadpur(Up)</t>
  </si>
  <si>
    <t>Sihora</t>
  </si>
  <si>
    <t>Kattappana</t>
  </si>
  <si>
    <t>Berasia</t>
  </si>
  <si>
    <t>Surathkal</t>
  </si>
  <si>
    <t>Nampur</t>
  </si>
  <si>
    <t>Bilgi</t>
  </si>
  <si>
    <t>Chintamani</t>
  </si>
  <si>
    <t>Badnagar</t>
  </si>
  <si>
    <t>Kishangarh Renwal</t>
  </si>
  <si>
    <t>Gangapur City</t>
  </si>
  <si>
    <t>Bachhrawan</t>
  </si>
  <si>
    <t>Bazpur</t>
  </si>
  <si>
    <t>Dhamangaon Railway</t>
  </si>
  <si>
    <t>Sadi</t>
  </si>
  <si>
    <t>Barama</t>
  </si>
  <si>
    <t>Rajura</t>
  </si>
  <si>
    <t>Mehbubnagar</t>
  </si>
  <si>
    <t>Kalmeshwar</t>
  </si>
  <si>
    <t>Kanchapada</t>
  </si>
  <si>
    <t>Bolagarh</t>
  </si>
  <si>
    <t>Jais</t>
  </si>
  <si>
    <t>Pipraich</t>
  </si>
  <si>
    <t>Salon</t>
  </si>
  <si>
    <t>Biswan </t>
  </si>
  <si>
    <t>Ahore</t>
  </si>
  <si>
    <t>Tangi</t>
  </si>
  <si>
    <t>Bhatahat</t>
  </si>
  <si>
    <t>Shajapur</t>
  </si>
  <si>
    <t>Babhanan</t>
  </si>
  <si>
    <t>Sampurna Nagar</t>
  </si>
  <si>
    <t>Bansi</t>
  </si>
  <si>
    <t>Shohratgarh</t>
  </si>
  <si>
    <t>Ramnagar Mahuware</t>
  </si>
  <si>
    <t>West Midnapore</t>
  </si>
  <si>
    <t>BHADRAVATHI</t>
  </si>
  <si>
    <t>Gola</t>
  </si>
  <si>
    <t>Lakhan Majra</t>
  </si>
  <si>
    <t>Boronilpur</t>
  </si>
  <si>
    <t>Ponnani</t>
  </si>
  <si>
    <t>Channagiri</t>
  </si>
  <si>
    <t>Ozar</t>
  </si>
  <si>
    <t>Mannar</t>
  </si>
  <si>
    <t>Narsapura</t>
  </si>
  <si>
    <t>Ambalappuzha</t>
  </si>
  <si>
    <t>Dona Paula</t>
  </si>
  <si>
    <t>Nowgong</t>
  </si>
  <si>
    <t>Mahidpur</t>
  </si>
  <si>
    <t>Khanvel</t>
  </si>
  <si>
    <t>Guskara </t>
  </si>
  <si>
    <t>Chhota Udaipur</t>
  </si>
  <si>
    <t>Bajghera</t>
  </si>
  <si>
    <t>Udham Singh Nagar</t>
  </si>
  <si>
    <t>Maurmandi</t>
  </si>
  <si>
    <t>Sahibzada Ajit Singh Nagar</t>
  </si>
  <si>
    <t>Malpura</t>
  </si>
  <si>
    <t>Anjad</t>
  </si>
  <si>
    <t>Kolar</t>
  </si>
  <si>
    <t>Komaripalem</t>
  </si>
  <si>
    <t>Poranki</t>
  </si>
  <si>
    <t>Kinnigoli</t>
  </si>
  <si>
    <t>Naroli</t>
  </si>
  <si>
    <t>Neyyattinkara</t>
  </si>
  <si>
    <t>Shankarpally</t>
  </si>
  <si>
    <t>Titlagarh</t>
  </si>
  <si>
    <t>Anthiyur</t>
  </si>
  <si>
    <t>Konch</t>
  </si>
  <si>
    <t>Chikkaballapur</t>
  </si>
  <si>
    <t>Gorakshan</t>
  </si>
  <si>
    <t>Pondicherry</t>
  </si>
  <si>
    <t>Sangareddy</t>
  </si>
  <si>
    <t>Raidurg</t>
  </si>
  <si>
    <t>Khariar</t>
  </si>
  <si>
    <t>Bhuban</t>
  </si>
  <si>
    <t>Narayankhed</t>
  </si>
  <si>
    <t>Gharyala</t>
  </si>
  <si>
    <t>Malbazar</t>
  </si>
  <si>
    <t>Kundara</t>
  </si>
  <si>
    <t>JAMMU</t>
  </si>
  <si>
    <t>Lunkaransar</t>
  </si>
  <si>
    <t>Gajwel</t>
  </si>
  <si>
    <t>Porumamilla</t>
  </si>
  <si>
    <t>Karimnagar</t>
  </si>
  <si>
    <t>Barddhaman</t>
  </si>
  <si>
    <t>Safipur</t>
  </si>
  <si>
    <t>Singrauli</t>
  </si>
  <si>
    <t>Khakat</t>
  </si>
  <si>
    <t>Uttarsanda</t>
  </si>
  <si>
    <t>Chodavaram</t>
  </si>
  <si>
    <t>Miryalaguda</t>
  </si>
  <si>
    <t>Tihu</t>
  </si>
  <si>
    <t>Tangla</t>
  </si>
  <si>
    <t>Yeleswaram</t>
  </si>
  <si>
    <t>Khowai</t>
  </si>
  <si>
    <t>Jaitaran</t>
  </si>
  <si>
    <t>Keylong</t>
  </si>
  <si>
    <t>Amla</t>
  </si>
  <si>
    <t>Beohari</t>
  </si>
  <si>
    <t>Sonkatch</t>
  </si>
  <si>
    <t>Muktainagar</t>
  </si>
  <si>
    <t>Mugalsarai</t>
  </si>
  <si>
    <t>JODHPUR</t>
  </si>
  <si>
    <t>Nagamangala</t>
  </si>
  <si>
    <t>Ranikhet</t>
  </si>
  <si>
    <t>Gajapathinagaram</t>
  </si>
  <si>
    <t>Annavaram</t>
  </si>
  <si>
    <t>Mhow</t>
  </si>
  <si>
    <t>Begamaganj</t>
  </si>
  <si>
    <t>Bhinder</t>
  </si>
  <si>
    <t>Anpra</t>
  </si>
  <si>
    <t>Swargashram</t>
  </si>
  <si>
    <t>Varangaon</t>
  </si>
  <si>
    <t>Deeg</t>
  </si>
  <si>
    <t>South West</t>
  </si>
  <si>
    <t>Koppa</t>
  </si>
  <si>
    <t>Salcete</t>
  </si>
  <si>
    <t>Dahiwadi</t>
  </si>
  <si>
    <t>Yadagirigutta</t>
  </si>
  <si>
    <t>Dongargarh</t>
  </si>
  <si>
    <t>Nedumangad</t>
  </si>
  <si>
    <t>Kalamb</t>
  </si>
  <si>
    <t>Neyveli</t>
  </si>
  <si>
    <t>MAHAL SUB URBAN</t>
  </si>
  <si>
    <t>Mahesana</t>
  </si>
  <si>
    <t>Dhekiajuli</t>
  </si>
  <si>
    <t>Aranthangi</t>
  </si>
  <si>
    <t>Gummidipoondi</t>
  </si>
  <si>
    <t>Hapur</t>
  </si>
  <si>
    <t>Amanganj</t>
  </si>
  <si>
    <t>Chennimalai</t>
  </si>
  <si>
    <t>Baleshwar </t>
  </si>
  <si>
    <t>Karauli</t>
  </si>
  <si>
    <t>Lalgarh Jattan</t>
  </si>
  <si>
    <t>Nasrullaganj</t>
  </si>
  <si>
    <t>Kalyan</t>
  </si>
  <si>
    <t>THANE</t>
  </si>
  <si>
    <t>Gharsana</t>
  </si>
  <si>
    <t>Ollur</t>
  </si>
  <si>
    <t>Nadbai</t>
  </si>
  <si>
    <t>Kotturu</t>
  </si>
  <si>
    <t>Musiri</t>
  </si>
  <si>
    <t>Guntakal</t>
  </si>
  <si>
    <t>Shikaripura</t>
  </si>
  <si>
    <t>Beeramguda</t>
  </si>
  <si>
    <t>Karungal</t>
  </si>
  <si>
    <t>Mahemdabad</t>
  </si>
  <si>
    <t>Herbertpur</t>
  </si>
  <si>
    <t>Dibai</t>
  </si>
  <si>
    <t>Akole</t>
  </si>
  <si>
    <t>Vijayapura</t>
  </si>
  <si>
    <t>Barmana</t>
  </si>
  <si>
    <t>Mihi Purwa</t>
  </si>
  <si>
    <t>Bhokardan</t>
  </si>
  <si>
    <t>Taloda</t>
  </si>
  <si>
    <t>Pahur</t>
  </si>
  <si>
    <t>Margherita</t>
  </si>
  <si>
    <t>Haflong</t>
  </si>
  <si>
    <t>Kasrawad</t>
  </si>
  <si>
    <t>RAGHOGARH</t>
  </si>
  <si>
    <t>Usilampatti</t>
  </si>
  <si>
    <t>Paranda</t>
  </si>
  <si>
    <t>Deori</t>
  </si>
  <si>
    <t>Nallajerla</t>
  </si>
  <si>
    <t>Poladpur</t>
  </si>
  <si>
    <t>Shikarpur</t>
  </si>
  <si>
    <t>Hatpipliya</t>
  </si>
  <si>
    <t>RENAPUR</t>
  </si>
  <si>
    <t>KOLARAS</t>
  </si>
  <si>
    <t>Khirkiya</t>
  </si>
  <si>
    <t>Rishra</t>
  </si>
  <si>
    <t>JIRAPUR</t>
  </si>
  <si>
    <t>North 24 Paraganas</t>
  </si>
  <si>
    <t>THRISSUR</t>
  </si>
  <si>
    <t>Sohagpur</t>
  </si>
  <si>
    <t>Babai</t>
  </si>
  <si>
    <t>Lakhnadon</t>
  </si>
  <si>
    <t>Bhor</t>
  </si>
  <si>
    <t>Patur</t>
  </si>
  <si>
    <t>Khurai</t>
  </si>
  <si>
    <t>Chaurai Khas</t>
  </si>
  <si>
    <t>Murmagoa</t>
  </si>
  <si>
    <t>Belonia</t>
  </si>
  <si>
    <t>Kulti</t>
  </si>
  <si>
    <t>Karatagi</t>
  </si>
  <si>
    <t>Chittapur</t>
  </si>
  <si>
    <t>Rampur Maniharan</t>
  </si>
  <si>
    <t>Mothkur</t>
  </si>
  <si>
    <t>Dubrajur</t>
  </si>
  <si>
    <t>Jalesar</t>
  </si>
  <si>
    <t>Budgam</t>
  </si>
  <si>
    <t>Dharamgarh</t>
  </si>
  <si>
    <t>Chikiti</t>
  </si>
  <si>
    <t>BAUXITE ROAD</t>
  </si>
  <si>
    <t>Jhalod</t>
  </si>
  <si>
    <t>Telhara</t>
  </si>
  <si>
    <t>Sangamner</t>
  </si>
  <si>
    <t>Manvi</t>
  </si>
  <si>
    <t>Shendraban</t>
  </si>
  <si>
    <t>BADARWAS</t>
  </si>
  <si>
    <t>Katghora</t>
  </si>
  <si>
    <t>MADURAI</t>
  </si>
  <si>
    <t>Bhimtal</t>
  </si>
  <si>
    <t>Arang</t>
  </si>
  <si>
    <t>Digras</t>
  </si>
  <si>
    <t>Amarwara</t>
  </si>
  <si>
    <t>Desaiganj Wadsa</t>
  </si>
  <si>
    <t>South 24 Parganas</t>
  </si>
  <si>
    <t>Baraily</t>
  </si>
  <si>
    <t>Tirora</t>
  </si>
  <si>
    <t>Siruguppa</t>
  </si>
  <si>
    <t>Jhadol</t>
  </si>
  <si>
    <t>Thikri</t>
  </si>
  <si>
    <t>Junnardeo</t>
  </si>
  <si>
    <t>Jalore</t>
  </si>
  <si>
    <t>Shimoga</t>
  </si>
  <si>
    <t>Tittakudi</t>
  </si>
  <si>
    <t>Sindgi </t>
  </si>
  <si>
    <t>leelasravani.devulapalli@hdfcbank.com</t>
  </si>
  <si>
    <t>Jevargi</t>
  </si>
  <si>
    <t>Kochi</t>
  </si>
  <si>
    <t>Narot Jaimal Singh</t>
  </si>
  <si>
    <t>Kazipet</t>
  </si>
  <si>
    <t>Davanagere</t>
  </si>
  <si>
    <t>Nasrala</t>
  </si>
  <si>
    <t>Bhawarna Khas</t>
  </si>
  <si>
    <t>Algon</t>
  </si>
  <si>
    <t>Champawat</t>
  </si>
  <si>
    <t>SOMWARPET</t>
  </si>
  <si>
    <t>Kushtagi</t>
  </si>
  <si>
    <t>Nagothane</t>
  </si>
  <si>
    <t>Attabira</t>
  </si>
  <si>
    <t>Lalkuan</t>
  </si>
  <si>
    <t>Lohaghat</t>
  </si>
  <si>
    <t>Athmallik</t>
  </si>
  <si>
    <t>Bankhedi</t>
  </si>
  <si>
    <t>Salumber</t>
  </si>
  <si>
    <t>Gariyaband</t>
  </si>
  <si>
    <t>UTHANGARAI</t>
  </si>
  <si>
    <t>Vandavasi</t>
  </si>
  <si>
    <t>Campierganj</t>
  </si>
  <si>
    <t>Nankhari</t>
  </si>
  <si>
    <t>Manapparai</t>
  </si>
  <si>
    <t>Harur</t>
  </si>
  <si>
    <t>Bagicha</t>
  </si>
  <si>
    <t>Dharmavaram</t>
  </si>
  <si>
    <t>Gunderdehi</t>
  </si>
  <si>
    <t>Dhamdha</t>
  </si>
  <si>
    <t>Bodwad</t>
  </si>
  <si>
    <t>Umarkhed</t>
  </si>
  <si>
    <t>Risod</t>
  </si>
  <si>
    <t>Bagbahara</t>
  </si>
  <si>
    <t>Mudigere</t>
  </si>
  <si>
    <t>Ghatal</t>
  </si>
  <si>
    <t>Alibaug</t>
  </si>
  <si>
    <t>Narkhed</t>
  </si>
  <si>
    <t>Dwaraka Tirumala</t>
  </si>
  <si>
    <t>Nanakmatta</t>
  </si>
  <si>
    <t>Veeravasaram</t>
  </si>
  <si>
    <t>Gunj road Gulbarga</t>
  </si>
  <si>
    <t>Ashti</t>
  </si>
  <si>
    <t>Jayankondam</t>
  </si>
  <si>
    <t>Alot</t>
  </si>
  <si>
    <t>Sonari</t>
  </si>
  <si>
    <t>Karuppayurani</t>
  </si>
  <si>
    <t>Goluwala</t>
  </si>
  <si>
    <t>Jajpur Road</t>
  </si>
  <si>
    <t>Swaroopganj</t>
  </si>
  <si>
    <t>Partapur</t>
  </si>
  <si>
    <t>Uppala</t>
  </si>
  <si>
    <t>Panchgani</t>
  </si>
  <si>
    <t>Churhat</t>
  </si>
  <si>
    <t>Sakoli</t>
  </si>
  <si>
    <t>Banmor</t>
  </si>
  <si>
    <t>VADODARA</t>
  </si>
  <si>
    <t>Amarpatan</t>
  </si>
  <si>
    <t>Bangana</t>
  </si>
  <si>
    <t>Bellary</t>
  </si>
  <si>
    <t>Pathanapuram</t>
  </si>
  <si>
    <t>Semariya</t>
  </si>
  <si>
    <t>Tanakpur</t>
  </si>
  <si>
    <t>Nardane</t>
  </si>
  <si>
    <t>Kukshi</t>
  </si>
  <si>
    <t>Kollegal</t>
  </si>
  <si>
    <t>Gosaiganj</t>
  </si>
  <si>
    <t>Wyra</t>
  </si>
  <si>
    <t>Thodupuzha</t>
  </si>
  <si>
    <t>Bethamcherla</t>
  </si>
  <si>
    <t>Narayanpur</t>
  </si>
  <si>
    <t>Konni</t>
  </si>
  <si>
    <t>Calicut</t>
  </si>
  <si>
    <t>GT Road Gurdaspur</t>
  </si>
  <si>
    <t>Rajsamand</t>
  </si>
  <si>
    <t>Sri Karanpur</t>
  </si>
  <si>
    <t>Ambernath</t>
  </si>
  <si>
    <t>Nhavare</t>
  </si>
  <si>
    <t>Maug​anj</t>
  </si>
  <si>
    <t>pune</t>
  </si>
  <si>
    <t>DAVANGERE</t>
  </si>
  <si>
    <t>Jashpur</t>
  </si>
  <si>
    <t>BELLARY</t>
  </si>
  <si>
    <t>Chennur</t>
  </si>
  <si>
    <t>Gooty</t>
  </si>
  <si>
    <t>Barotiwala</t>
  </si>
  <si>
    <t>RAJGARH (MP)</t>
  </si>
  <si>
    <t>BHOPAL</t>
  </si>
  <si>
    <t>Gingee</t>
  </si>
  <si>
    <t>Ratanpur</t>
  </si>
  <si>
    <t>Timarni</t>
  </si>
  <si>
    <t>SARANGPUR</t>
  </si>
  <si>
    <t>JABALPUR</t>
  </si>
  <si>
    <t>VIDISHA</t>
  </si>
  <si>
    <t>Garhakota</t>
  </si>
  <si>
    <t>Devgarh Baria</t>
  </si>
  <si>
    <t>Dankaur</t>
  </si>
  <si>
    <t>Darwha</t>
  </si>
  <si>
    <t>Atarra</t>
  </si>
  <si>
    <t>Adawad</t>
  </si>
  <si>
    <t>CHHINDWARA</t>
  </si>
  <si>
    <t>Hanamkonda</t>
  </si>
  <si>
    <t>Srivilliputhur</t>
  </si>
  <si>
    <t>Aliganj</t>
  </si>
  <si>
    <t>Ajitmal</t>
  </si>
  <si>
    <t>Mairwa</t>
  </si>
  <si>
    <t>HONNALI</t>
  </si>
  <si>
    <t>Manuguru</t>
  </si>
  <si>
    <t>SILWANI</t>
  </si>
  <si>
    <t>Belagavi</t>
  </si>
  <si>
    <t>Indi</t>
  </si>
  <si>
    <t>CHITRADURGA</t>
  </si>
  <si>
    <t>Majuli</t>
  </si>
  <si>
    <t>Devarakonda</t>
  </si>
  <si>
    <t>Jammalamadugu</t>
  </si>
  <si>
    <t>Asind</t>
  </si>
  <si>
    <t>KHERLI</t>
  </si>
  <si>
    <t>Keshkal</t>
  </si>
  <si>
    <t>Bargur</t>
  </si>
  <si>
    <t>RAJKOT</t>
  </si>
  <si>
    <t>Kanyakumari</t>
  </si>
  <si>
    <t>Charkhari</t>
  </si>
  <si>
    <t>Osian</t>
  </si>
  <si>
    <t>Varpal</t>
  </si>
  <si>
    <t>Thiruporur</t>
  </si>
  <si>
    <t>Multai</t>
  </si>
  <si>
    <t>Kunkuri</t>
  </si>
  <si>
    <t>Atpadi</t>
  </si>
  <si>
    <t>Narsinghgarh</t>
  </si>
  <si>
    <t>Chhatarpur</t>
  </si>
  <si>
    <t>Udaipura</t>
  </si>
  <si>
    <t>Dharangaon</t>
  </si>
  <si>
    <t>Paramakudi</t>
  </si>
  <si>
    <t>SURAT</t>
  </si>
  <si>
    <t>Shamgarh</t>
  </si>
  <si>
    <t>Gotegaon</t>
  </si>
  <si>
    <t>Polasara</t>
  </si>
  <si>
    <t>Petlawad</t>
  </si>
  <si>
    <t>Bhimadole</t>
  </si>
  <si>
    <t>Narasannapeta</t>
  </si>
  <si>
    <t>Jahu</t>
  </si>
  <si>
    <t>Garhmukteshwar</t>
  </si>
  <si>
    <t>Bhugaon</t>
  </si>
  <si>
    <t>Vallabh Nagar</t>
  </si>
  <si>
    <t>Kalamnuri</t>
  </si>
  <si>
    <t>Kharupetia</t>
  </si>
  <si>
    <t>Jalgaon (Jamod)</t>
  </si>
  <si>
    <t>Jagitial</t>
  </si>
  <si>
    <t>Bheemgal</t>
  </si>
  <si>
    <t>NOHAR</t>
  </si>
  <si>
    <t>Jamtara</t>
  </si>
  <si>
    <t>Hagaribommanahalli</t>
  </si>
  <si>
    <t>Atmakur (Kurnool)</t>
  </si>
  <si>
    <t>Thumkunta</t>
  </si>
  <si>
    <t>Damtal</t>
  </si>
  <si>
    <t>Gubbi</t>
  </si>
  <si>
    <t>Kunigal</t>
  </si>
  <si>
    <t>Joshimath</t>
  </si>
  <si>
    <t>Chhoti Sadri</t>
  </si>
  <si>
    <t>Kothur</t>
  </si>
  <si>
    <t>Brahmavar</t>
  </si>
  <si>
    <t>Kinathukadavu</t>
  </si>
  <si>
    <t>Sullurpeta</t>
  </si>
  <si>
    <t>Gossaigaon</t>
  </si>
  <si>
    <t>Toopran</t>
  </si>
  <si>
    <t>GOHAD</t>
  </si>
  <si>
    <t>Bhander</t>
  </si>
  <si>
    <t>Kolhar Budruk</t>
  </si>
  <si>
    <t>Narkatiaganj</t>
  </si>
  <si>
    <t>Anaimalai</t>
  </si>
  <si>
    <t>Cheepurupalli</t>
  </si>
  <si>
    <t>Bhawani Mandi</t>
  </si>
  <si>
    <t>Shahabad</t>
  </si>
  <si>
    <t>Gulabpura</t>
  </si>
  <si>
    <t>LONGOWAL</t>
  </si>
  <si>
    <t>Channapatna</t>
  </si>
  <si>
    <t>Bijoliya</t>
  </si>
  <si>
    <t>KRISHNARAJAPETE</t>
  </si>
  <si>
    <t>Gulbarga (Kalaburagi)</t>
  </si>
  <si>
    <t>Toranagallu</t>
  </si>
  <si>
    <t>Sira</t>
  </si>
  <si>
    <t>Kumarapalayam</t>
  </si>
  <si>
    <t>Gangapur</t>
  </si>
  <si>
    <t>Cidco Nanded</t>
  </si>
  <si>
    <t>Samalsar</t>
  </si>
  <si>
    <t>Pokhran</t>
  </si>
  <si>
    <t>Akkalkot</t>
  </si>
  <si>
    <t>Kumhari</t>
  </si>
  <si>
    <t>Mylavaram</t>
  </si>
  <si>
    <t>Vellakovil</t>
  </si>
  <si>
    <t>Kareli</t>
  </si>
  <si>
    <t>HARAPANAHALLI</t>
  </si>
  <si>
    <t>Padur</t>
  </si>
  <si>
    <t>Kailasahar</t>
  </si>
  <si>
    <t>Bobbili</t>
  </si>
  <si>
    <t>Kamatwade</t>
  </si>
  <si>
    <t>MOHOL</t>
  </si>
  <si>
    <t>Abhanpur</t>
  </si>
  <si>
    <t>Khachrod</t>
  </si>
  <si>
    <t>Kharkhoda</t>
  </si>
  <si>
    <t>Haripal</t>
  </si>
  <si>
    <t>KATNI</t>
  </si>
  <si>
    <t>Behal</t>
  </si>
  <si>
    <t>Ziro (Sadar)</t>
  </si>
  <si>
    <t>Sarangarh</t>
  </si>
  <si>
    <t>Kasdol</t>
  </si>
  <si>
    <t>Naxal Bari</t>
  </si>
  <si>
    <t>Dharwad</t>
  </si>
  <si>
    <t>Tonk</t>
  </si>
  <si>
    <t>Tibbi</t>
  </si>
  <si>
    <t>Mahalingapur</t>
  </si>
  <si>
    <t>Lasur</t>
  </si>
  <si>
    <t>Kushinagar</t>
  </si>
  <si>
    <t>kannod</t>
  </si>
  <si>
    <t>Belsar</t>
  </si>
  <si>
    <t>Iglas</t>
  </si>
  <si>
    <t>Attili</t>
  </si>
  <si>
    <t>Kottiyam</t>
  </si>
  <si>
    <t>Dineshpur</t>
  </si>
  <si>
    <t>Iritty</t>
  </si>
  <si>
    <t>Perambra</t>
  </si>
  <si>
    <t>Minjur</t>
  </si>
  <si>
    <t>Ambah</t>
  </si>
  <si>
    <t>Bijni</t>
  </si>
  <si>
    <t>Sultanpur</t>
  </si>
  <si>
    <t>Mancheswar</t>
  </si>
  <si>
    <t>Ghorawal</t>
  </si>
  <si>
    <t>Parchur</t>
  </si>
  <si>
    <t>Bahraich</t>
  </si>
  <si>
    <t>Nerua</t>
  </si>
  <si>
    <t>Balaramapuram</t>
  </si>
  <si>
    <t>Dongargaon</t>
  </si>
  <si>
    <t>Georai</t>
  </si>
  <si>
    <t>Ambad</t>
  </si>
  <si>
    <t>Kushalgarh</t>
  </si>
  <si>
    <t>KARERA</t>
  </si>
  <si>
    <t>Chandipur</t>
  </si>
  <si>
    <t>Manasa</t>
  </si>
  <si>
    <t>Paramathy Velur</t>
  </si>
  <si>
    <t>Pachore</t>
  </si>
  <si>
    <t>Bhanupratppur</t>
  </si>
  <si>
    <t>Panoor</t>
  </si>
  <si>
    <t>Areekode</t>
  </si>
  <si>
    <t>Kairana</t>
  </si>
  <si>
    <t>Nagod</t>
  </si>
  <si>
    <t>Harse Chhina</t>
  </si>
  <si>
    <t>Railmagra</t>
  </si>
  <si>
    <t>Chittaurgarh</t>
  </si>
  <si>
    <t>Focal Point, Hoshiarpur</t>
  </si>
  <si>
    <t>Bheemunipatnam</t>
  </si>
  <si>
    <t>Ravong</t>
  </si>
  <si>
    <t>KANKER</t>
  </si>
  <si>
    <t>Sadri</t>
  </si>
  <si>
    <t>Kattakada</t>
  </si>
  <si>
    <t>Lormi</t>
  </si>
  <si>
    <t>Chanderi</t>
  </si>
  <si>
    <t>Rehli</t>
  </si>
  <si>
    <t>Mouda</t>
  </si>
  <si>
    <t>Haora</t>
  </si>
  <si>
    <t>BHIKANGAON</t>
  </si>
  <si>
    <t>Koradi</t>
  </si>
  <si>
    <t>Bhimavaram</t>
  </si>
  <si>
    <t>Charama</t>
  </si>
  <si>
    <t>Tatipaka</t>
  </si>
  <si>
    <t>Bishrampur</t>
  </si>
  <si>
    <t>Waraseoni</t>
  </si>
  <si>
    <t>Hirakud</t>
  </si>
  <si>
    <t>BILASPUR</t>
  </si>
  <si>
    <t>NAWA</t>
  </si>
  <si>
    <t>Nirjuli</t>
  </si>
  <si>
    <t>Bantumilli</t>
  </si>
  <si>
    <t xml:space="preserve">	Kurnool </t>
  </si>
  <si>
    <t>Naidupet</t>
  </si>
  <si>
    <t>Ghugus</t>
  </si>
  <si>
    <t>North West Delhi</t>
  </si>
  <si>
    <t>Ahmadabad</t>
  </si>
  <si>
    <t>Devrukh</t>
  </si>
  <si>
    <t>Satpuli</t>
  </si>
  <si>
    <t>Karsog</t>
  </si>
  <si>
    <t>Asanpat</t>
  </si>
  <si>
    <t>Morigaon</t>
  </si>
  <si>
    <t>KAIKALUR</t>
  </si>
  <si>
    <t>Jaggampeta</t>
  </si>
  <si>
    <t>Ibrahimpatnam</t>
  </si>
  <si>
    <t>Pedana</t>
  </si>
  <si>
    <t>Dantewada</t>
  </si>
  <si>
    <t>Asifabad</t>
  </si>
  <si>
    <t>Pipar City</t>
  </si>
  <si>
    <t>Avanigadda</t>
  </si>
  <si>
    <t>Indora</t>
  </si>
  <si>
    <t>Tangutur</t>
  </si>
  <si>
    <t>Mangrulpir</t>
  </si>
  <si>
    <t>Panchsheel Nagar, Ajmer</t>
  </si>
  <si>
    <t>Ekta Nagar</t>
  </si>
  <si>
    <t>Tanda Urmar</t>
  </si>
  <si>
    <t>Darsi</t>
  </si>
  <si>
    <t>Udalguri  </t>
  </si>
  <si>
    <t>Srungavarapukota</t>
  </si>
  <si>
    <t>Srinagar</t>
  </si>
  <si>
    <t>Mulugu</t>
  </si>
  <si>
    <t>Bhokar</t>
  </si>
  <si>
    <t>DHARMABAD</t>
  </si>
  <si>
    <t>Baruipur</t>
  </si>
  <si>
    <t>Mathabhanga</t>
  </si>
  <si>
    <t>Bongaon</t>
  </si>
  <si>
    <t>Samalapuram</t>
  </si>
  <si>
    <t>Sadashivpet</t>
  </si>
  <si>
    <t>Vengara</t>
  </si>
  <si>
    <t>Anni</t>
  </si>
  <si>
    <t>Rishabhdeo</t>
  </si>
  <si>
    <t>Subramanya</t>
  </si>
  <si>
    <t>Manamadurai</t>
  </si>
  <si>
    <t>Bari</t>
  </si>
  <si>
    <t>SAS Nagar</t>
  </si>
  <si>
    <t>Allu Nagar Diguria</t>
  </si>
  <si>
    <t>Digha</t>
  </si>
  <si>
    <t>Hebri</t>
  </si>
  <si>
    <t>Rameswaram</t>
  </si>
  <si>
    <t>Kaveripattinam</t>
  </si>
  <si>
    <t>Devarapalli</t>
  </si>
  <si>
    <t>Mulanur</t>
  </si>
  <si>
    <t>Indore </t>
  </si>
  <si>
    <t>Srisailam</t>
  </si>
  <si>
    <t>Nagri</t>
  </si>
  <si>
    <t>Tijara</t>
  </si>
  <si>
    <t>Masturi</t>
  </si>
  <si>
    <t>INDORE</t>
  </si>
  <si>
    <t>Dalkhola</t>
  </si>
  <si>
    <t>UDAIPUR</t>
  </si>
  <si>
    <t>Cheruvathur</t>
  </si>
  <si>
    <t>CHAKUR</t>
  </si>
  <si>
    <t>Meja Khas</t>
  </si>
  <si>
    <t>Balbera</t>
  </si>
  <si>
    <t>Mukkom</t>
  </si>
  <si>
    <t>Jhunir</t>
  </si>
  <si>
    <t>Piro</t>
  </si>
  <si>
    <t>Kotagiri</t>
  </si>
  <si>
    <t>Bungal</t>
  </si>
  <si>
    <t>Pilani</t>
  </si>
  <si>
    <t>Chail</t>
  </si>
  <si>
    <t>Lakhimpur </t>
  </si>
  <si>
    <t>Indergarh</t>
  </si>
  <si>
    <t>Makthal</t>
  </si>
  <si>
    <t>Ahiwara</t>
  </si>
  <si>
    <t>Tirunindravur</t>
  </si>
  <si>
    <t>Latehar</t>
  </si>
  <si>
    <t>Reengus</t>
  </si>
  <si>
    <t>Chhatrapur</t>
  </si>
  <si>
    <t>Kuchinda</t>
  </si>
  <si>
    <t>Keshpur</t>
  </si>
  <si>
    <t>PALAKKAD</t>
  </si>
  <si>
    <t>Belthangady</t>
  </si>
  <si>
    <t>Shankargarh</t>
  </si>
  <si>
    <t>Khatima</t>
  </si>
  <si>
    <t>Nakrekal</t>
  </si>
  <si>
    <t>Sanawad</t>
  </si>
  <si>
    <t>Antah</t>
  </si>
  <si>
    <t>Kopaganj</t>
  </si>
  <si>
    <t>Jhabua</t>
  </si>
  <si>
    <t>Fatehnagar</t>
  </si>
  <si>
    <t>Nawalgarh</t>
  </si>
  <si>
    <t>Sagwara</t>
  </si>
  <si>
    <t>Alipur</t>
  </si>
  <si>
    <t>Lonand</t>
  </si>
  <si>
    <t>Machhlishahar Jaunpur</t>
  </si>
  <si>
    <t>Malur</t>
  </si>
  <si>
    <t>Kapasan</t>
  </si>
  <si>
    <t>Sanchore</t>
  </si>
  <si>
    <t>Kurud</t>
  </si>
  <si>
    <t>Bansur-Alwar</t>
  </si>
  <si>
    <t>Jalaun</t>
  </si>
  <si>
    <t>Sirohi</t>
  </si>
  <si>
    <t>Narsapur</t>
  </si>
  <si>
    <t>Kalady</t>
  </si>
  <si>
    <t>Dudu</t>
  </si>
  <si>
    <t>Dapoli</t>
  </si>
  <si>
    <t>Pushkar</t>
  </si>
  <si>
    <t>Vaduj</t>
  </si>
  <si>
    <t>Malkangiri</t>
  </si>
  <si>
    <t>Khairagarh</t>
  </si>
  <si>
    <t>Koraon, Allahabad </t>
  </si>
  <si>
    <t>Mehdawal</t>
  </si>
  <si>
    <t>Bhabua</t>
  </si>
  <si>
    <t>Gyanpur</t>
  </si>
  <si>
    <t>Sadulla Nagar</t>
  </si>
  <si>
    <t>Jaraka</t>
  </si>
  <si>
    <t>Chintalapudi</t>
  </si>
  <si>
    <t>Arwal</t>
  </si>
  <si>
    <t>Nanapondha</t>
  </si>
  <si>
    <t>Mariahu, Jaunpur </t>
  </si>
  <si>
    <t>Lakhanpur</t>
  </si>
  <si>
    <t>Ramtek</t>
  </si>
  <si>
    <t>Kerakat</t>
  </si>
  <si>
    <t>Sarni</t>
  </si>
  <si>
    <t>Manoharpur</t>
  </si>
  <si>
    <t>Virudhachalam</t>
  </si>
  <si>
    <t>Malikipuram</t>
  </si>
  <si>
    <t>Chang</t>
  </si>
  <si>
    <t>Vallioor</t>
  </si>
  <si>
    <t>Kaushambhi</t>
  </si>
  <si>
    <t>Nandigama</t>
  </si>
  <si>
    <t>Bhupalpalle</t>
  </si>
  <si>
    <t>Banki</t>
  </si>
  <si>
    <t>Palani</t>
  </si>
  <si>
    <t>Haripad</t>
  </si>
  <si>
    <t>Tarikere</t>
  </si>
  <si>
    <t>Bidkin</t>
  </si>
  <si>
    <t>Parola</t>
  </si>
  <si>
    <t>Nasvadi</t>
  </si>
  <si>
    <t>Chandapura</t>
  </si>
  <si>
    <t>Bokakhat</t>
  </si>
  <si>
    <t>Naila</t>
  </si>
  <si>
    <t>Pratappur</t>
  </si>
  <si>
    <t>Karanjia</t>
  </si>
  <si>
    <t>Sonai</t>
  </si>
  <si>
    <t>Pindwara</t>
  </si>
  <si>
    <t>Jaijaipur</t>
  </si>
  <si>
    <t>Kurseong</t>
  </si>
  <si>
    <t>Bishunpur Sundar</t>
  </si>
  <si>
    <t>Kadur</t>
  </si>
  <si>
    <t>Keshopur</t>
  </si>
  <si>
    <t>Anjangaon Surji</t>
  </si>
  <si>
    <t>Dahina</t>
  </si>
  <si>
    <t>Nizampur</t>
  </si>
  <si>
    <t>Punahana</t>
  </si>
  <si>
    <t>Banihal</t>
  </si>
  <si>
    <t>Tikli</t>
  </si>
  <si>
    <t>Asika</t>
  </si>
  <si>
    <t>Melur</t>
  </si>
  <si>
    <t>Lakhipur</t>
  </si>
  <si>
    <t>Dhemaji</t>
  </si>
  <si>
    <t>Sriharikota</t>
  </si>
  <si>
    <t>Tuljiapur</t>
  </si>
  <si>
    <t>Atal Nagar</t>
  </si>
  <si>
    <t>Ajara</t>
  </si>
  <si>
    <t>Bhagwanpur</t>
  </si>
  <si>
    <t>Daudnagar</t>
  </si>
  <si>
    <t>Khed</t>
  </si>
  <si>
    <t>Badarpur</t>
  </si>
  <si>
    <t>Manawar</t>
  </si>
  <si>
    <t>Bishalgarh</t>
  </si>
  <si>
    <t>BARAUNI</t>
  </si>
  <si>
    <t>Lanja</t>
  </si>
  <si>
    <t>Umarga</t>
  </si>
  <si>
    <t>Kurundwad</t>
  </si>
  <si>
    <t>SOLAPUR</t>
  </si>
  <si>
    <t>Malwan</t>
  </si>
  <si>
    <t>Mhaswad</t>
  </si>
  <si>
    <t>Didwana</t>
  </si>
  <si>
    <t>Ratangarh</t>
  </si>
  <si>
    <t>Tadong</t>
  </si>
  <si>
    <t>Santipur</t>
  </si>
  <si>
    <t>Ichalkaranji</t>
  </si>
  <si>
    <t>Nalhati</t>
  </si>
  <si>
    <t>Shri Dungargarh</t>
  </si>
  <si>
    <t>IMPHAL</t>
  </si>
  <si>
    <t>NOIDA</t>
  </si>
  <si>
    <t>Pauri</t>
  </si>
  <si>
    <t>Rudraprayag</t>
  </si>
  <si>
    <t>Uttarkashi</t>
  </si>
  <si>
    <t>Ayodhaya</t>
  </si>
  <si>
    <t>Bageshwar</t>
  </si>
  <si>
    <t>Chamoli</t>
  </si>
  <si>
    <t>Gunupur</t>
  </si>
  <si>
    <t>Fulia</t>
  </si>
  <si>
    <t>Pipiganj</t>
  </si>
  <si>
    <t>Chitrakonda</t>
  </si>
  <si>
    <t>Jhargram</t>
  </si>
  <si>
    <t>Hailakandi</t>
  </si>
  <si>
    <t>Kushalnagar</t>
  </si>
  <si>
    <t>Shirva</t>
  </si>
  <si>
    <t>Byadagi</t>
  </si>
  <si>
    <t>Pithoragarh</t>
  </si>
  <si>
    <t>Brajrajnagar</t>
  </si>
  <si>
    <t>Bishnupur</t>
  </si>
  <si>
    <t>Mehkar</t>
  </si>
  <si>
    <t>Pulgaon</t>
  </si>
  <si>
    <t>Yawal</t>
  </si>
  <si>
    <t>Gadchiroli</t>
  </si>
  <si>
    <t>Savada</t>
  </si>
  <si>
    <t>Sankarankoil</t>
  </si>
  <si>
    <t>NASHIK</t>
  </si>
  <si>
    <t>Kandi</t>
  </si>
  <si>
    <t>Thuraiyur</t>
  </si>
  <si>
    <t>SATTUR</t>
  </si>
  <si>
    <t>Bihta</t>
  </si>
  <si>
    <t>ERANDOL</t>
  </si>
  <si>
    <t>Gadarwara</t>
  </si>
  <si>
    <t>Mulki</t>
  </si>
  <si>
    <t>Basmath</t>
  </si>
  <si>
    <t>Singur</t>
  </si>
  <si>
    <t>Mannargudi</t>
  </si>
  <si>
    <t>Pakaur</t>
  </si>
  <si>
    <t>Kavathe Mahankal</t>
  </si>
  <si>
    <t>Pampady</t>
  </si>
  <si>
    <t>Harihar</t>
  </si>
  <si>
    <t>Gudiyatham</t>
  </si>
  <si>
    <t>MUMBAI</t>
  </si>
  <si>
    <t>Atrauli</t>
  </si>
  <si>
    <t>Bayana</t>
  </si>
  <si>
    <t>PHULPUR</t>
  </si>
  <si>
    <t>Manjhanpur</t>
  </si>
  <si>
    <t>Zamania</t>
  </si>
  <si>
    <t>Avadhan</t>
  </si>
  <si>
    <t>Amroha</t>
  </si>
  <si>
    <t>Kherwara</t>
  </si>
  <si>
    <t>Dudahi</t>
  </si>
  <si>
    <t>Sonamura</t>
  </si>
  <si>
    <t>Kotma</t>
  </si>
  <si>
    <t>LUCKNOW</t>
  </si>
  <si>
    <t>Miran Sahib</t>
  </si>
  <si>
    <t>MOHALI</t>
  </si>
  <si>
    <t>MANSA</t>
  </si>
  <si>
    <t>Tadepalle</t>
  </si>
  <si>
    <t>Chandur</t>
  </si>
  <si>
    <t>Dahad</t>
  </si>
  <si>
    <t>Lachhmangarh</t>
  </si>
  <si>
    <t>Palsana</t>
  </si>
  <si>
    <t>Sausar</t>
  </si>
  <si>
    <t>Doiwala</t>
  </si>
  <si>
    <t>Shrivardhan</t>
  </si>
  <si>
    <t>Parasia</t>
  </si>
  <si>
    <t>Niwari</t>
  </si>
  <si>
    <t>HUGLI</t>
  </si>
  <si>
    <t>Mahwa</t>
  </si>
  <si>
    <t>Ahwa</t>
  </si>
  <si>
    <t>Sakti</t>
  </si>
  <si>
    <t>Geographical State</t>
  </si>
  <si>
    <t>Maharashtra</t>
  </si>
  <si>
    <t>Nct Of Delhi</t>
  </si>
  <si>
    <t>Tamil Nadu</t>
  </si>
  <si>
    <t>Gujarat</t>
  </si>
  <si>
    <t>West Bengal</t>
  </si>
  <si>
    <t>Karnataka</t>
  </si>
  <si>
    <t>Kerala</t>
  </si>
  <si>
    <t>Telangana</t>
  </si>
  <si>
    <t>Punjab</t>
  </si>
  <si>
    <t>Madhya Pradesh</t>
  </si>
  <si>
    <t>Haryana</t>
  </si>
  <si>
    <t>Andhra Pradesh</t>
  </si>
  <si>
    <t>Rajasthan</t>
  </si>
  <si>
    <t>Dadra And Nagar Haveli And Daman And Diu</t>
  </si>
  <si>
    <t>Uttar Pradesh</t>
  </si>
  <si>
    <t>Jharkhand</t>
  </si>
  <si>
    <t>Odisha</t>
  </si>
  <si>
    <t>Chhattisgarh</t>
  </si>
  <si>
    <t>Uttarakhand</t>
  </si>
  <si>
    <t>Jammu &amp; Kashmir</t>
  </si>
  <si>
    <t>Assam</t>
  </si>
  <si>
    <t>Himachal Pradesh</t>
  </si>
  <si>
    <t>Sikkim</t>
  </si>
  <si>
    <t>Meghalaya</t>
  </si>
  <si>
    <t>Tripura</t>
  </si>
  <si>
    <t>BIHAR</t>
  </si>
  <si>
    <t>TAMIL NADU</t>
  </si>
  <si>
    <t>MAHARASHTRA</t>
  </si>
  <si>
    <t>Arunachal Pradesh</t>
  </si>
  <si>
    <t>Mizoram</t>
  </si>
  <si>
    <t>Nagaland</t>
  </si>
  <si>
    <t>Andaman &amp; Nicobar Islands</t>
  </si>
  <si>
    <t>Manipur</t>
  </si>
  <si>
    <t>Ladakh</t>
  </si>
  <si>
    <t>NCT OF DELHI</t>
  </si>
  <si>
    <t>MIZORAM</t>
  </si>
  <si>
    <t>KERALA</t>
  </si>
  <si>
    <t>KARNATAKA</t>
  </si>
  <si>
    <t>PUDUCHERRY</t>
  </si>
  <si>
    <t>DADRA AND NAGAR HAVELI AND DAMAN AND DIU</t>
  </si>
  <si>
    <t>JAMMU &amp; KASHMIR</t>
  </si>
  <si>
    <t>WEST BENGAL</t>
  </si>
  <si>
    <t>ANDHRA PRADESH</t>
  </si>
  <si>
    <t>HIMACHAL PRADESH</t>
  </si>
  <si>
    <t xml:space="preserve">Karnataka </t>
  </si>
  <si>
    <t>Andhra pradesh</t>
  </si>
  <si>
    <t>Uttrakhand</t>
  </si>
  <si>
    <t>RAJASTHAN</t>
  </si>
  <si>
    <t>PUNJAB</t>
  </si>
  <si>
    <t>Pincode</t>
  </si>
  <si>
    <t>400021</t>
  </si>
  <si>
    <t>400052</t>
  </si>
  <si>
    <t>110001</t>
  </si>
  <si>
    <t>600002</t>
  </si>
  <si>
    <t>400026</t>
  </si>
  <si>
    <t>380009</t>
  </si>
  <si>
    <t>411004</t>
  </si>
  <si>
    <t>700001</t>
  </si>
  <si>
    <t>560001</t>
  </si>
  <si>
    <t>600090</t>
  </si>
  <si>
    <t>110057</t>
  </si>
  <si>
    <t>400025</t>
  </si>
  <si>
    <t>400071</t>
  </si>
  <si>
    <t>700020</t>
  </si>
  <si>
    <t>400080</t>
  </si>
  <si>
    <t>400050</t>
  </si>
  <si>
    <t>600040</t>
  </si>
  <si>
    <t>700064</t>
  </si>
  <si>
    <t>400053</t>
  </si>
  <si>
    <t>682016</t>
  </si>
  <si>
    <t>500004</t>
  </si>
  <si>
    <t>700029</t>
  </si>
  <si>
    <t>700129</t>
  </si>
  <si>
    <t>600087</t>
  </si>
  <si>
    <t>410222</t>
  </si>
  <si>
    <t>110060</t>
  </si>
  <si>
    <t>110048</t>
  </si>
  <si>
    <t>700059</t>
  </si>
  <si>
    <t>411048</t>
  </si>
  <si>
    <t>392130</t>
  </si>
  <si>
    <t>641018</t>
  </si>
  <si>
    <t>110016</t>
  </si>
  <si>
    <t>390007</t>
  </si>
  <si>
    <t>141001</t>
  </si>
  <si>
    <t>160022</t>
  </si>
  <si>
    <t>452001</t>
  </si>
  <si>
    <t>403601</t>
  </si>
  <si>
    <t>401208</t>
  </si>
  <si>
    <t>411001</t>
  </si>
  <si>
    <t>700053</t>
  </si>
  <si>
    <t>560003</t>
  </si>
  <si>
    <t>500003</t>
  </si>
  <si>
    <t>110017</t>
  </si>
  <si>
    <t>122002</t>
  </si>
  <si>
    <t>500050</t>
  </si>
  <si>
    <t>144001</t>
  </si>
  <si>
    <t>400064</t>
  </si>
  <si>
    <t>380015</t>
  </si>
  <si>
    <t>380054</t>
  </si>
  <si>
    <t>530016</t>
  </si>
  <si>
    <t>401303</t>
  </si>
  <si>
    <t>411007</t>
  </si>
  <si>
    <t>560095</t>
  </si>
  <si>
    <t>302001</t>
  </si>
  <si>
    <t>144401</t>
  </si>
  <si>
    <t>680020</t>
  </si>
  <si>
    <t>620018</t>
  </si>
  <si>
    <t>403001</t>
  </si>
  <si>
    <t>400001</t>
  </si>
  <si>
    <t>134109</t>
  </si>
  <si>
    <t>462016</t>
  </si>
  <si>
    <t>695014</t>
  </si>
  <si>
    <t>422005</t>
  </si>
  <si>
    <t>570009</t>
  </si>
  <si>
    <t>395007</t>
  </si>
  <si>
    <t>392001</t>
  </si>
  <si>
    <t>686002</t>
  </si>
  <si>
    <t>403802</t>
  </si>
  <si>
    <t>396230</t>
  </si>
  <si>
    <t>560066</t>
  </si>
  <si>
    <t>226001</t>
  </si>
  <si>
    <t>400054</t>
  </si>
  <si>
    <t>400018</t>
  </si>
  <si>
    <t>500029</t>
  </si>
  <si>
    <t>600034</t>
  </si>
  <si>
    <t>400014</t>
  </si>
  <si>
    <t>400039</t>
  </si>
  <si>
    <t>400069</t>
  </si>
  <si>
    <t>831001</t>
  </si>
  <si>
    <t>201301</t>
  </si>
  <si>
    <t>110025</t>
  </si>
  <si>
    <t>122001</t>
  </si>
  <si>
    <t>110026</t>
  </si>
  <si>
    <t>121001</t>
  </si>
  <si>
    <t>575002</t>
  </si>
  <si>
    <t>360001</t>
  </si>
  <si>
    <t>440010</t>
  </si>
  <si>
    <t>411005</t>
  </si>
  <si>
    <t>411042</t>
  </si>
  <si>
    <t>700017</t>
  </si>
  <si>
    <t>700028</t>
  </si>
  <si>
    <t>160018</t>
  </si>
  <si>
    <t>520008</t>
  </si>
  <si>
    <t>600091</t>
  </si>
  <si>
    <t>141401</t>
  </si>
  <si>
    <t>431001</t>
  </si>
  <si>
    <t>400058</t>
  </si>
  <si>
    <t>143001</t>
  </si>
  <si>
    <t>147001</t>
  </si>
  <si>
    <t>678007</t>
  </si>
  <si>
    <t>400077</t>
  </si>
  <si>
    <t>313001</t>
  </si>
  <si>
    <t>110092</t>
  </si>
  <si>
    <t>282002</t>
  </si>
  <si>
    <t>751001</t>
  </si>
  <si>
    <t>625001</t>
  </si>
  <si>
    <t>600010</t>
  </si>
  <si>
    <t>673001</t>
  </si>
  <si>
    <t>500062</t>
  </si>
  <si>
    <t>208001</t>
  </si>
  <si>
    <t>110058</t>
  </si>
  <si>
    <t>396210</t>
  </si>
  <si>
    <t>133001</t>
  </si>
  <si>
    <t>110045</t>
  </si>
  <si>
    <t>560078</t>
  </si>
  <si>
    <t>110024</t>
  </si>
  <si>
    <t>396445</t>
  </si>
  <si>
    <t>600083</t>
  </si>
  <si>
    <t>364002</t>
  </si>
  <si>
    <t>144601</t>
  </si>
  <si>
    <t>110010</t>
  </si>
  <si>
    <t>560032</t>
  </si>
  <si>
    <t>600028</t>
  </si>
  <si>
    <t>342003</t>
  </si>
  <si>
    <t>110008</t>
  </si>
  <si>
    <t>400092</t>
  </si>
  <si>
    <t>400602</t>
  </si>
  <si>
    <t>390018</t>
  </si>
  <si>
    <t>834001</t>
  </si>
  <si>
    <t>734401</t>
  </si>
  <si>
    <t>492001</t>
  </si>
  <si>
    <t>201001</t>
  </si>
  <si>
    <t>140603</t>
  </si>
  <si>
    <t>125001</t>
  </si>
  <si>
    <t>147201</t>
  </si>
  <si>
    <t>560085</t>
  </si>
  <si>
    <t>110034</t>
  </si>
  <si>
    <t>401501</t>
  </si>
  <si>
    <t>140001</t>
  </si>
  <si>
    <t>140401</t>
  </si>
  <si>
    <t>400022</t>
  </si>
  <si>
    <t>416001</t>
  </si>
  <si>
    <t>415110</t>
  </si>
  <si>
    <t>600001</t>
  </si>
  <si>
    <t>324007</t>
  </si>
  <si>
    <t>301019</t>
  </si>
  <si>
    <t>403401</t>
  </si>
  <si>
    <t>396191</t>
  </si>
  <si>
    <t>132103</t>
  </si>
  <si>
    <t>695011</t>
  </si>
  <si>
    <t>401602</t>
  </si>
  <si>
    <t>700004</t>
  </si>
  <si>
    <t>421201</t>
  </si>
  <si>
    <t>124001</t>
  </si>
  <si>
    <t>361008</t>
  </si>
  <si>
    <t>636004</t>
  </si>
  <si>
    <t>384170</t>
  </si>
  <si>
    <t>425001</t>
  </si>
  <si>
    <t>414001</t>
  </si>
  <si>
    <t>400101</t>
  </si>
  <si>
    <t>388001</t>
  </si>
  <si>
    <t>560038</t>
  </si>
  <si>
    <t>411044</t>
  </si>
  <si>
    <t>800001</t>
  </si>
  <si>
    <t>151001</t>
  </si>
  <si>
    <t>133302</t>
  </si>
  <si>
    <t>522007</t>
  </si>
  <si>
    <t>382016</t>
  </si>
  <si>
    <t>131001</t>
  </si>
  <si>
    <t>474011</t>
  </si>
  <si>
    <t>421301</t>
  </si>
  <si>
    <t>132001</t>
  </si>
  <si>
    <t>142001</t>
  </si>
  <si>
    <t>689101</t>
  </si>
  <si>
    <t>403507</t>
  </si>
  <si>
    <t>691001</t>
  </si>
  <si>
    <t>370001</t>
  </si>
  <si>
    <t>305001</t>
  </si>
  <si>
    <t>600017</t>
  </si>
  <si>
    <t>711102</t>
  </si>
  <si>
    <t>394602</t>
  </si>
  <si>
    <t>135001</t>
  </si>
  <si>
    <t>396001</t>
  </si>
  <si>
    <t>400063</t>
  </si>
  <si>
    <t>160017</t>
  </si>
  <si>
    <t>517501</t>
  </si>
  <si>
    <t>533103</t>
  </si>
  <si>
    <t>370201</t>
  </si>
  <si>
    <t>110006</t>
  </si>
  <si>
    <t>500036</t>
  </si>
  <si>
    <t>700007</t>
  </si>
  <si>
    <t>221010</t>
  </si>
  <si>
    <t>444001</t>
  </si>
  <si>
    <t>416416</t>
  </si>
  <si>
    <t>411021</t>
  </si>
  <si>
    <t>482002</t>
  </si>
  <si>
    <t>248001</t>
  </si>
  <si>
    <t>211001</t>
  </si>
  <si>
    <t>400057</t>
  </si>
  <si>
    <t>146001</t>
  </si>
  <si>
    <t>362266</t>
  </si>
  <si>
    <t>362001</t>
  </si>
  <si>
    <t>638003</t>
  </si>
  <si>
    <t>713216</t>
  </si>
  <si>
    <t>753001</t>
  </si>
  <si>
    <t>380002</t>
  </si>
  <si>
    <t>384002</t>
  </si>
  <si>
    <t>400076</t>
  </si>
  <si>
    <t>180012</t>
  </si>
  <si>
    <t>769001</t>
  </si>
  <si>
    <t>826001</t>
  </si>
  <si>
    <t>110009</t>
  </si>
  <si>
    <t>110075</t>
  </si>
  <si>
    <t>123401</t>
  </si>
  <si>
    <t>395002</t>
  </si>
  <si>
    <t>387001</t>
  </si>
  <si>
    <t>590010</t>
  </si>
  <si>
    <t>580029</t>
  </si>
  <si>
    <t>393002</t>
  </si>
  <si>
    <t>410206</t>
  </si>
  <si>
    <t>444601</t>
  </si>
  <si>
    <t>400706</t>
  </si>
  <si>
    <t>141003</t>
  </si>
  <si>
    <t>600044</t>
  </si>
  <si>
    <t>560011</t>
  </si>
  <si>
    <t>148001</t>
  </si>
  <si>
    <t>781005</t>
  </si>
  <si>
    <t>143521</t>
  </si>
  <si>
    <t>144514</t>
  </si>
  <si>
    <t>827004</t>
  </si>
  <si>
    <t>281001</t>
  </si>
  <si>
    <t>641002</t>
  </si>
  <si>
    <t>670002</t>
  </si>
  <si>
    <t>110019</t>
  </si>
  <si>
    <t>110085</t>
  </si>
  <si>
    <t>110070</t>
  </si>
  <si>
    <t>360575</t>
  </si>
  <si>
    <t>390011</t>
  </si>
  <si>
    <t>400610</t>
  </si>
  <si>
    <t>700091</t>
  </si>
  <si>
    <t>201306</t>
  </si>
  <si>
    <t>452002</t>
  </si>
  <si>
    <t>712235</t>
  </si>
  <si>
    <t>263153</t>
  </si>
  <si>
    <t>273001</t>
  </si>
  <si>
    <t>250001</t>
  </si>
  <si>
    <t>560042</t>
  </si>
  <si>
    <t>110052</t>
  </si>
  <si>
    <t>400067</t>
  </si>
  <si>
    <t>302003</t>
  </si>
  <si>
    <t>110027</t>
  </si>
  <si>
    <t>110091</t>
  </si>
  <si>
    <t>682020</t>
  </si>
  <si>
    <t>282003</t>
  </si>
  <si>
    <t>208006</t>
  </si>
  <si>
    <t>380007</t>
  </si>
  <si>
    <t>380008</t>
  </si>
  <si>
    <t>152002</t>
  </si>
  <si>
    <t>136118</t>
  </si>
  <si>
    <t>244001</t>
  </si>
  <si>
    <t>243001</t>
  </si>
  <si>
    <t>380058</t>
  </si>
  <si>
    <t>363641</t>
  </si>
  <si>
    <t>676121</t>
  </si>
  <si>
    <t>689645</t>
  </si>
  <si>
    <t>683101</t>
  </si>
  <si>
    <t>686101</t>
  </si>
  <si>
    <t>560040</t>
  </si>
  <si>
    <t>110002</t>
  </si>
  <si>
    <t>403501</t>
  </si>
  <si>
    <t>403706</t>
  </si>
  <si>
    <t>500033</t>
  </si>
  <si>
    <t>500002</t>
  </si>
  <si>
    <t>110049</t>
  </si>
  <si>
    <t>741235</t>
  </si>
  <si>
    <t>400056</t>
  </si>
  <si>
    <t>400104</t>
  </si>
  <si>
    <t>600004</t>
  </si>
  <si>
    <t>713303</t>
  </si>
  <si>
    <t>124507</t>
  </si>
  <si>
    <t>247001</t>
  </si>
  <si>
    <t>110063</t>
  </si>
  <si>
    <t>110018</t>
  </si>
  <si>
    <t>110096</t>
  </si>
  <si>
    <t>110088</t>
  </si>
  <si>
    <t>800008</t>
  </si>
  <si>
    <t>700040</t>
  </si>
  <si>
    <t>385001</t>
  </si>
  <si>
    <t>110021</t>
  </si>
  <si>
    <t>110020</t>
  </si>
  <si>
    <t>110077</t>
  </si>
  <si>
    <t>110007</t>
  </si>
  <si>
    <t>144003</t>
  </si>
  <si>
    <t>147301</t>
  </si>
  <si>
    <t>160064</t>
  </si>
  <si>
    <t>842001</t>
  </si>
  <si>
    <t>844101</t>
  </si>
  <si>
    <t>171006</t>
  </si>
  <si>
    <t>680121</t>
  </si>
  <si>
    <t>302023</t>
  </si>
  <si>
    <t>700089</t>
  </si>
  <si>
    <t>311001</t>
  </si>
  <si>
    <t>635109</t>
  </si>
  <si>
    <t>700124</t>
  </si>
  <si>
    <t>560043</t>
  </si>
  <si>
    <t>560102</t>
  </si>
  <si>
    <t>400004</t>
  </si>
  <si>
    <t>400012</t>
  </si>
  <si>
    <t>401107</t>
  </si>
  <si>
    <t>411009</t>
  </si>
  <si>
    <t>413512</t>
  </si>
  <si>
    <t>560079</t>
  </si>
  <si>
    <t>769004</t>
  </si>
  <si>
    <t>110015</t>
  </si>
  <si>
    <t>500072</t>
  </si>
  <si>
    <t>500028</t>
  </si>
  <si>
    <t>756001</t>
  </si>
  <si>
    <t>560020</t>
  </si>
  <si>
    <t>500076</t>
  </si>
  <si>
    <t>768001</t>
  </si>
  <si>
    <t>560064</t>
  </si>
  <si>
    <t>403516</t>
  </si>
  <si>
    <t>403002</t>
  </si>
  <si>
    <t>403711</t>
  </si>
  <si>
    <t>400081</t>
  </si>
  <si>
    <t>500026</t>
  </si>
  <si>
    <t>360005</t>
  </si>
  <si>
    <t>202001</t>
  </si>
  <si>
    <t>251001</t>
  </si>
  <si>
    <t>700013</t>
  </si>
  <si>
    <t>380013</t>
  </si>
  <si>
    <t>382715</t>
  </si>
  <si>
    <t>173212</t>
  </si>
  <si>
    <t>395009</t>
  </si>
  <si>
    <t>390002</t>
  </si>
  <si>
    <t>600116</t>
  </si>
  <si>
    <t>110033</t>
  </si>
  <si>
    <t>110053</t>
  </si>
  <si>
    <t>121009</t>
  </si>
  <si>
    <t>142026</t>
  </si>
  <si>
    <t>400097</t>
  </si>
  <si>
    <t>781001</t>
  </si>
  <si>
    <t>462001</t>
  </si>
  <si>
    <t>682301</t>
  </si>
  <si>
    <t>680307</t>
  </si>
  <si>
    <t>577001</t>
  </si>
  <si>
    <t>452010</t>
  </si>
  <si>
    <t>383001</t>
  </si>
  <si>
    <t>400086</t>
  </si>
  <si>
    <t>605005</t>
  </si>
  <si>
    <t>401202</t>
  </si>
  <si>
    <t>301001</t>
  </si>
  <si>
    <t>400103</t>
  </si>
  <si>
    <t>226024</t>
  </si>
  <si>
    <t>180001</t>
  </si>
  <si>
    <t>400066</t>
  </si>
  <si>
    <t>190001</t>
  </si>
  <si>
    <t>390020</t>
  </si>
  <si>
    <t>530002</t>
  </si>
  <si>
    <t>500060</t>
  </si>
  <si>
    <t>737101</t>
  </si>
  <si>
    <t>823001</t>
  </si>
  <si>
    <t>201012</t>
  </si>
  <si>
    <t>400007</t>
  </si>
  <si>
    <t>400019</t>
  </si>
  <si>
    <t>533004</t>
  </si>
  <si>
    <t>411030</t>
  </si>
  <si>
    <t>700014</t>
  </si>
  <si>
    <t>390001</t>
  </si>
  <si>
    <t>415639</t>
  </si>
  <si>
    <t>152026</t>
  </si>
  <si>
    <t>148101</t>
  </si>
  <si>
    <t>201005</t>
  </si>
  <si>
    <t>160047</t>
  </si>
  <si>
    <t>160101</t>
  </si>
  <si>
    <t>679322</t>
  </si>
  <si>
    <t>411017</t>
  </si>
  <si>
    <t>110043</t>
  </si>
  <si>
    <t>110005</t>
  </si>
  <si>
    <t>110028</t>
  </si>
  <si>
    <t>600029</t>
  </si>
  <si>
    <t>400068</t>
  </si>
  <si>
    <t>600042</t>
  </si>
  <si>
    <t>641601</t>
  </si>
  <si>
    <t>560004</t>
  </si>
  <si>
    <t>411020</t>
  </si>
  <si>
    <t>464001</t>
  </si>
  <si>
    <t>470002</t>
  </si>
  <si>
    <t>160036</t>
  </si>
  <si>
    <t>721602</t>
  </si>
  <si>
    <t>700144</t>
  </si>
  <si>
    <t>284001</t>
  </si>
  <si>
    <t>734101</t>
  </si>
  <si>
    <t>400102</t>
  </si>
  <si>
    <t>422101</t>
  </si>
  <si>
    <t>110055</t>
  </si>
  <si>
    <t>263139</t>
  </si>
  <si>
    <t>121102</t>
  </si>
  <si>
    <t>700054</t>
  </si>
  <si>
    <t>380004</t>
  </si>
  <si>
    <t>713101</t>
  </si>
  <si>
    <t>422605</t>
  </si>
  <si>
    <t>689121</t>
  </si>
  <si>
    <t>670101</t>
  </si>
  <si>
    <t>700084</t>
  </si>
  <si>
    <t>221002</t>
  </si>
  <si>
    <t>458001</t>
  </si>
  <si>
    <t>500020</t>
  </si>
  <si>
    <t>524003</t>
  </si>
  <si>
    <t>410401</t>
  </si>
  <si>
    <t>457001</t>
  </si>
  <si>
    <t>800020</t>
  </si>
  <si>
    <t>700006</t>
  </si>
  <si>
    <t>127021</t>
  </si>
  <si>
    <t>110076</t>
  </si>
  <si>
    <t>110065</t>
  </si>
  <si>
    <t>110003</t>
  </si>
  <si>
    <t>411028</t>
  </si>
  <si>
    <t>400606</t>
  </si>
  <si>
    <t>400703</t>
  </si>
  <si>
    <t>600037</t>
  </si>
  <si>
    <t>600041</t>
  </si>
  <si>
    <t>400020</t>
  </si>
  <si>
    <t>440008</t>
  </si>
  <si>
    <t>110029</t>
  </si>
  <si>
    <t>303702</t>
  </si>
  <si>
    <t>335001</t>
  </si>
  <si>
    <t>560009</t>
  </si>
  <si>
    <t>682018</t>
  </si>
  <si>
    <t>500082</t>
  </si>
  <si>
    <t>560029</t>
  </si>
  <si>
    <t>700019</t>
  </si>
  <si>
    <t>505001</t>
  </si>
  <si>
    <t>682025</t>
  </si>
  <si>
    <t>500034</t>
  </si>
  <si>
    <t>400008</t>
  </si>
  <si>
    <t>560025</t>
  </si>
  <si>
    <t>136027</t>
  </si>
  <si>
    <t>145001</t>
  </si>
  <si>
    <t>825301</t>
  </si>
  <si>
    <t>734005</t>
  </si>
  <si>
    <t>827013</t>
  </si>
  <si>
    <t>711204</t>
  </si>
  <si>
    <t>384315</t>
  </si>
  <si>
    <t>395006</t>
  </si>
  <si>
    <t>411006</t>
  </si>
  <si>
    <t>400013</t>
  </si>
  <si>
    <t>400093</t>
  </si>
  <si>
    <t>400034</t>
  </si>
  <si>
    <t>500081</t>
  </si>
  <si>
    <t>793001</t>
  </si>
  <si>
    <t>560100</t>
  </si>
  <si>
    <t>360311</t>
  </si>
  <si>
    <t>110064</t>
  </si>
  <si>
    <t>302021</t>
  </si>
  <si>
    <t>500027</t>
  </si>
  <si>
    <t>360370</t>
  </si>
  <si>
    <t>639002</t>
  </si>
  <si>
    <t>520001</t>
  </si>
  <si>
    <t>361005</t>
  </si>
  <si>
    <t>576101</t>
  </si>
  <si>
    <t>110040</t>
  </si>
  <si>
    <t>600024</t>
  </si>
  <si>
    <t>600033</t>
  </si>
  <si>
    <t>370421</t>
  </si>
  <si>
    <t>110087</t>
  </si>
  <si>
    <t>110032</t>
  </si>
  <si>
    <t>110014</t>
  </si>
  <si>
    <t>110022</t>
  </si>
  <si>
    <t>122050</t>
  </si>
  <si>
    <t>201014</t>
  </si>
  <si>
    <t>400059</t>
  </si>
  <si>
    <t>365601</t>
  </si>
  <si>
    <t>226003</t>
  </si>
  <si>
    <t>134107</t>
  </si>
  <si>
    <t>125050</t>
  </si>
  <si>
    <t>176215</t>
  </si>
  <si>
    <t>141007</t>
  </si>
  <si>
    <t>125055</t>
  </si>
  <si>
    <t>131028</t>
  </si>
  <si>
    <t>122017</t>
  </si>
  <si>
    <t>500016</t>
  </si>
  <si>
    <t>123001</t>
  </si>
  <si>
    <t>458441</t>
  </si>
  <si>
    <t>400006</t>
  </si>
  <si>
    <t>400003</t>
  </si>
  <si>
    <t>560094</t>
  </si>
  <si>
    <t>485001</t>
  </si>
  <si>
    <t>751006</t>
  </si>
  <si>
    <t>781006</t>
  </si>
  <si>
    <t>500010</t>
  </si>
  <si>
    <t>411002</t>
  </si>
  <si>
    <t>413001</t>
  </si>
  <si>
    <t>627002</t>
  </si>
  <si>
    <t>424001</t>
  </si>
  <si>
    <t>743263</t>
  </si>
  <si>
    <t>742101</t>
  </si>
  <si>
    <t>751012</t>
  </si>
  <si>
    <t>143505</t>
  </si>
  <si>
    <t>500038</t>
  </si>
  <si>
    <t>344022</t>
  </si>
  <si>
    <t>302015</t>
  </si>
  <si>
    <t>334001</t>
  </si>
  <si>
    <t>152123</t>
  </si>
  <si>
    <t>148023</t>
  </si>
  <si>
    <t>173205</t>
  </si>
  <si>
    <t>144004</t>
  </si>
  <si>
    <t>134003</t>
  </si>
  <si>
    <t>250002</t>
  </si>
  <si>
    <t>140308</t>
  </si>
  <si>
    <t>247667</t>
  </si>
  <si>
    <t>225001</t>
  </si>
  <si>
    <t>241001</t>
  </si>
  <si>
    <t>360002</t>
  </si>
  <si>
    <t>401203</t>
  </si>
  <si>
    <t>401404</t>
  </si>
  <si>
    <t>758035</t>
  </si>
  <si>
    <t>400061</t>
  </si>
  <si>
    <t>680004</t>
  </si>
  <si>
    <t>673011</t>
  </si>
  <si>
    <t>245101</t>
  </si>
  <si>
    <t>134112</t>
  </si>
  <si>
    <t>600061</t>
  </si>
  <si>
    <t>600086</t>
  </si>
  <si>
    <t>600073</t>
  </si>
  <si>
    <t>110039</t>
  </si>
  <si>
    <t>110066</t>
  </si>
  <si>
    <t>126102</t>
  </si>
  <si>
    <t>688001</t>
  </si>
  <si>
    <t>695581</t>
  </si>
  <si>
    <t>682030</t>
  </si>
  <si>
    <t>400708</t>
  </si>
  <si>
    <t>400010</t>
  </si>
  <si>
    <t>600102</t>
  </si>
  <si>
    <t>600021</t>
  </si>
  <si>
    <t>713347</t>
  </si>
  <si>
    <t>700016</t>
  </si>
  <si>
    <t>632001</t>
  </si>
  <si>
    <t>637001</t>
  </si>
  <si>
    <t>500055</t>
  </si>
  <si>
    <t>500037</t>
  </si>
  <si>
    <t>516001</t>
  </si>
  <si>
    <t>515001</t>
  </si>
  <si>
    <t>755019</t>
  </si>
  <si>
    <t>121008</t>
  </si>
  <si>
    <t>110051</t>
  </si>
  <si>
    <t>306401</t>
  </si>
  <si>
    <t>700120</t>
  </si>
  <si>
    <t>560005</t>
  </si>
  <si>
    <t>831004</t>
  </si>
  <si>
    <t>682022</t>
  </si>
  <si>
    <t>226005</t>
  </si>
  <si>
    <t>226018</t>
  </si>
  <si>
    <t>249201</t>
  </si>
  <si>
    <t>140406</t>
  </si>
  <si>
    <t>175001</t>
  </si>
  <si>
    <t>641029</t>
  </si>
  <si>
    <t>483501</t>
  </si>
  <si>
    <t>421302</t>
  </si>
  <si>
    <t>490029</t>
  </si>
  <si>
    <t>431203</t>
  </si>
  <si>
    <t>416115</t>
  </si>
  <si>
    <t>396195</t>
  </si>
  <si>
    <t>203131</t>
  </si>
  <si>
    <t>518002</t>
  </si>
  <si>
    <t>504208</t>
  </si>
  <si>
    <t>535002</t>
  </si>
  <si>
    <t>410501</t>
  </si>
  <si>
    <t>362630</t>
  </si>
  <si>
    <t>387620</t>
  </si>
  <si>
    <t>388540</t>
  </si>
  <si>
    <t>600056</t>
  </si>
  <si>
    <t>600072</t>
  </si>
  <si>
    <t>700103</t>
  </si>
  <si>
    <t>785001</t>
  </si>
  <si>
    <t>784001</t>
  </si>
  <si>
    <t>851101</t>
  </si>
  <si>
    <t>781022</t>
  </si>
  <si>
    <t>781020</t>
  </si>
  <si>
    <t>814112</t>
  </si>
  <si>
    <t>815301</t>
  </si>
  <si>
    <t>829122</t>
  </si>
  <si>
    <t>846004</t>
  </si>
  <si>
    <t>768201</t>
  </si>
  <si>
    <t>759122</t>
  </si>
  <si>
    <t>812002</t>
  </si>
  <si>
    <t>584101</t>
  </si>
  <si>
    <t>587101</t>
  </si>
  <si>
    <t>585105</t>
  </si>
  <si>
    <t>492010</t>
  </si>
  <si>
    <t>203001</t>
  </si>
  <si>
    <t>495001</t>
  </si>
  <si>
    <t>461775</t>
  </si>
  <si>
    <t>461111</t>
  </si>
  <si>
    <t>639112</t>
  </si>
  <si>
    <t>626117</t>
  </si>
  <si>
    <t>625531</t>
  </si>
  <si>
    <t>327001</t>
  </si>
  <si>
    <t>326519</t>
  </si>
  <si>
    <t>385535</t>
  </si>
  <si>
    <t>384265</t>
  </si>
  <si>
    <t>389001</t>
  </si>
  <si>
    <t>389151</t>
  </si>
  <si>
    <t>312001</t>
  </si>
  <si>
    <t>642002</t>
  </si>
  <si>
    <t>493773</t>
  </si>
  <si>
    <t>700075</t>
  </si>
  <si>
    <t>415001</t>
  </si>
  <si>
    <t>676101</t>
  </si>
  <si>
    <t>425201</t>
  </si>
  <si>
    <t>422209</t>
  </si>
  <si>
    <t>411057</t>
  </si>
  <si>
    <t>600096</t>
  </si>
  <si>
    <t>151301</t>
  </si>
  <si>
    <t>140101</t>
  </si>
  <si>
    <t>140412</t>
  </si>
  <si>
    <t>141114</t>
  </si>
  <si>
    <t>177001</t>
  </si>
  <si>
    <t>147203</t>
  </si>
  <si>
    <t>176001</t>
  </si>
  <si>
    <t>172001</t>
  </si>
  <si>
    <t>227809</t>
  </si>
  <si>
    <t>244713</t>
  </si>
  <si>
    <t>244222</t>
  </si>
  <si>
    <t>263001</t>
  </si>
  <si>
    <t>502319</t>
  </si>
  <si>
    <t>140301</t>
  </si>
  <si>
    <t>502001</t>
  </si>
  <si>
    <t>400607</t>
  </si>
  <si>
    <t>421501</t>
  </si>
  <si>
    <t>403715</t>
  </si>
  <si>
    <t>403005</t>
  </si>
  <si>
    <t>403712</t>
  </si>
  <si>
    <t>402201</t>
  </si>
  <si>
    <t>403708</t>
  </si>
  <si>
    <t>122103</t>
  </si>
  <si>
    <t>683513</t>
  </si>
  <si>
    <t>680561</t>
  </si>
  <si>
    <t>411051</t>
  </si>
  <si>
    <t>410203</t>
  </si>
  <si>
    <t>584128</t>
  </si>
  <si>
    <t>400705</t>
  </si>
  <si>
    <t>400614</t>
  </si>
  <si>
    <t>400701</t>
  </si>
  <si>
    <t>400051</t>
  </si>
  <si>
    <t>400070</t>
  </si>
  <si>
    <t>411013</t>
  </si>
  <si>
    <t>577201</t>
  </si>
  <si>
    <t>721401</t>
  </si>
  <si>
    <t>736101</t>
  </si>
  <si>
    <t>190002</t>
  </si>
  <si>
    <t>204101</t>
  </si>
  <si>
    <t>261001</t>
  </si>
  <si>
    <t>262405</t>
  </si>
  <si>
    <t>140126</t>
  </si>
  <si>
    <t>141012</t>
  </si>
  <si>
    <t>143006</t>
  </si>
  <si>
    <t>174303</t>
  </si>
  <si>
    <t>192101</t>
  </si>
  <si>
    <t>193201</t>
  </si>
  <si>
    <t>243122</t>
  </si>
  <si>
    <t>211003</t>
  </si>
  <si>
    <t>224001</t>
  </si>
  <si>
    <t>246701</t>
  </si>
  <si>
    <t>507101</t>
  </si>
  <si>
    <t>271801</t>
  </si>
  <si>
    <t>222002</t>
  </si>
  <si>
    <t>207001</t>
  </si>
  <si>
    <t>242001</t>
  </si>
  <si>
    <t>282004</t>
  </si>
  <si>
    <t>136132</t>
  </si>
  <si>
    <t>135003</t>
  </si>
  <si>
    <t>160002</t>
  </si>
  <si>
    <t>560070</t>
  </si>
  <si>
    <t>606601</t>
  </si>
  <si>
    <t>422009</t>
  </si>
  <si>
    <t>631502</t>
  </si>
  <si>
    <t>600011</t>
  </si>
  <si>
    <t>602001</t>
  </si>
  <si>
    <t>411014</t>
  </si>
  <si>
    <t>799001</t>
  </si>
  <si>
    <t>560068</t>
  </si>
  <si>
    <t>455001</t>
  </si>
  <si>
    <t>380025</t>
  </si>
  <si>
    <t>562123</t>
  </si>
  <si>
    <t>382721</t>
  </si>
  <si>
    <t>395003</t>
  </si>
  <si>
    <t>394120</t>
  </si>
  <si>
    <t>411027</t>
  </si>
  <si>
    <t>380001</t>
  </si>
  <si>
    <t>361140</t>
  </si>
  <si>
    <t>394270</t>
  </si>
  <si>
    <t>454001</t>
  </si>
  <si>
    <t>456010</t>
  </si>
  <si>
    <t>461331</t>
  </si>
  <si>
    <t>480001</t>
  </si>
  <si>
    <t>473001</t>
  </si>
  <si>
    <t>450001</t>
  </si>
  <si>
    <t>460001</t>
  </si>
  <si>
    <t>470661</t>
  </si>
  <si>
    <t>491001</t>
  </si>
  <si>
    <t>493118</t>
  </si>
  <si>
    <t>497001</t>
  </si>
  <si>
    <t>495677</t>
  </si>
  <si>
    <t>491441</t>
  </si>
  <si>
    <t>451001</t>
  </si>
  <si>
    <t>245304</t>
  </si>
  <si>
    <t>230207</t>
  </si>
  <si>
    <t>281403</t>
  </si>
  <si>
    <t>201304</t>
  </si>
  <si>
    <t>124103</t>
  </si>
  <si>
    <t>396321</t>
  </si>
  <si>
    <t>403504</t>
  </si>
  <si>
    <t>281121</t>
  </si>
  <si>
    <t>249401</t>
  </si>
  <si>
    <t>228001</t>
  </si>
  <si>
    <t>229001</t>
  </si>
  <si>
    <t>283203</t>
  </si>
  <si>
    <t>274001</t>
  </si>
  <si>
    <t>364710</t>
  </si>
  <si>
    <t>841226</t>
  </si>
  <si>
    <t>711302</t>
  </si>
  <si>
    <t>764001</t>
  </si>
  <si>
    <t>388450</t>
  </si>
  <si>
    <t>396170</t>
  </si>
  <si>
    <t>389350</t>
  </si>
  <si>
    <t>382220</t>
  </si>
  <si>
    <t>364290</t>
  </si>
  <si>
    <t>382330</t>
  </si>
  <si>
    <t>396193</t>
  </si>
  <si>
    <t>382870</t>
  </si>
  <si>
    <t>363621</t>
  </si>
  <si>
    <t>411037</t>
  </si>
  <si>
    <t>441601</t>
  </si>
  <si>
    <t>444303</t>
  </si>
  <si>
    <t>442001</t>
  </si>
  <si>
    <t>413709</t>
  </si>
  <si>
    <t>400078</t>
  </si>
  <si>
    <t>500032</t>
  </si>
  <si>
    <t>382445</t>
  </si>
  <si>
    <t>585401</t>
  </si>
  <si>
    <t>524101</t>
  </si>
  <si>
    <t>636102</t>
  </si>
  <si>
    <t>560103</t>
  </si>
  <si>
    <t>712311</t>
  </si>
  <si>
    <t>712136</t>
  </si>
  <si>
    <t>503001</t>
  </si>
  <si>
    <t>560087</t>
  </si>
  <si>
    <t>313326</t>
  </si>
  <si>
    <t>342001</t>
  </si>
  <si>
    <t>302020</t>
  </si>
  <si>
    <t>303303</t>
  </si>
  <si>
    <t>328001</t>
  </si>
  <si>
    <t>518501</t>
  </si>
  <si>
    <t>695004</t>
  </si>
  <si>
    <t>400079</t>
  </si>
  <si>
    <t>110012</t>
  </si>
  <si>
    <t>613009</t>
  </si>
  <si>
    <t>622001</t>
  </si>
  <si>
    <t>636705</t>
  </si>
  <si>
    <t>395001</t>
  </si>
  <si>
    <t>440012</t>
  </si>
  <si>
    <t>532001</t>
  </si>
  <si>
    <t>516360</t>
  </si>
  <si>
    <t>509001</t>
  </si>
  <si>
    <t>431601</t>
  </si>
  <si>
    <t>445001</t>
  </si>
  <si>
    <t>400060</t>
  </si>
  <si>
    <t>401207</t>
  </si>
  <si>
    <t>500049</t>
  </si>
  <si>
    <t>500047</t>
  </si>
  <si>
    <t>523001</t>
  </si>
  <si>
    <t>401101</t>
  </si>
  <si>
    <t>500030</t>
  </si>
  <si>
    <t>531002</t>
  </si>
  <si>
    <t>534204</t>
  </si>
  <si>
    <t>522601</t>
  </si>
  <si>
    <t>515134</t>
  </si>
  <si>
    <t>560092</t>
  </si>
  <si>
    <t>562114</t>
  </si>
  <si>
    <t>600071</t>
  </si>
  <si>
    <t>560098</t>
  </si>
  <si>
    <t>562117</t>
  </si>
  <si>
    <t>500039</t>
  </si>
  <si>
    <t>500070</t>
  </si>
  <si>
    <t>573201</t>
  </si>
  <si>
    <t>560048</t>
  </si>
  <si>
    <t>562109</t>
  </si>
  <si>
    <t>560054</t>
  </si>
  <si>
    <t>562106</t>
  </si>
  <si>
    <t>608001</t>
  </si>
  <si>
    <t>600078</t>
  </si>
  <si>
    <t>442401</t>
  </si>
  <si>
    <t>305901</t>
  </si>
  <si>
    <t>321001</t>
  </si>
  <si>
    <t>454333</t>
  </si>
  <si>
    <t>465333</t>
  </si>
  <si>
    <t>486001</t>
  </si>
  <si>
    <t>607001</t>
  </si>
  <si>
    <t>629001</t>
  </si>
  <si>
    <t>712601</t>
  </si>
  <si>
    <t>788001</t>
  </si>
  <si>
    <t>786125</t>
  </si>
  <si>
    <t>721304</t>
  </si>
  <si>
    <t>641014</t>
  </si>
  <si>
    <t>110023</t>
  </si>
  <si>
    <t>786001</t>
  </si>
  <si>
    <t>600092</t>
  </si>
  <si>
    <t>600084</t>
  </si>
  <si>
    <t>605602</t>
  </si>
  <si>
    <t>303103</t>
  </si>
  <si>
    <t>562110</t>
  </si>
  <si>
    <t>560080</t>
  </si>
  <si>
    <t>751007</t>
  </si>
  <si>
    <t>801105</t>
  </si>
  <si>
    <t>382424</t>
  </si>
  <si>
    <t>400603</t>
  </si>
  <si>
    <t>380005</t>
  </si>
  <si>
    <t>221001</t>
  </si>
  <si>
    <t>700034</t>
  </si>
  <si>
    <t>144621</t>
  </si>
  <si>
    <t>144211</t>
  </si>
  <si>
    <t>190010</t>
  </si>
  <si>
    <t>208012</t>
  </si>
  <si>
    <t>144039</t>
  </si>
  <si>
    <t>763008</t>
  </si>
  <si>
    <t>562162</t>
  </si>
  <si>
    <t>410210</t>
  </si>
  <si>
    <t>610001</t>
  </si>
  <si>
    <t>628002</t>
  </si>
  <si>
    <t>400002</t>
  </si>
  <si>
    <t>760002</t>
  </si>
  <si>
    <t>140507</t>
  </si>
  <si>
    <t>226010</t>
  </si>
  <si>
    <t>632503</t>
  </si>
  <si>
    <t>400016</t>
  </si>
  <si>
    <t>401105</t>
  </si>
  <si>
    <t>752001</t>
  </si>
  <si>
    <t>400028</t>
  </si>
  <si>
    <t>332001</t>
  </si>
  <si>
    <t>700106</t>
  </si>
  <si>
    <t>700135</t>
  </si>
  <si>
    <t>700090</t>
  </si>
  <si>
    <t>211016</t>
  </si>
  <si>
    <t>226017</t>
  </si>
  <si>
    <t>324005</t>
  </si>
  <si>
    <t>440013</t>
  </si>
  <si>
    <t>560056</t>
  </si>
  <si>
    <t>629002</t>
  </si>
  <si>
    <t>402112</t>
  </si>
  <si>
    <t>441904</t>
  </si>
  <si>
    <t>122009</t>
  </si>
  <si>
    <t>560052</t>
  </si>
  <si>
    <t>160058</t>
  </si>
  <si>
    <t>600018</t>
  </si>
  <si>
    <t>160015</t>
  </si>
  <si>
    <t>700033</t>
  </si>
  <si>
    <t>403707</t>
  </si>
  <si>
    <t>682003</t>
  </si>
  <si>
    <t>560041</t>
  </si>
  <si>
    <t>411033</t>
  </si>
  <si>
    <t>700032</t>
  </si>
  <si>
    <t>560058</t>
  </si>
  <si>
    <t>680101</t>
  </si>
  <si>
    <t>400604</t>
  </si>
  <si>
    <t>600108</t>
  </si>
  <si>
    <t>141008</t>
  </si>
  <si>
    <t>734001</t>
  </si>
  <si>
    <t>390005</t>
  </si>
  <si>
    <t>530020</t>
  </si>
  <si>
    <t>388120</t>
  </si>
  <si>
    <t>632006</t>
  </si>
  <si>
    <t>422002</t>
  </si>
  <si>
    <t>590006</t>
  </si>
  <si>
    <t>440001</t>
  </si>
  <si>
    <t>361001</t>
  </si>
  <si>
    <t>602105</t>
  </si>
  <si>
    <t>673004</t>
  </si>
  <si>
    <t>403515</t>
  </si>
  <si>
    <t>462011</t>
  </si>
  <si>
    <t>695033</t>
  </si>
  <si>
    <t>680001</t>
  </si>
  <si>
    <t>132024</t>
  </si>
  <si>
    <t>403702</t>
  </si>
  <si>
    <t>575003</t>
  </si>
  <si>
    <t>643001</t>
  </si>
  <si>
    <t>620001</t>
  </si>
  <si>
    <t>570002</t>
  </si>
  <si>
    <t>416002</t>
  </si>
  <si>
    <t>713213</t>
  </si>
  <si>
    <t>370205</t>
  </si>
  <si>
    <t>625009</t>
  </si>
  <si>
    <t>605013</t>
  </si>
  <si>
    <t>831012</t>
  </si>
  <si>
    <t>636016</t>
  </si>
  <si>
    <t>482001</t>
  </si>
  <si>
    <t>691523</t>
  </si>
  <si>
    <t>600008</t>
  </si>
  <si>
    <t>682024</t>
  </si>
  <si>
    <t>680503</t>
  </si>
  <si>
    <t>380061</t>
  </si>
  <si>
    <t>580001</t>
  </si>
  <si>
    <t>600053</t>
  </si>
  <si>
    <t>454775</t>
  </si>
  <si>
    <t>201303</t>
  </si>
  <si>
    <t>632401</t>
  </si>
  <si>
    <t>682311</t>
  </si>
  <si>
    <t>600026</t>
  </si>
  <si>
    <t>560008</t>
  </si>
  <si>
    <t>600019</t>
  </si>
  <si>
    <t>560037</t>
  </si>
  <si>
    <t>680614</t>
  </si>
  <si>
    <t>685584</t>
  </si>
  <si>
    <t>635802</t>
  </si>
  <si>
    <t>600085</t>
  </si>
  <si>
    <t>160009</t>
  </si>
  <si>
    <t>160055</t>
  </si>
  <si>
    <t>160062</t>
  </si>
  <si>
    <t>333001</t>
  </si>
  <si>
    <t>144008</t>
  </si>
  <si>
    <t>141101</t>
  </si>
  <si>
    <t>151302</t>
  </si>
  <si>
    <t>335027</t>
  </si>
  <si>
    <t>160019</t>
  </si>
  <si>
    <t>132039</t>
  </si>
  <si>
    <t>400055</t>
  </si>
  <si>
    <t>144201</t>
  </si>
  <si>
    <t>141006</t>
  </si>
  <si>
    <t>144006</t>
  </si>
  <si>
    <t>141120</t>
  </si>
  <si>
    <t>141002</t>
  </si>
  <si>
    <t>134203</t>
  </si>
  <si>
    <t>152107</t>
  </si>
  <si>
    <t>152116</t>
  </si>
  <si>
    <t>144409</t>
  </si>
  <si>
    <t>160014</t>
  </si>
  <si>
    <t>180002</t>
  </si>
  <si>
    <t>144626</t>
  </si>
  <si>
    <t>144505</t>
  </si>
  <si>
    <t>143516</t>
  </si>
  <si>
    <t>144040</t>
  </si>
  <si>
    <t>140103</t>
  </si>
  <si>
    <t>560010</t>
  </si>
  <si>
    <t>302004</t>
  </si>
  <si>
    <t>500009</t>
  </si>
  <si>
    <t>160031</t>
  </si>
  <si>
    <t>141421</t>
  </si>
  <si>
    <t>141109</t>
  </si>
  <si>
    <t>425405</t>
  </si>
  <si>
    <t>151103</t>
  </si>
  <si>
    <t>147105</t>
  </si>
  <si>
    <t>141115</t>
  </si>
  <si>
    <t>142047</t>
  </si>
  <si>
    <t>160107</t>
  </si>
  <si>
    <t>682012</t>
  </si>
  <si>
    <t>132116</t>
  </si>
  <si>
    <t>144527</t>
  </si>
  <si>
    <t>143115</t>
  </si>
  <si>
    <t>148028</t>
  </si>
  <si>
    <t>151203</t>
  </si>
  <si>
    <t>152022</t>
  </si>
  <si>
    <t>342005</t>
  </si>
  <si>
    <t>144410</t>
  </si>
  <si>
    <t>142038</t>
  </si>
  <si>
    <t>152024</t>
  </si>
  <si>
    <t>142050</t>
  </si>
  <si>
    <t>151504</t>
  </si>
  <si>
    <t>140123</t>
  </si>
  <si>
    <t>143401</t>
  </si>
  <si>
    <t>302016</t>
  </si>
  <si>
    <t>144203</t>
  </si>
  <si>
    <t>146105</t>
  </si>
  <si>
    <t>173025</t>
  </si>
  <si>
    <t>400089</t>
  </si>
  <si>
    <t>361345</t>
  </si>
  <si>
    <t>370110</t>
  </si>
  <si>
    <t>394650</t>
  </si>
  <si>
    <t>392002</t>
  </si>
  <si>
    <t>400074</t>
  </si>
  <si>
    <t>496001</t>
  </si>
  <si>
    <t>151507</t>
  </si>
  <si>
    <t>151501</t>
  </si>
  <si>
    <t>201204</t>
  </si>
  <si>
    <t>282001</t>
  </si>
  <si>
    <t>125133</t>
  </si>
  <si>
    <t>211002</t>
  </si>
  <si>
    <t>221005</t>
  </si>
  <si>
    <t>121002</t>
  </si>
  <si>
    <t>136020</t>
  </si>
  <si>
    <t>474001</t>
  </si>
  <si>
    <t>732101</t>
  </si>
  <si>
    <t>400072</t>
  </si>
  <si>
    <t>208007</t>
  </si>
  <si>
    <t>335513</t>
  </si>
  <si>
    <t>136034</t>
  </si>
  <si>
    <t>126112</t>
  </si>
  <si>
    <t>125051</t>
  </si>
  <si>
    <t>148024</t>
  </si>
  <si>
    <t>151502</t>
  </si>
  <si>
    <t>152101</t>
  </si>
  <si>
    <t>142055</t>
  </si>
  <si>
    <t>335803</t>
  </si>
  <si>
    <t>125120</t>
  </si>
  <si>
    <t>686673</t>
  </si>
  <si>
    <t>690101</t>
  </si>
  <si>
    <t>690507</t>
  </si>
  <si>
    <t>688524</t>
  </si>
  <si>
    <t>690106</t>
  </si>
  <si>
    <t>688537</t>
  </si>
  <si>
    <t>695141</t>
  </si>
  <si>
    <t>690502</t>
  </si>
  <si>
    <t>688527</t>
  </si>
  <si>
    <t>695001</t>
  </si>
  <si>
    <t>686575</t>
  </si>
  <si>
    <t>686001</t>
  </si>
  <si>
    <t>686008</t>
  </si>
  <si>
    <t>686541</t>
  </si>
  <si>
    <t>686634</t>
  </si>
  <si>
    <t>686025</t>
  </si>
  <si>
    <t>689501</t>
  </si>
  <si>
    <t>690518</t>
  </si>
  <si>
    <t>695023</t>
  </si>
  <si>
    <t>686691</t>
  </si>
  <si>
    <t>683514</t>
  </si>
  <si>
    <t>682017</t>
  </si>
  <si>
    <t>682019</t>
  </si>
  <si>
    <t>683572</t>
  </si>
  <si>
    <t>682006</t>
  </si>
  <si>
    <t>686507</t>
  </si>
  <si>
    <t>683542</t>
  </si>
  <si>
    <t>682319</t>
  </si>
  <si>
    <t>670301</t>
  </si>
  <si>
    <t>670001</t>
  </si>
  <si>
    <t>670307</t>
  </si>
  <si>
    <t>673101</t>
  </si>
  <si>
    <t>671121</t>
  </si>
  <si>
    <t>671315</t>
  </si>
  <si>
    <t>678541</t>
  </si>
  <si>
    <t>678501</t>
  </si>
  <si>
    <t>679101</t>
  </si>
  <si>
    <t>678001</t>
  </si>
  <si>
    <t>678683</t>
  </si>
  <si>
    <t>678582</t>
  </si>
  <si>
    <t>680687</t>
  </si>
  <si>
    <t>680501</t>
  </si>
  <si>
    <t>680506</t>
  </si>
  <si>
    <t>680567</t>
  </si>
  <si>
    <t>680711</t>
  </si>
  <si>
    <t>680684</t>
  </si>
  <si>
    <t>680664</t>
  </si>
  <si>
    <t>680308</t>
  </si>
  <si>
    <t>680519</t>
  </si>
  <si>
    <t>680732</t>
  </si>
  <si>
    <t>679575</t>
  </si>
  <si>
    <t>680686</t>
  </si>
  <si>
    <t>680682</t>
  </si>
  <si>
    <t>680588</t>
  </si>
  <si>
    <t>680005</t>
  </si>
  <si>
    <t>680662</t>
  </si>
  <si>
    <t>500073</t>
  </si>
  <si>
    <t>110093</t>
  </si>
  <si>
    <t>380006</t>
  </si>
  <si>
    <t>121007</t>
  </si>
  <si>
    <t>560097</t>
  </si>
  <si>
    <t>580020</t>
  </si>
  <si>
    <t>575001</t>
  </si>
  <si>
    <t>576119</t>
  </si>
  <si>
    <t>400098</t>
  </si>
  <si>
    <t>400709</t>
  </si>
  <si>
    <t>141010</t>
  </si>
  <si>
    <t>147004</t>
  </si>
  <si>
    <t>144801</t>
  </si>
  <si>
    <t>600030</t>
  </si>
  <si>
    <t>641012</t>
  </si>
  <si>
    <t>638001</t>
  </si>
  <si>
    <t>636001</t>
  </si>
  <si>
    <t>673121</t>
  </si>
  <si>
    <t>676503</t>
  </si>
  <si>
    <t>673592</t>
  </si>
  <si>
    <t>695002</t>
  </si>
  <si>
    <t>695101</t>
  </si>
  <si>
    <t>673633</t>
  </si>
  <si>
    <t>695010</t>
  </si>
  <si>
    <t>680010</t>
  </si>
  <si>
    <t>682021</t>
  </si>
  <si>
    <t>400710</t>
  </si>
  <si>
    <t>530027</t>
  </si>
  <si>
    <t>504001</t>
  </si>
  <si>
    <t>515411</t>
  </si>
  <si>
    <t>532222</t>
  </si>
  <si>
    <t>522413</t>
  </si>
  <si>
    <t>500079</t>
  </si>
  <si>
    <t>500018</t>
  </si>
  <si>
    <t>500044</t>
  </si>
  <si>
    <t>500008</t>
  </si>
  <si>
    <t>505327</t>
  </si>
  <si>
    <t>507001</t>
  </si>
  <si>
    <t>521001</t>
  </si>
  <si>
    <t>509125</t>
  </si>
  <si>
    <t>502103</t>
  </si>
  <si>
    <t>508116</t>
  </si>
  <si>
    <t>508001</t>
  </si>
  <si>
    <t>508213</t>
  </si>
  <si>
    <t>501141</t>
  </si>
  <si>
    <t>501401</t>
  </si>
  <si>
    <t>534006</t>
  </si>
  <si>
    <t>508206</t>
  </si>
  <si>
    <t>791111</t>
  </si>
  <si>
    <t>781315</t>
  </si>
  <si>
    <t>783380</t>
  </si>
  <si>
    <t>785699</t>
  </si>
  <si>
    <t>785640</t>
  </si>
  <si>
    <t>845438</t>
  </si>
  <si>
    <t>800014</t>
  </si>
  <si>
    <t>845401</t>
  </si>
  <si>
    <t>854301</t>
  </si>
  <si>
    <t>802101</t>
  </si>
  <si>
    <t>495671</t>
  </si>
  <si>
    <t>491995</t>
  </si>
  <si>
    <t>493445</t>
  </si>
  <si>
    <t>493332</t>
  </si>
  <si>
    <t>110031</t>
  </si>
  <si>
    <t>110095</t>
  </si>
  <si>
    <t>110074</t>
  </si>
  <si>
    <t>110037</t>
  </si>
  <si>
    <t>110030</t>
  </si>
  <si>
    <t>403512</t>
  </si>
  <si>
    <t>380052</t>
  </si>
  <si>
    <t>382110</t>
  </si>
  <si>
    <t>382481</t>
  </si>
  <si>
    <t>382213</t>
  </si>
  <si>
    <t>395004</t>
  </si>
  <si>
    <t>388620</t>
  </si>
  <si>
    <t>364001</t>
  </si>
  <si>
    <t>364140</t>
  </si>
  <si>
    <t>364270</t>
  </si>
  <si>
    <t>361305</t>
  </si>
  <si>
    <t>362220</t>
  </si>
  <si>
    <t>362560</t>
  </si>
  <si>
    <t>393145</t>
  </si>
  <si>
    <t>389230</t>
  </si>
  <si>
    <t>360004</t>
  </si>
  <si>
    <t>360003</t>
  </si>
  <si>
    <t>360007</t>
  </si>
  <si>
    <t>383430</t>
  </si>
  <si>
    <t>383315</t>
  </si>
  <si>
    <t>395010</t>
  </si>
  <si>
    <t>394230</t>
  </si>
  <si>
    <t>363421</t>
  </si>
  <si>
    <t>363310</t>
  </si>
  <si>
    <t>390019</t>
  </si>
  <si>
    <t>390023</t>
  </si>
  <si>
    <t>391243</t>
  </si>
  <si>
    <t>364004</t>
  </si>
  <si>
    <t>122007</t>
  </si>
  <si>
    <t>122018</t>
  </si>
  <si>
    <t>126116</t>
  </si>
  <si>
    <t>136117</t>
  </si>
  <si>
    <t>136026</t>
  </si>
  <si>
    <t>136033</t>
  </si>
  <si>
    <t>132114</t>
  </si>
  <si>
    <t>136129</t>
  </si>
  <si>
    <t>123029</t>
  </si>
  <si>
    <t>132107</t>
  </si>
  <si>
    <t>125033</t>
  </si>
  <si>
    <t>131301</t>
  </si>
  <si>
    <t>121003</t>
  </si>
  <si>
    <t>121106</t>
  </si>
  <si>
    <t>134118</t>
  </si>
  <si>
    <t>176061</t>
  </si>
  <si>
    <t>175101</t>
  </si>
  <si>
    <t>173001</t>
  </si>
  <si>
    <t>190015</t>
  </si>
  <si>
    <t>814101</t>
  </si>
  <si>
    <t>712101</t>
  </si>
  <si>
    <t>825409</t>
  </si>
  <si>
    <t>822101</t>
  </si>
  <si>
    <t>561203</t>
  </si>
  <si>
    <t>562157</t>
  </si>
  <si>
    <t>571511</t>
  </si>
  <si>
    <t>560027</t>
  </si>
  <si>
    <t>560062</t>
  </si>
  <si>
    <t>560086</t>
  </si>
  <si>
    <t>560047</t>
  </si>
  <si>
    <t>583101</t>
  </si>
  <si>
    <t>583201</t>
  </si>
  <si>
    <t>582103</t>
  </si>
  <si>
    <t>585222</t>
  </si>
  <si>
    <t>581110</t>
  </si>
  <si>
    <t>481001</t>
  </si>
  <si>
    <t>462031</t>
  </si>
  <si>
    <t>450331</t>
  </si>
  <si>
    <t>471001</t>
  </si>
  <si>
    <t>452009</t>
  </si>
  <si>
    <t>452016</t>
  </si>
  <si>
    <t>470113</t>
  </si>
  <si>
    <t>464551</t>
  </si>
  <si>
    <t>457226</t>
  </si>
  <si>
    <t>466001</t>
  </si>
  <si>
    <t>480661</t>
  </si>
  <si>
    <t>484001</t>
  </si>
  <si>
    <t>486661</t>
  </si>
  <si>
    <t>475661</t>
  </si>
  <si>
    <t>472001</t>
  </si>
  <si>
    <t>423601</t>
  </si>
  <si>
    <t>431122</t>
  </si>
  <si>
    <t>440022</t>
  </si>
  <si>
    <t>425412</t>
  </si>
  <si>
    <t>422401</t>
  </si>
  <si>
    <t>431401</t>
  </si>
  <si>
    <t>413801</t>
  </si>
  <si>
    <t>411015</t>
  </si>
  <si>
    <t>410504</t>
  </si>
  <si>
    <t>411045</t>
  </si>
  <si>
    <t>411019</t>
  </si>
  <si>
    <t>411038</t>
  </si>
  <si>
    <t>410506</t>
  </si>
  <si>
    <t>444505</t>
  </si>
  <si>
    <t>400049</t>
  </si>
  <si>
    <t>416510</t>
  </si>
  <si>
    <t>413401</t>
  </si>
  <si>
    <t>400605</t>
  </si>
  <si>
    <t>421004</t>
  </si>
  <si>
    <t>421503</t>
  </si>
  <si>
    <t>401209</t>
  </si>
  <si>
    <t>401301</t>
  </si>
  <si>
    <t>441108</t>
  </si>
  <si>
    <t>793150</t>
  </si>
  <si>
    <t>794001</t>
  </si>
  <si>
    <t>796001</t>
  </si>
  <si>
    <t>797112</t>
  </si>
  <si>
    <t>759100</t>
  </si>
  <si>
    <t>768028</t>
  </si>
  <si>
    <t>758001</t>
  </si>
  <si>
    <t>758034</t>
  </si>
  <si>
    <t>754202</t>
  </si>
  <si>
    <t>143201</t>
  </si>
  <si>
    <t>143416</t>
  </si>
  <si>
    <t>144205</t>
  </si>
  <si>
    <t>144416</t>
  </si>
  <si>
    <t>144629</t>
  </si>
  <si>
    <t>144702</t>
  </si>
  <si>
    <t>141013</t>
  </si>
  <si>
    <t>144521</t>
  </si>
  <si>
    <t>160054</t>
  </si>
  <si>
    <t>140901</t>
  </si>
  <si>
    <t>148021</t>
  </si>
  <si>
    <t>305801</t>
  </si>
  <si>
    <t>301705</t>
  </si>
  <si>
    <t>301701</t>
  </si>
  <si>
    <t>344001</t>
  </si>
  <si>
    <t>312605</t>
  </si>
  <si>
    <t>331001</t>
  </si>
  <si>
    <t>302019</t>
  </si>
  <si>
    <t>302017</t>
  </si>
  <si>
    <t>322001</t>
  </si>
  <si>
    <t>302026</t>
  </si>
  <si>
    <t>642126</t>
  </si>
  <si>
    <t>624001</t>
  </si>
  <si>
    <t>603001</t>
  </si>
  <si>
    <t>600097</t>
  </si>
  <si>
    <t>611001</t>
  </si>
  <si>
    <t>609001</t>
  </si>
  <si>
    <t>630001</t>
  </si>
  <si>
    <t>612001</t>
  </si>
  <si>
    <t>603209</t>
  </si>
  <si>
    <t>600088</t>
  </si>
  <si>
    <t>631001</t>
  </si>
  <si>
    <t>626123</t>
  </si>
  <si>
    <t>600106</t>
  </si>
  <si>
    <t>600005</t>
  </si>
  <si>
    <t>600023</t>
  </si>
  <si>
    <t>600020</t>
  </si>
  <si>
    <t>635001</t>
  </si>
  <si>
    <t>600089</t>
  </si>
  <si>
    <t>600045</t>
  </si>
  <si>
    <t>600063</t>
  </si>
  <si>
    <t>621212</t>
  </si>
  <si>
    <t>623501</t>
  </si>
  <si>
    <t>637502</t>
  </si>
  <si>
    <t>603004</t>
  </si>
  <si>
    <t>626001</t>
  </si>
  <si>
    <t>629175</t>
  </si>
  <si>
    <t>637408</t>
  </si>
  <si>
    <t>600100</t>
  </si>
  <si>
    <t>224122</t>
  </si>
  <si>
    <t>206122</t>
  </si>
  <si>
    <t>276001</t>
  </si>
  <si>
    <t>277001</t>
  </si>
  <si>
    <t>271201</t>
  </si>
  <si>
    <t>272001</t>
  </si>
  <si>
    <t>233001</t>
  </si>
  <si>
    <t>203205</t>
  </si>
  <si>
    <t>232101</t>
  </si>
  <si>
    <t>231216</t>
  </si>
  <si>
    <t>206001</t>
  </si>
  <si>
    <t>209625</t>
  </si>
  <si>
    <t>212601</t>
  </si>
  <si>
    <t>205135</t>
  </si>
  <si>
    <t>271001</t>
  </si>
  <si>
    <t>209725</t>
  </si>
  <si>
    <t>208002</t>
  </si>
  <si>
    <t>262802</t>
  </si>
  <si>
    <t>274304</t>
  </si>
  <si>
    <t>226002</t>
  </si>
  <si>
    <t>226021</t>
  </si>
  <si>
    <t>273303</t>
  </si>
  <si>
    <t>275102</t>
  </si>
  <si>
    <t>250004</t>
  </si>
  <si>
    <t>231001</t>
  </si>
  <si>
    <t>247776</t>
  </si>
  <si>
    <t>262701</t>
  </si>
  <si>
    <t>230001</t>
  </si>
  <si>
    <t>244901</t>
  </si>
  <si>
    <t>231217</t>
  </si>
  <si>
    <t>209801</t>
  </si>
  <si>
    <t>263601</t>
  </si>
  <si>
    <t>263152</t>
  </si>
  <si>
    <t>711405</t>
  </si>
  <si>
    <t>712203</t>
  </si>
  <si>
    <t>700107</t>
  </si>
  <si>
    <t>700056</t>
  </si>
  <si>
    <t>700082</t>
  </si>
  <si>
    <t>741101</t>
  </si>
  <si>
    <t>700074</t>
  </si>
  <si>
    <t>721636</t>
  </si>
  <si>
    <t>700137</t>
  </si>
  <si>
    <t>743503</t>
  </si>
  <si>
    <t>518301</t>
  </si>
  <si>
    <t>143102</t>
  </si>
  <si>
    <t>403517</t>
  </si>
  <si>
    <t>518543</t>
  </si>
  <si>
    <t>246763</t>
  </si>
  <si>
    <t>802301</t>
  </si>
  <si>
    <t>226012</t>
  </si>
  <si>
    <t>473331</t>
  </si>
  <si>
    <t>466116</t>
  </si>
  <si>
    <t>824101</t>
  </si>
  <si>
    <t>284401</t>
  </si>
  <si>
    <t>250609</t>
  </si>
  <si>
    <t>210001</t>
  </si>
  <si>
    <t>140601</t>
  </si>
  <si>
    <t>757001</t>
  </si>
  <si>
    <t>493114</t>
  </si>
  <si>
    <t>180010</t>
  </si>
  <si>
    <t>756100</t>
  </si>
  <si>
    <t>148026</t>
  </si>
  <si>
    <t>766001</t>
  </si>
  <si>
    <t>803101</t>
  </si>
  <si>
    <t>586104</t>
  </si>
  <si>
    <t>784176</t>
  </si>
  <si>
    <t>793101</t>
  </si>
  <si>
    <t>144102</t>
  </si>
  <si>
    <t>262902</t>
  </si>
  <si>
    <t>244302</t>
  </si>
  <si>
    <t>841301</t>
  </si>
  <si>
    <t>127306</t>
  </si>
  <si>
    <t>759130</t>
  </si>
  <si>
    <t>583231</t>
  </si>
  <si>
    <t>641001</t>
  </si>
  <si>
    <t>247554</t>
  </si>
  <si>
    <t>396050</t>
  </si>
  <si>
    <t>799250</t>
  </si>
  <si>
    <t>123106</t>
  </si>
  <si>
    <t>759001</t>
  </si>
  <si>
    <t>783301</t>
  </si>
  <si>
    <t>786171</t>
  </si>
  <si>
    <t>505301</t>
  </si>
  <si>
    <t>783121</t>
  </si>
  <si>
    <t>638476</t>
  </si>
  <si>
    <t>521301</t>
  </si>
  <si>
    <t>210301</t>
  </si>
  <si>
    <t>711101</t>
  </si>
  <si>
    <t>600101</t>
  </si>
  <si>
    <t>501505</t>
  </si>
  <si>
    <t>431513</t>
  </si>
  <si>
    <t>782435</t>
  </si>
  <si>
    <t>744103</t>
  </si>
  <si>
    <t>500001</t>
  </si>
  <si>
    <t>500057</t>
  </si>
  <si>
    <t>795001</t>
  </si>
  <si>
    <t>326001</t>
  </si>
  <si>
    <t>360050</t>
  </si>
  <si>
    <t>343001</t>
  </si>
  <si>
    <t>503111</t>
  </si>
  <si>
    <t>581301</t>
  </si>
  <si>
    <t>854105</t>
  </si>
  <si>
    <t>560060</t>
  </si>
  <si>
    <t>360021</t>
  </si>
  <si>
    <t>251201</t>
  </si>
  <si>
    <t>797001</t>
  </si>
  <si>
    <t>783370</t>
  </si>
  <si>
    <t>700071</t>
  </si>
  <si>
    <t>442301</t>
  </si>
  <si>
    <t>500084</t>
  </si>
  <si>
    <t>324006</t>
  </si>
  <si>
    <t>628501</t>
  </si>
  <si>
    <t>415109</t>
  </si>
  <si>
    <t>515865</t>
  </si>
  <si>
    <t>571201</t>
  </si>
  <si>
    <t>625020</t>
  </si>
  <si>
    <t>485771</t>
  </si>
  <si>
    <t>125104</t>
  </si>
  <si>
    <t>370465</t>
  </si>
  <si>
    <t>784125</t>
  </si>
  <si>
    <t>759121</t>
  </si>
  <si>
    <t>110044</t>
  </si>
  <si>
    <t>782002</t>
  </si>
  <si>
    <t>341001</t>
  </si>
  <si>
    <t>174101</t>
  </si>
  <si>
    <t>422003</t>
  </si>
  <si>
    <t>208023</t>
  </si>
  <si>
    <t>600035</t>
  </si>
  <si>
    <t>504106</t>
  </si>
  <si>
    <t>781031</t>
  </si>
  <si>
    <t>560016</t>
  </si>
  <si>
    <t>285001</t>
  </si>
  <si>
    <t>425401</t>
  </si>
  <si>
    <t>600075</t>
  </si>
  <si>
    <t>396125</t>
  </si>
  <si>
    <t>821115</t>
  </si>
  <si>
    <t>635601</t>
  </si>
  <si>
    <t>413705</t>
  </si>
  <si>
    <t>516115</t>
  </si>
  <si>
    <t>700102</t>
  </si>
  <si>
    <t>803116</t>
  </si>
  <si>
    <t>843302</t>
  </si>
  <si>
    <t>244715</t>
  </si>
  <si>
    <t>736182</t>
  </si>
  <si>
    <t>834002</t>
  </si>
  <si>
    <t>600052</t>
  </si>
  <si>
    <t>141128</t>
  </si>
  <si>
    <t>501218</t>
  </si>
  <si>
    <t>284403</t>
  </si>
  <si>
    <t>500019</t>
  </si>
  <si>
    <t>603103</t>
  </si>
  <si>
    <t>600079</t>
  </si>
  <si>
    <t>246174</t>
  </si>
  <si>
    <t>175002</t>
  </si>
  <si>
    <t>508207</t>
  </si>
  <si>
    <t>505209</t>
  </si>
  <si>
    <t>262122</t>
  </si>
  <si>
    <t>620019</t>
  </si>
  <si>
    <t>625706</t>
  </si>
  <si>
    <t>679329</t>
  </si>
  <si>
    <t>413033</t>
  </si>
  <si>
    <t>572102</t>
  </si>
  <si>
    <t>509103</t>
  </si>
  <si>
    <t>506002</t>
  </si>
  <si>
    <t>585327</t>
  </si>
  <si>
    <t>737126</t>
  </si>
  <si>
    <t>737132</t>
  </si>
  <si>
    <t>173030</t>
  </si>
  <si>
    <t>144623</t>
  </si>
  <si>
    <t>173220</t>
  </si>
  <si>
    <t>415523</t>
  </si>
  <si>
    <t>396450</t>
  </si>
  <si>
    <t>403107</t>
  </si>
  <si>
    <t>457887</t>
  </si>
  <si>
    <t>813102</t>
  </si>
  <si>
    <t>451115</t>
  </si>
  <si>
    <t>493221</t>
  </si>
  <si>
    <t>465674</t>
  </si>
  <si>
    <t>202411</t>
  </si>
  <si>
    <t>135102</t>
  </si>
  <si>
    <t>848114</t>
  </si>
  <si>
    <t>382305</t>
  </si>
  <si>
    <t>454552</t>
  </si>
  <si>
    <t>385310</t>
  </si>
  <si>
    <t>786602</t>
  </si>
  <si>
    <t>533201</t>
  </si>
  <si>
    <t>416502</t>
  </si>
  <si>
    <t>244235</t>
  </si>
  <si>
    <t>281502</t>
  </si>
  <si>
    <t>416101</t>
  </si>
  <si>
    <t>416119</t>
  </si>
  <si>
    <t>441302</t>
  </si>
  <si>
    <t>851204</t>
  </si>
  <si>
    <t>303108</t>
  </si>
  <si>
    <t>132113</t>
  </si>
  <si>
    <t>382845</t>
  </si>
  <si>
    <t>495334</t>
  </si>
  <si>
    <t>571301</t>
  </si>
  <si>
    <t>853204</t>
  </si>
  <si>
    <t>493885</t>
  </si>
  <si>
    <t>334803</t>
  </si>
  <si>
    <t>424201</t>
  </si>
  <si>
    <t>391440</t>
  </si>
  <si>
    <t>454116</t>
  </si>
  <si>
    <t>365560</t>
  </si>
  <si>
    <t>453331</t>
  </si>
  <si>
    <t>845305</t>
  </si>
  <si>
    <t>423301</t>
  </si>
  <si>
    <t>461223</t>
  </si>
  <si>
    <t>364240</t>
  </si>
  <si>
    <t>431112</t>
  </si>
  <si>
    <t>464228</t>
  </si>
  <si>
    <t>497229</t>
  </si>
  <si>
    <t>416312</t>
  </si>
  <si>
    <t>360025</t>
  </si>
  <si>
    <t>415311</t>
  </si>
  <si>
    <t>444906</t>
  </si>
  <si>
    <t>243301</t>
  </si>
  <si>
    <t>276305</t>
  </si>
  <si>
    <t>273402</t>
  </si>
  <si>
    <t>209206</t>
  </si>
  <si>
    <t>272175</t>
  </si>
  <si>
    <t>210507</t>
  </si>
  <si>
    <t>276403</t>
  </si>
  <si>
    <t>271865</t>
  </si>
  <si>
    <t>273164</t>
  </si>
  <si>
    <t>242401</t>
  </si>
  <si>
    <t>202390</t>
  </si>
  <si>
    <t>206242</t>
  </si>
  <si>
    <t>221107</t>
  </si>
  <si>
    <t>227305</t>
  </si>
  <si>
    <t>274509</t>
  </si>
  <si>
    <t>811308</t>
  </si>
  <si>
    <t>854318</t>
  </si>
  <si>
    <t>125052</t>
  </si>
  <si>
    <t>191111</t>
  </si>
  <si>
    <t>133201</t>
  </si>
  <si>
    <t>125121</t>
  </si>
  <si>
    <t>391135</t>
  </si>
  <si>
    <t>403703</t>
  </si>
  <si>
    <t>246761</t>
  </si>
  <si>
    <t>735210</t>
  </si>
  <si>
    <t>143602</t>
  </si>
  <si>
    <t>191201</t>
  </si>
  <si>
    <t>363330</t>
  </si>
  <si>
    <t>132041</t>
  </si>
  <si>
    <t>754103</t>
  </si>
  <si>
    <t>144033</t>
  </si>
  <si>
    <t>142029</t>
  </si>
  <si>
    <t>793114</t>
  </si>
  <si>
    <t>638701</t>
  </si>
  <si>
    <t>387411</t>
  </si>
  <si>
    <t>453771</t>
  </si>
  <si>
    <t>151509</t>
  </si>
  <si>
    <t>641664</t>
  </si>
  <si>
    <t>535501</t>
  </si>
  <si>
    <t>141416</t>
  </si>
  <si>
    <t>533437</t>
  </si>
  <si>
    <t>134103</t>
  </si>
  <si>
    <t>192301</t>
  </si>
  <si>
    <t>144517</t>
  </si>
  <si>
    <t>140702</t>
  </si>
  <si>
    <t>412801</t>
  </si>
  <si>
    <t>505185</t>
  </si>
  <si>
    <t>144216</t>
  </si>
  <si>
    <t>712410</t>
  </si>
  <si>
    <t>412803</t>
  </si>
  <si>
    <t>423401</t>
  </si>
  <si>
    <t>143512</t>
  </si>
  <si>
    <t>245408</t>
  </si>
  <si>
    <t>247662</t>
  </si>
  <si>
    <t>799120</t>
  </si>
  <si>
    <t>734301</t>
  </si>
  <si>
    <t>181201</t>
  </si>
  <si>
    <t>303007</t>
  </si>
  <si>
    <t>151206</t>
  </si>
  <si>
    <t>144622</t>
  </si>
  <si>
    <t>192124</t>
  </si>
  <si>
    <t>396521</t>
  </si>
  <si>
    <t>636403</t>
  </si>
  <si>
    <t>142043</t>
  </si>
  <si>
    <t>641654</t>
  </si>
  <si>
    <t>587313</t>
  </si>
  <si>
    <t>176047</t>
  </si>
  <si>
    <t>624619</t>
  </si>
  <si>
    <t>181102</t>
  </si>
  <si>
    <t>184121</t>
  </si>
  <si>
    <t>641035</t>
  </si>
  <si>
    <t>143515</t>
  </si>
  <si>
    <t>591304</t>
  </si>
  <si>
    <t>125102</t>
  </si>
  <si>
    <t>141116</t>
  </si>
  <si>
    <t>505468</t>
  </si>
  <si>
    <t>505122</t>
  </si>
  <si>
    <t>144026</t>
  </si>
  <si>
    <t>480334</t>
  </si>
  <si>
    <t>632316</t>
  </si>
  <si>
    <t>425508</t>
  </si>
  <si>
    <t>313004</t>
  </si>
  <si>
    <t>502220</t>
  </si>
  <si>
    <t>223101</t>
  </si>
  <si>
    <t>421303</t>
  </si>
  <si>
    <t>795103</t>
  </si>
  <si>
    <t>803213</t>
  </si>
  <si>
    <t>733129</t>
  </si>
  <si>
    <t>361335</t>
  </si>
  <si>
    <t>151201</t>
  </si>
  <si>
    <t>767039</t>
  </si>
  <si>
    <t>391240</t>
  </si>
  <si>
    <t>754211</t>
  </si>
  <si>
    <t>796701</t>
  </si>
  <si>
    <t>522426</t>
  </si>
  <si>
    <t>412210</t>
  </si>
  <si>
    <t>306902</t>
  </si>
  <si>
    <t>360530</t>
  </si>
  <si>
    <t>212208</t>
  </si>
  <si>
    <t>796321</t>
  </si>
  <si>
    <t>793119</t>
  </si>
  <si>
    <t>793102</t>
  </si>
  <si>
    <t>798601</t>
  </si>
  <si>
    <t>782460</t>
  </si>
  <si>
    <t>791102</t>
  </si>
  <si>
    <t>755024</t>
  </si>
  <si>
    <t>754029</t>
  </si>
  <si>
    <t>770033</t>
  </si>
  <si>
    <t>768108</t>
  </si>
  <si>
    <t>516227</t>
  </si>
  <si>
    <t>504103</t>
  </si>
  <si>
    <t>443201</t>
  </si>
  <si>
    <t>721429</t>
  </si>
  <si>
    <t>515761</t>
  </si>
  <si>
    <t>815353</t>
  </si>
  <si>
    <t>781011</t>
  </si>
  <si>
    <t>754215</t>
  </si>
  <si>
    <t>532127</t>
  </si>
  <si>
    <t>274402</t>
  </si>
  <si>
    <t>283125</t>
  </si>
  <si>
    <t>770017</t>
  </si>
  <si>
    <t>835223</t>
  </si>
  <si>
    <t>832303</t>
  </si>
  <si>
    <t>144041</t>
  </si>
  <si>
    <t>503224</t>
  </si>
  <si>
    <t>711303</t>
  </si>
  <si>
    <t>370140</t>
  </si>
  <si>
    <t>507111</t>
  </si>
  <si>
    <t>143303</t>
  </si>
  <si>
    <t>144036</t>
  </si>
  <si>
    <t>140112</t>
  </si>
  <si>
    <t>176304</t>
  </si>
  <si>
    <t>624202</t>
  </si>
  <si>
    <t>509302</t>
  </si>
  <si>
    <t>143519</t>
  </si>
  <si>
    <t>143531</t>
  </si>
  <si>
    <t>679576</t>
  </si>
  <si>
    <t>144207</t>
  </si>
  <si>
    <t>814133</t>
  </si>
  <si>
    <t>835207</t>
  </si>
  <si>
    <t>755001</t>
  </si>
  <si>
    <t>847403</t>
  </si>
  <si>
    <t>370230</t>
  </si>
  <si>
    <t>574104</t>
  </si>
  <si>
    <t>752056</t>
  </si>
  <si>
    <t>581343</t>
  </si>
  <si>
    <t>576201</t>
  </si>
  <si>
    <t>175131</t>
  </si>
  <si>
    <t>147202</t>
  </si>
  <si>
    <t>533308</t>
  </si>
  <si>
    <t>670702</t>
  </si>
  <si>
    <t>505325</t>
  </si>
  <si>
    <t>574227</t>
  </si>
  <si>
    <t>673506</t>
  </si>
  <si>
    <t>574202</t>
  </si>
  <si>
    <t>125076</t>
  </si>
  <si>
    <t>583119</t>
  </si>
  <si>
    <t>637301</t>
  </si>
  <si>
    <t>793002</t>
  </si>
  <si>
    <t>141104</t>
  </si>
  <si>
    <t>148108</t>
  </si>
  <si>
    <t>641041</t>
  </si>
  <si>
    <t>522265</t>
  </si>
  <si>
    <t>795138</t>
  </si>
  <si>
    <t>144504</t>
  </si>
  <si>
    <t>307026</t>
  </si>
  <si>
    <t>577522</t>
  </si>
  <si>
    <t>388225</t>
  </si>
  <si>
    <t>305624</t>
  </si>
  <si>
    <t>392150</t>
  </si>
  <si>
    <t>182301</t>
  </si>
  <si>
    <t>148022</t>
  </si>
  <si>
    <t>246149</t>
  </si>
  <si>
    <t>506101</t>
  </si>
  <si>
    <t>679121</t>
  </si>
  <si>
    <t>176125</t>
  </si>
  <si>
    <t>521235</t>
  </si>
  <si>
    <t>591201</t>
  </si>
  <si>
    <t>506167</t>
  </si>
  <si>
    <t>852113</t>
  </si>
  <si>
    <t>506132</t>
  </si>
  <si>
    <t>140306</t>
  </si>
  <si>
    <t>143114</t>
  </si>
  <si>
    <t>231219</t>
  </si>
  <si>
    <t>144519</t>
  </si>
  <si>
    <t>403505</t>
  </si>
  <si>
    <t>142044</t>
  </si>
  <si>
    <t>314001</t>
  </si>
  <si>
    <t>123501</t>
  </si>
  <si>
    <t>624101</t>
  </si>
  <si>
    <t>305404</t>
  </si>
  <si>
    <t>521175</t>
  </si>
  <si>
    <t>403003</t>
  </si>
  <si>
    <t>194101</t>
  </si>
  <si>
    <t>171207</t>
  </si>
  <si>
    <t>713146</t>
  </si>
  <si>
    <t>361004</t>
  </si>
  <si>
    <t>581401</t>
  </si>
  <si>
    <t>711316</t>
  </si>
  <si>
    <t>517001</t>
  </si>
  <si>
    <t>516269</t>
  </si>
  <si>
    <t>523316</t>
  </si>
  <si>
    <t>534275</t>
  </si>
  <si>
    <t>534260</t>
  </si>
  <si>
    <t>517583</t>
  </si>
  <si>
    <t>585328</t>
  </si>
  <si>
    <t>573103</t>
  </si>
  <si>
    <t>600080</t>
  </si>
  <si>
    <t>533003</t>
  </si>
  <si>
    <t>533401</t>
  </si>
  <si>
    <t>523157</t>
  </si>
  <si>
    <t>534102</t>
  </si>
  <si>
    <t>502110</t>
  </si>
  <si>
    <t>751014</t>
  </si>
  <si>
    <t>522403</t>
  </si>
  <si>
    <t>572201</t>
  </si>
  <si>
    <t>424100</t>
  </si>
  <si>
    <t>751002</t>
  </si>
  <si>
    <t>609602</t>
  </si>
  <si>
    <t>600032</t>
  </si>
  <si>
    <t>600113</t>
  </si>
  <si>
    <t>641009</t>
  </si>
  <si>
    <t>641603</t>
  </si>
  <si>
    <t>625016</t>
  </si>
  <si>
    <t>636006</t>
  </si>
  <si>
    <t>585330</t>
  </si>
  <si>
    <t>522124</t>
  </si>
  <si>
    <t>520007</t>
  </si>
  <si>
    <t>360410</t>
  </si>
  <si>
    <t>190008</t>
  </si>
  <si>
    <t>742225</t>
  </si>
  <si>
    <t>700051</t>
  </si>
  <si>
    <t>743165</t>
  </si>
  <si>
    <t>506164</t>
  </si>
  <si>
    <t>788710</t>
  </si>
  <si>
    <t>496118</t>
  </si>
  <si>
    <t>124112</t>
  </si>
  <si>
    <t>425409</t>
  </si>
  <si>
    <t>770001</t>
  </si>
  <si>
    <t>275304</t>
  </si>
  <si>
    <t>233227</t>
  </si>
  <si>
    <t>274406</t>
  </si>
  <si>
    <t>221712</t>
  </si>
  <si>
    <t>211019</t>
  </si>
  <si>
    <t>517325</t>
  </si>
  <si>
    <t>517644</t>
  </si>
  <si>
    <t>522616</t>
  </si>
  <si>
    <t>518360</t>
  </si>
  <si>
    <t>494001</t>
  </si>
  <si>
    <t>490020</t>
  </si>
  <si>
    <t>382225</t>
  </si>
  <si>
    <t>391110</t>
  </si>
  <si>
    <t>171009</t>
  </si>
  <si>
    <t>581115</t>
  </si>
  <si>
    <t>456335</t>
  </si>
  <si>
    <t>442701</t>
  </si>
  <si>
    <t>440024</t>
  </si>
  <si>
    <t>441002</t>
  </si>
  <si>
    <t>411043</t>
  </si>
  <si>
    <t>411060</t>
  </si>
  <si>
    <t>753004</t>
  </si>
  <si>
    <t>751003</t>
  </si>
  <si>
    <t>752050</t>
  </si>
  <si>
    <t>160059</t>
  </si>
  <si>
    <t>202412</t>
  </si>
  <si>
    <t>736121</t>
  </si>
  <si>
    <t>741201</t>
  </si>
  <si>
    <t>733134</t>
  </si>
  <si>
    <t>781301</t>
  </si>
  <si>
    <t>497335</t>
  </si>
  <si>
    <t>362520</t>
  </si>
  <si>
    <t>829118</t>
  </si>
  <si>
    <t>421601</t>
  </si>
  <si>
    <t>416602</t>
  </si>
  <si>
    <t>144417</t>
  </si>
  <si>
    <t>144407</t>
  </si>
  <si>
    <t>141110</t>
  </si>
  <si>
    <t>736135</t>
  </si>
  <si>
    <t>533101</t>
  </si>
  <si>
    <t>522201</t>
  </si>
  <si>
    <t>522647</t>
  </si>
  <si>
    <t>500025</t>
  </si>
  <si>
    <t>382480</t>
  </si>
  <si>
    <t>382415</t>
  </si>
  <si>
    <t>831013</t>
  </si>
  <si>
    <t>695013</t>
  </si>
  <si>
    <t>462039</t>
  </si>
  <si>
    <t>452005</t>
  </si>
  <si>
    <t>476337</t>
  </si>
  <si>
    <t>443001</t>
  </si>
  <si>
    <t>445304</t>
  </si>
  <si>
    <t>741302</t>
  </si>
  <si>
    <t>700101</t>
  </si>
  <si>
    <t>144042</t>
  </si>
  <si>
    <t>492007</t>
  </si>
  <si>
    <t>382009</t>
  </si>
  <si>
    <t>384151</t>
  </si>
  <si>
    <t>363642</t>
  </si>
  <si>
    <t>400005</t>
  </si>
  <si>
    <t>413501</t>
  </si>
  <si>
    <t>722102</t>
  </si>
  <si>
    <t>731224</t>
  </si>
  <si>
    <t>723101</t>
  </si>
  <si>
    <t>416203</t>
  </si>
  <si>
    <t>274203</t>
  </si>
  <si>
    <t>272203</t>
  </si>
  <si>
    <t>271604</t>
  </si>
  <si>
    <t>713148</t>
  </si>
  <si>
    <t>524201</t>
  </si>
  <si>
    <t>800002</t>
  </si>
  <si>
    <t>800026</t>
  </si>
  <si>
    <t>180007</t>
  </si>
  <si>
    <t>190018</t>
  </si>
  <si>
    <t>444805</t>
  </si>
  <si>
    <t>431605</t>
  </si>
  <si>
    <t>731101</t>
  </si>
  <si>
    <t>193221</t>
  </si>
  <si>
    <t>192121</t>
  </si>
  <si>
    <t>505326</t>
  </si>
  <si>
    <t>811211</t>
  </si>
  <si>
    <t>852131</t>
  </si>
  <si>
    <t>380027</t>
  </si>
  <si>
    <t>121010</t>
  </si>
  <si>
    <t>184104</t>
  </si>
  <si>
    <t>190011</t>
  </si>
  <si>
    <t>182101</t>
  </si>
  <si>
    <t>422007</t>
  </si>
  <si>
    <t>751024</t>
  </si>
  <si>
    <t>262001</t>
  </si>
  <si>
    <t>422402</t>
  </si>
  <si>
    <t>416219</t>
  </si>
  <si>
    <t>212402</t>
  </si>
  <si>
    <t>229206</t>
  </si>
  <si>
    <t>521201</t>
  </si>
  <si>
    <t>854311</t>
  </si>
  <si>
    <t>587301</t>
  </si>
  <si>
    <t>591307</t>
  </si>
  <si>
    <t>585202</t>
  </si>
  <si>
    <t>583227</t>
  </si>
  <si>
    <t>431517</t>
  </si>
  <si>
    <t>423203</t>
  </si>
  <si>
    <t>181133</t>
  </si>
  <si>
    <t>190020</t>
  </si>
  <si>
    <t>577101</t>
  </si>
  <si>
    <t>577501</t>
  </si>
  <si>
    <t>571401</t>
  </si>
  <si>
    <t>570024</t>
  </si>
  <si>
    <t>641011</t>
  </si>
  <si>
    <t>753012</t>
  </si>
  <si>
    <t>416404</t>
  </si>
  <si>
    <t>362150</t>
  </si>
  <si>
    <t>585223</t>
  </si>
  <si>
    <t>630302</t>
  </si>
  <si>
    <t>241501</t>
  </si>
  <si>
    <t>387002</t>
  </si>
  <si>
    <t>191101</t>
  </si>
  <si>
    <t>562101</t>
  </si>
  <si>
    <t>753003</t>
  </si>
  <si>
    <t>760004</t>
  </si>
  <si>
    <t>751010</t>
  </si>
  <si>
    <t>312601</t>
  </si>
  <si>
    <t>322230</t>
  </si>
  <si>
    <t>743145</t>
  </si>
  <si>
    <t>713336</t>
  </si>
  <si>
    <t>721101</t>
  </si>
  <si>
    <t>192303</t>
  </si>
  <si>
    <t>185101</t>
  </si>
  <si>
    <t>144507</t>
  </si>
  <si>
    <t>148031</t>
  </si>
  <si>
    <t>301707</t>
  </si>
  <si>
    <t>304804</t>
  </si>
  <si>
    <t>332713</t>
  </si>
  <si>
    <t>342301</t>
  </si>
  <si>
    <t>335063</t>
  </si>
  <si>
    <t>504251</t>
  </si>
  <si>
    <t>500045</t>
  </si>
  <si>
    <t>805110</t>
  </si>
  <si>
    <t>811311</t>
  </si>
  <si>
    <t>803302</t>
  </si>
  <si>
    <t>848101</t>
  </si>
  <si>
    <t>829144</t>
  </si>
  <si>
    <t>804408</t>
  </si>
  <si>
    <t>605001</t>
  </si>
  <si>
    <t>325205</t>
  </si>
  <si>
    <t>331507</t>
  </si>
  <si>
    <t>620008</t>
  </si>
  <si>
    <t>620021</t>
  </si>
  <si>
    <t>627811</t>
  </si>
  <si>
    <t>243201</t>
  </si>
  <si>
    <t>243601</t>
  </si>
  <si>
    <t>243639</t>
  </si>
  <si>
    <t>201206</t>
  </si>
  <si>
    <t>210427</t>
  </si>
  <si>
    <t>496661</t>
  </si>
  <si>
    <t>835302</t>
  </si>
  <si>
    <t>835210</t>
  </si>
  <si>
    <t>416209</t>
  </si>
  <si>
    <t>402107</t>
  </si>
  <si>
    <t>606202</t>
  </si>
  <si>
    <t>614101</t>
  </si>
  <si>
    <t>212635</t>
  </si>
  <si>
    <t>241204</t>
  </si>
  <si>
    <t>273163</t>
  </si>
  <si>
    <t>637211</t>
  </si>
  <si>
    <t>225305</t>
  </si>
  <si>
    <t>507115</t>
  </si>
  <si>
    <t>800010</t>
  </si>
  <si>
    <t>360490</t>
  </si>
  <si>
    <t>828111</t>
  </si>
  <si>
    <t>443101</t>
  </si>
  <si>
    <t>202394</t>
  </si>
  <si>
    <t>210431</t>
  </si>
  <si>
    <t>825401</t>
  </si>
  <si>
    <t>203135</t>
  </si>
  <si>
    <t>201010</t>
  </si>
  <si>
    <t>224149</t>
  </si>
  <si>
    <t>272189</t>
  </si>
  <si>
    <t>210205</t>
  </si>
  <si>
    <t>503185</t>
  </si>
  <si>
    <t>331403</t>
  </si>
  <si>
    <t>342008</t>
  </si>
  <si>
    <t>332301</t>
  </si>
  <si>
    <t>276404</t>
  </si>
  <si>
    <t>224190</t>
  </si>
  <si>
    <t>700009</t>
  </si>
  <si>
    <t>700118</t>
  </si>
  <si>
    <t>143204</t>
  </si>
  <si>
    <t>306104</t>
  </si>
  <si>
    <t>341510</t>
  </si>
  <si>
    <t>303106</t>
  </si>
  <si>
    <t>424002</t>
  </si>
  <si>
    <t>323001</t>
  </si>
  <si>
    <t>700068</t>
  </si>
  <si>
    <t>787001</t>
  </si>
  <si>
    <t>393001</t>
  </si>
  <si>
    <t>131101</t>
  </si>
  <si>
    <t>828127</t>
  </si>
  <si>
    <t>400702</t>
  </si>
  <si>
    <t>423701</t>
  </si>
  <si>
    <t>761200</t>
  </si>
  <si>
    <t>743331</t>
  </si>
  <si>
    <t>811201</t>
  </si>
  <si>
    <t>121004</t>
  </si>
  <si>
    <t>834006</t>
  </si>
  <si>
    <t>816109</t>
  </si>
  <si>
    <t>413517</t>
  </si>
  <si>
    <t>416410</t>
  </si>
  <si>
    <t>767001</t>
  </si>
  <si>
    <t>753002</t>
  </si>
  <si>
    <t>250401</t>
  </si>
  <si>
    <t>824231</t>
  </si>
  <si>
    <t>822114</t>
  </si>
  <si>
    <t>831002</t>
  </si>
  <si>
    <t>402104</t>
  </si>
  <si>
    <t>403509</t>
  </si>
  <si>
    <t>522503</t>
  </si>
  <si>
    <t>560018</t>
  </si>
  <si>
    <t>560055</t>
  </si>
  <si>
    <t>475110</t>
  </si>
  <si>
    <t>481661</t>
  </si>
  <si>
    <t>486886</t>
  </si>
  <si>
    <t>444101</t>
  </si>
  <si>
    <t>768006</t>
  </si>
  <si>
    <t>205001</t>
  </si>
  <si>
    <t>781016</t>
  </si>
  <si>
    <t>403511</t>
  </si>
  <si>
    <t>403506</t>
  </si>
  <si>
    <t>403108</t>
  </si>
  <si>
    <t>821307</t>
  </si>
  <si>
    <t>834009</t>
  </si>
  <si>
    <t>560071</t>
  </si>
  <si>
    <t>591237</t>
  </si>
  <si>
    <t>444604</t>
  </si>
  <si>
    <t>250611</t>
  </si>
  <si>
    <t>207123</t>
  </si>
  <si>
    <t>700026</t>
  </si>
  <si>
    <t>261203</t>
  </si>
  <si>
    <t>562111</t>
  </si>
  <si>
    <t>403714</t>
  </si>
  <si>
    <t>403723</t>
  </si>
  <si>
    <t>403713</t>
  </si>
  <si>
    <t>403705</t>
  </si>
  <si>
    <t>180005</t>
  </si>
  <si>
    <t>474006</t>
  </si>
  <si>
    <t>442902</t>
  </si>
  <si>
    <t>733202</t>
  </si>
  <si>
    <t>490021</t>
  </si>
  <si>
    <t>855107</t>
  </si>
  <si>
    <t>847211</t>
  </si>
  <si>
    <t>845101</t>
  </si>
  <si>
    <t>831003</t>
  </si>
  <si>
    <t>335804</t>
  </si>
  <si>
    <t>801302</t>
  </si>
  <si>
    <t>143105</t>
  </si>
  <si>
    <t>142037</t>
  </si>
  <si>
    <t>600095</t>
  </si>
  <si>
    <t>248179</t>
  </si>
  <si>
    <t>841428</t>
  </si>
  <si>
    <t>831005</t>
  </si>
  <si>
    <t>560034</t>
  </si>
  <si>
    <t>462021</t>
  </si>
  <si>
    <t>751015</t>
  </si>
  <si>
    <t>151005</t>
  </si>
  <si>
    <t>152001</t>
  </si>
  <si>
    <t>144602</t>
  </si>
  <si>
    <t>731204</t>
  </si>
  <si>
    <t>638656</t>
  </si>
  <si>
    <t>209721</t>
  </si>
  <si>
    <t>829112</t>
  </si>
  <si>
    <t>811105</t>
  </si>
  <si>
    <t>422103</t>
  </si>
  <si>
    <t>385340</t>
  </si>
  <si>
    <t>331023</t>
  </si>
  <si>
    <t>225411</t>
  </si>
  <si>
    <t>221303</t>
  </si>
  <si>
    <t>304021</t>
  </si>
  <si>
    <t>335524</t>
  </si>
  <si>
    <t>185131</t>
  </si>
  <si>
    <t>182222</t>
  </si>
  <si>
    <t>422011</t>
  </si>
  <si>
    <t>413304</t>
  </si>
  <si>
    <t>445204</t>
  </si>
  <si>
    <t>345001</t>
  </si>
  <si>
    <t>700094</t>
  </si>
  <si>
    <t>411058</t>
  </si>
  <si>
    <t>312023</t>
  </si>
  <si>
    <t>673020</t>
  </si>
  <si>
    <t>403704</t>
  </si>
  <si>
    <t>530026</t>
  </si>
  <si>
    <t>833102</t>
  </si>
  <si>
    <t>181132</t>
  </si>
  <si>
    <t>444203</t>
  </si>
  <si>
    <t>440015</t>
  </si>
  <si>
    <t>413003</t>
  </si>
  <si>
    <t>765001</t>
  </si>
  <si>
    <t>410218</t>
  </si>
  <si>
    <t>151101</t>
  </si>
  <si>
    <t>781325</t>
  </si>
  <si>
    <t>522003</t>
  </si>
  <si>
    <t>491228</t>
  </si>
  <si>
    <t>785670</t>
  </si>
  <si>
    <t>403604</t>
  </si>
  <si>
    <t>833201</t>
  </si>
  <si>
    <t>682038</t>
  </si>
  <si>
    <t>244241</t>
  </si>
  <si>
    <t>560076</t>
  </si>
  <si>
    <t>476001</t>
  </si>
  <si>
    <t>411029</t>
  </si>
  <si>
    <t>768212</t>
  </si>
  <si>
    <t>431515</t>
  </si>
  <si>
    <t>560082</t>
  </si>
  <si>
    <t>800016</t>
  </si>
  <si>
    <t>825405</t>
  </si>
  <si>
    <t>560046</t>
  </si>
  <si>
    <t>301030</t>
  </si>
  <si>
    <t>192231</t>
  </si>
  <si>
    <t>401102</t>
  </si>
  <si>
    <t>401608</t>
  </si>
  <si>
    <t>401605</t>
  </si>
  <si>
    <t>811307</t>
  </si>
  <si>
    <t>823003</t>
  </si>
  <si>
    <t>412208</t>
  </si>
  <si>
    <t>754021</t>
  </si>
  <si>
    <t>752069</t>
  </si>
  <si>
    <t>176310</t>
  </si>
  <si>
    <t>177101</t>
  </si>
  <si>
    <t>176201</t>
  </si>
  <si>
    <t>143112</t>
  </si>
  <si>
    <t>143109</t>
  </si>
  <si>
    <t>143108</t>
  </si>
  <si>
    <t>147111</t>
  </si>
  <si>
    <t>144208</t>
  </si>
  <si>
    <t>144020</t>
  </si>
  <si>
    <t>141112</t>
  </si>
  <si>
    <t>144624</t>
  </si>
  <si>
    <t>143101</t>
  </si>
  <si>
    <t>142033</t>
  </si>
  <si>
    <t>144606</t>
  </si>
  <si>
    <t>148105</t>
  </si>
  <si>
    <t>152124</t>
  </si>
  <si>
    <t>142053</t>
  </si>
  <si>
    <t>143409</t>
  </si>
  <si>
    <t>813205</t>
  </si>
  <si>
    <t>141118</t>
  </si>
  <si>
    <t>781122</t>
  </si>
  <si>
    <t>132117</t>
  </si>
  <si>
    <t>177203</t>
  </si>
  <si>
    <t>173209</t>
  </si>
  <si>
    <t>193401</t>
  </si>
  <si>
    <t>180015</t>
  </si>
  <si>
    <t>191121</t>
  </si>
  <si>
    <t>193101</t>
  </si>
  <si>
    <t>416509</t>
  </si>
  <si>
    <t>176315</t>
  </si>
  <si>
    <t>781354</t>
  </si>
  <si>
    <t>182202</t>
  </si>
  <si>
    <t>143301</t>
  </si>
  <si>
    <t>145029</t>
  </si>
  <si>
    <t>516101</t>
  </si>
  <si>
    <t>194103</t>
  </si>
  <si>
    <t>764020</t>
  </si>
  <si>
    <t>767017</t>
  </si>
  <si>
    <t>133103</t>
  </si>
  <si>
    <t>781024</t>
  </si>
  <si>
    <t>143117</t>
  </si>
  <si>
    <t>135133</t>
  </si>
  <si>
    <t>133204</t>
  </si>
  <si>
    <t>177201</t>
  </si>
  <si>
    <t>127040</t>
  </si>
  <si>
    <t>144804</t>
  </si>
  <si>
    <t>752106</t>
  </si>
  <si>
    <t>491335</t>
  </si>
  <si>
    <t>135103</t>
  </si>
  <si>
    <t>124501</t>
  </si>
  <si>
    <t>140117</t>
  </si>
  <si>
    <t>781028</t>
  </si>
  <si>
    <t>140110</t>
  </si>
  <si>
    <t>190006</t>
  </si>
  <si>
    <t>782426</t>
  </si>
  <si>
    <t>793003</t>
  </si>
  <si>
    <t>180003</t>
  </si>
  <si>
    <t>177033</t>
  </si>
  <si>
    <t>785621</t>
  </si>
  <si>
    <t>781103</t>
  </si>
  <si>
    <t>131402</t>
  </si>
  <si>
    <t>127046</t>
  </si>
  <si>
    <t>782410</t>
  </si>
  <si>
    <t>174315</t>
  </si>
  <si>
    <t>192123</t>
  </si>
  <si>
    <t>122104</t>
  </si>
  <si>
    <t>505184</t>
  </si>
  <si>
    <t>531116</t>
  </si>
  <si>
    <t>505302</t>
  </si>
  <si>
    <t>175134</t>
  </si>
  <si>
    <t>193222</t>
  </si>
  <si>
    <t>122107</t>
  </si>
  <si>
    <t>764059</t>
  </si>
  <si>
    <t>133104</t>
  </si>
  <si>
    <t>174001</t>
  </si>
  <si>
    <t>534301</t>
  </si>
  <si>
    <t>403103</t>
  </si>
  <si>
    <t>737134</t>
  </si>
  <si>
    <t>143412</t>
  </si>
  <si>
    <t>152113</t>
  </si>
  <si>
    <t>144529</t>
  </si>
  <si>
    <t>191202</t>
  </si>
  <si>
    <t>517214</t>
  </si>
  <si>
    <t>574239</t>
  </si>
  <si>
    <t>786151</t>
  </si>
  <si>
    <t>152021</t>
  </si>
  <si>
    <t>171202</t>
  </si>
  <si>
    <t>174021</t>
  </si>
  <si>
    <t>171201</t>
  </si>
  <si>
    <t>521165</t>
  </si>
  <si>
    <t>122506</t>
  </si>
  <si>
    <t>410201</t>
  </si>
  <si>
    <t>534350</t>
  </si>
  <si>
    <t>533255</t>
  </si>
  <si>
    <t>125111</t>
  </si>
  <si>
    <t>144025</t>
  </si>
  <si>
    <t>713409</t>
  </si>
  <si>
    <t>761126</t>
  </si>
  <si>
    <t>444803</t>
  </si>
  <si>
    <t>431131</t>
  </si>
  <si>
    <t>444107</t>
  </si>
  <si>
    <t>281306</t>
  </si>
  <si>
    <t>413701</t>
  </si>
  <si>
    <t>283204</t>
  </si>
  <si>
    <t>412202</t>
  </si>
  <si>
    <t>140501</t>
  </si>
  <si>
    <t>571213</t>
  </si>
  <si>
    <t>384240</t>
  </si>
  <si>
    <t>585225</t>
  </si>
  <si>
    <t>523357</t>
  </si>
  <si>
    <t>388255</t>
  </si>
  <si>
    <t>441206</t>
  </si>
  <si>
    <t>143203</t>
  </si>
  <si>
    <t>573116</t>
  </si>
  <si>
    <t>206244</t>
  </si>
  <si>
    <t>383255</t>
  </si>
  <si>
    <t>391775</t>
  </si>
  <si>
    <t>284204</t>
  </si>
  <si>
    <t>422303</t>
  </si>
  <si>
    <t>151207</t>
  </si>
  <si>
    <t>414302</t>
  </si>
  <si>
    <t>383215</t>
  </si>
  <si>
    <t>577432</t>
  </si>
  <si>
    <t>673573</t>
  </si>
  <si>
    <t>442201</t>
  </si>
  <si>
    <t>365421</t>
  </si>
  <si>
    <t>454660</t>
  </si>
  <si>
    <t>141412</t>
  </si>
  <si>
    <t>431512</t>
  </si>
  <si>
    <t>508204</t>
  </si>
  <si>
    <t>361160</t>
  </si>
  <si>
    <t>123027</t>
  </si>
  <si>
    <t>487001</t>
  </si>
  <si>
    <t>305601</t>
  </si>
  <si>
    <t>641047</t>
  </si>
  <si>
    <t>431503</t>
  </si>
  <si>
    <t>731234</t>
  </si>
  <si>
    <t>363035</t>
  </si>
  <si>
    <t>793006</t>
  </si>
  <si>
    <t>766012</t>
  </si>
  <si>
    <t>140307</t>
  </si>
  <si>
    <t>145023</t>
  </si>
  <si>
    <t>676552</t>
  </si>
  <si>
    <t>191113</t>
  </si>
  <si>
    <t>534447</t>
  </si>
  <si>
    <t>515591</t>
  </si>
  <si>
    <t>504215</t>
  </si>
  <si>
    <t>370615</t>
  </si>
  <si>
    <t>402109</t>
  </si>
  <si>
    <t>363650</t>
  </si>
  <si>
    <t>455336</t>
  </si>
  <si>
    <t>283111</t>
  </si>
  <si>
    <t>403602</t>
  </si>
  <si>
    <t>713130</t>
  </si>
  <si>
    <t>641301</t>
  </si>
  <si>
    <t>410101</t>
  </si>
  <si>
    <t>392220</t>
  </si>
  <si>
    <t>383205</t>
  </si>
  <si>
    <t>523240</t>
  </si>
  <si>
    <t>768017</t>
  </si>
  <si>
    <t>509153</t>
  </si>
  <si>
    <t>503186</t>
  </si>
  <si>
    <t>505481</t>
  </si>
  <si>
    <t>503003</t>
  </si>
  <si>
    <t>503175</t>
  </si>
  <si>
    <t>403524</t>
  </si>
  <si>
    <t>391740</t>
  </si>
  <si>
    <t>391410</t>
  </si>
  <si>
    <t>390014</t>
  </si>
  <si>
    <t>141119</t>
  </si>
  <si>
    <t>394115</t>
  </si>
  <si>
    <t>392015</t>
  </si>
  <si>
    <t>201305</t>
  </si>
  <si>
    <t>144512</t>
  </si>
  <si>
    <t>384215</t>
  </si>
  <si>
    <t>385210</t>
  </si>
  <si>
    <t>143534</t>
  </si>
  <si>
    <t>382115</t>
  </si>
  <si>
    <t>382355</t>
  </si>
  <si>
    <t>362255</t>
  </si>
  <si>
    <t>370240</t>
  </si>
  <si>
    <t>360006</t>
  </si>
  <si>
    <t>396466</t>
  </si>
  <si>
    <t>394320</t>
  </si>
  <si>
    <t>203207</t>
  </si>
  <si>
    <t>370020</t>
  </si>
  <si>
    <t>172107</t>
  </si>
  <si>
    <t>221301</t>
  </si>
  <si>
    <t>523105</t>
  </si>
  <si>
    <t>440016</t>
  </si>
  <si>
    <t>521225</t>
  </si>
  <si>
    <t>171211</t>
  </si>
  <si>
    <t>402301</t>
  </si>
  <si>
    <t>394327</t>
  </si>
  <si>
    <t>175125</t>
  </si>
  <si>
    <t>175024</t>
  </si>
  <si>
    <t>422205</t>
  </si>
  <si>
    <t>141203</t>
  </si>
  <si>
    <t>144515</t>
  </si>
  <si>
    <t>151102</t>
  </si>
  <si>
    <t>143501</t>
  </si>
  <si>
    <t>143110</t>
  </si>
  <si>
    <t>174301</t>
  </si>
  <si>
    <t>144029</t>
  </si>
  <si>
    <t>146108</t>
  </si>
  <si>
    <t>140405</t>
  </si>
  <si>
    <t>629165</t>
  </si>
  <si>
    <t>609103</t>
  </si>
  <si>
    <t>606702</t>
  </si>
  <si>
    <t>227813</t>
  </si>
  <si>
    <t>151503</t>
  </si>
  <si>
    <t>151104</t>
  </si>
  <si>
    <t>412220</t>
  </si>
  <si>
    <t>136135</t>
  </si>
  <si>
    <t>244236</t>
  </si>
  <si>
    <t>403503</t>
  </si>
  <si>
    <t>148029</t>
  </si>
  <si>
    <t>151208</t>
  </si>
  <si>
    <t>148027</t>
  </si>
  <si>
    <t>146100</t>
  </si>
  <si>
    <t>144306</t>
  </si>
  <si>
    <t>144221</t>
  </si>
  <si>
    <t>201307</t>
  </si>
  <si>
    <t>227811</t>
  </si>
  <si>
    <t>505505</t>
  </si>
  <si>
    <t>503187</t>
  </si>
  <si>
    <t>416104</t>
  </si>
  <si>
    <t>591121</t>
  </si>
  <si>
    <t>713513</t>
  </si>
  <si>
    <t>713212</t>
  </si>
  <si>
    <t>410405</t>
  </si>
  <si>
    <t>713321</t>
  </si>
  <si>
    <t>721627</t>
  </si>
  <si>
    <t>361210</t>
  </si>
  <si>
    <t>571218</t>
  </si>
  <si>
    <t>442907</t>
  </si>
  <si>
    <t>202138</t>
  </si>
  <si>
    <t>362225</t>
  </si>
  <si>
    <t>400037</t>
  </si>
  <si>
    <t>125113</t>
  </si>
  <si>
    <t>361170</t>
  </si>
  <si>
    <t>770036</t>
  </si>
  <si>
    <t>143408</t>
  </si>
  <si>
    <t>142051</t>
  </si>
  <si>
    <t>147003</t>
  </si>
  <si>
    <t>403402</t>
  </si>
  <si>
    <t>125047</t>
  </si>
  <si>
    <t>125058</t>
  </si>
  <si>
    <t>136130</t>
  </si>
  <si>
    <t>133102</t>
  </si>
  <si>
    <t>136157</t>
  </si>
  <si>
    <t>125077</t>
  </si>
  <si>
    <t>134011</t>
  </si>
  <si>
    <t>577401</t>
  </si>
  <si>
    <t>670141</t>
  </si>
  <si>
    <t>143407</t>
  </si>
  <si>
    <t>577598</t>
  </si>
  <si>
    <t>126101</t>
  </si>
  <si>
    <t>670645</t>
  </si>
  <si>
    <t>144105</t>
  </si>
  <si>
    <t>136156</t>
  </si>
  <si>
    <t>127030</t>
  </si>
  <si>
    <t>132022</t>
  </si>
  <si>
    <t>136128</t>
  </si>
  <si>
    <t>126111</t>
  </si>
  <si>
    <t>148033</t>
  </si>
  <si>
    <t>132104</t>
  </si>
  <si>
    <t>143604</t>
  </si>
  <si>
    <t>148035</t>
  </si>
  <si>
    <t>134202</t>
  </si>
  <si>
    <t>516390</t>
  </si>
  <si>
    <t>148102</t>
  </si>
  <si>
    <t>124201</t>
  </si>
  <si>
    <t>134204</t>
  </si>
  <si>
    <t>123024</t>
  </si>
  <si>
    <t>143504</t>
  </si>
  <si>
    <t>152128</t>
  </si>
  <si>
    <t>135101</t>
  </si>
  <si>
    <t>143514</t>
  </si>
  <si>
    <t>145024</t>
  </si>
  <si>
    <t>203209</t>
  </si>
  <si>
    <t>388180</t>
  </si>
  <si>
    <t>143411</t>
  </si>
  <si>
    <t>144528</t>
  </si>
  <si>
    <t>143113</t>
  </si>
  <si>
    <t>144408</t>
  </si>
  <si>
    <t>141418</t>
  </si>
  <si>
    <t>145025</t>
  </si>
  <si>
    <t>143149</t>
  </si>
  <si>
    <t>143419</t>
  </si>
  <si>
    <t>143103</t>
  </si>
  <si>
    <t>144024</t>
  </si>
  <si>
    <t>144013</t>
  </si>
  <si>
    <t>144101</t>
  </si>
  <si>
    <t>143116</t>
  </si>
  <si>
    <t>143528</t>
  </si>
  <si>
    <t>144533</t>
  </si>
  <si>
    <t>143202</t>
  </si>
  <si>
    <t>302031</t>
  </si>
  <si>
    <t>144411</t>
  </si>
  <si>
    <t>143603</t>
  </si>
  <si>
    <t>144403</t>
  </si>
  <si>
    <t>146102</t>
  </si>
  <si>
    <t>523201</t>
  </si>
  <si>
    <t>140115</t>
  </si>
  <si>
    <t>152025</t>
  </si>
  <si>
    <t>144522</t>
  </si>
  <si>
    <t>148020</t>
  </si>
  <si>
    <t>148104</t>
  </si>
  <si>
    <t>143305</t>
  </si>
  <si>
    <t>141415</t>
  </si>
  <si>
    <t>143530</t>
  </si>
  <si>
    <t>394150</t>
  </si>
  <si>
    <t>574219</t>
  </si>
  <si>
    <t>141126</t>
  </si>
  <si>
    <t>146104</t>
  </si>
  <si>
    <t>146113</t>
  </si>
  <si>
    <t>203202</t>
  </si>
  <si>
    <t>123504</t>
  </si>
  <si>
    <t>517247</t>
  </si>
  <si>
    <t>533450</t>
  </si>
  <si>
    <t>497220</t>
  </si>
  <si>
    <t>509210</t>
  </si>
  <si>
    <t>152118</t>
  </si>
  <si>
    <t>143513</t>
  </si>
  <si>
    <t>403102</t>
  </si>
  <si>
    <t>403709</t>
  </si>
  <si>
    <t>403801</t>
  </si>
  <si>
    <t>425107</t>
  </si>
  <si>
    <t>571105</t>
  </si>
  <si>
    <t>396375</t>
  </si>
  <si>
    <t>561208</t>
  </si>
  <si>
    <t>431107</t>
  </si>
  <si>
    <t>758015</t>
  </si>
  <si>
    <t>441912</t>
  </si>
  <si>
    <t>444105</t>
  </si>
  <si>
    <t>384001</t>
  </si>
  <si>
    <t>517408</t>
  </si>
  <si>
    <t>403513</t>
  </si>
  <si>
    <t>403527</t>
  </si>
  <si>
    <t>563114</t>
  </si>
  <si>
    <t>394601</t>
  </si>
  <si>
    <t>303503</t>
  </si>
  <si>
    <t>335051</t>
  </si>
  <si>
    <t>737121</t>
  </si>
  <si>
    <t>335701</t>
  </si>
  <si>
    <t>274306</t>
  </si>
  <si>
    <t>387630</t>
  </si>
  <si>
    <t>403716</t>
  </si>
  <si>
    <t>403110</t>
  </si>
  <si>
    <t>403502</t>
  </si>
  <si>
    <t>403114</t>
  </si>
  <si>
    <t>274704</t>
  </si>
  <si>
    <t>201102</t>
  </si>
  <si>
    <t>146112</t>
  </si>
  <si>
    <t>144222</t>
  </si>
  <si>
    <t>143302</t>
  </si>
  <si>
    <t>142025</t>
  </si>
  <si>
    <t>143502</t>
  </si>
  <si>
    <t>451111</t>
  </si>
  <si>
    <t>342027</t>
  </si>
  <si>
    <t>209728</t>
  </si>
  <si>
    <t>424206</t>
  </si>
  <si>
    <t>335041</t>
  </si>
  <si>
    <t>392020</t>
  </si>
  <si>
    <t>201310</t>
  </si>
  <si>
    <t>143008</t>
  </si>
  <si>
    <t>392011</t>
  </si>
  <si>
    <t>639104</t>
  </si>
  <si>
    <t>396580</t>
  </si>
  <si>
    <t>144202</t>
  </si>
  <si>
    <t>456664</t>
  </si>
  <si>
    <t>143518</t>
  </si>
  <si>
    <t>144524</t>
  </si>
  <si>
    <t>144526</t>
  </si>
  <si>
    <t>151401</t>
  </si>
  <si>
    <t>151107</t>
  </si>
  <si>
    <t>764046</t>
  </si>
  <si>
    <t>144531</t>
  </si>
  <si>
    <t>451666</t>
  </si>
  <si>
    <t>171102</t>
  </si>
  <si>
    <t>182204</t>
  </si>
  <si>
    <t>313003</t>
  </si>
  <si>
    <t>127035</t>
  </si>
  <si>
    <t>132040</t>
  </si>
  <si>
    <t>131023</t>
  </si>
  <si>
    <t>307027</t>
  </si>
  <si>
    <t>803114</t>
  </si>
  <si>
    <t>505480</t>
  </si>
  <si>
    <t>302012</t>
  </si>
  <si>
    <t>125004</t>
  </si>
  <si>
    <t>302022</t>
  </si>
  <si>
    <t>532284</t>
  </si>
  <si>
    <t>505498</t>
  </si>
  <si>
    <t>502306</t>
  </si>
  <si>
    <t>143511</t>
  </si>
  <si>
    <t>142052</t>
  </si>
  <si>
    <t>171205</t>
  </si>
  <si>
    <t>148109</t>
  </si>
  <si>
    <t>505474</t>
  </si>
  <si>
    <t>148100</t>
  </si>
  <si>
    <t>505502</t>
  </si>
  <si>
    <t>171206</t>
  </si>
  <si>
    <t>123302</t>
  </si>
  <si>
    <t>250223</t>
  </si>
  <si>
    <t>141103</t>
  </si>
  <si>
    <t>743249</t>
  </si>
  <si>
    <t>847215</t>
  </si>
  <si>
    <t>227405</t>
  </si>
  <si>
    <t>413716</t>
  </si>
  <si>
    <t>305002</t>
  </si>
  <si>
    <t>425002</t>
  </si>
  <si>
    <t>250406</t>
  </si>
  <si>
    <t>412106</t>
  </si>
  <si>
    <t>721102</t>
  </si>
  <si>
    <t>713424</t>
  </si>
  <si>
    <t>712402</t>
  </si>
  <si>
    <t>142021</t>
  </si>
  <si>
    <t>754209</t>
  </si>
  <si>
    <t>141117</t>
  </si>
  <si>
    <t>711312</t>
  </si>
  <si>
    <t>574142</t>
  </si>
  <si>
    <t>679306</t>
  </si>
  <si>
    <t>263148</t>
  </si>
  <si>
    <t>415629</t>
  </si>
  <si>
    <t>503212</t>
  </si>
  <si>
    <t>713404</t>
  </si>
  <si>
    <t>140002</t>
  </si>
  <si>
    <t>176219</t>
  </si>
  <si>
    <t>712414</t>
  </si>
  <si>
    <t>562129</t>
  </si>
  <si>
    <t>585320</t>
  </si>
  <si>
    <t>743289</t>
  </si>
  <si>
    <t>273412</t>
  </si>
  <si>
    <t>122413</t>
  </si>
  <si>
    <t>612302</t>
  </si>
  <si>
    <t>313024</t>
  </si>
  <si>
    <t>431114</t>
  </si>
  <si>
    <t>752055</t>
  </si>
  <si>
    <t>122004</t>
  </si>
  <si>
    <t>691506</t>
  </si>
  <si>
    <t>752018</t>
  </si>
  <si>
    <t>144106</t>
  </si>
  <si>
    <t>632512</t>
  </si>
  <si>
    <t>627804</t>
  </si>
  <si>
    <t>232108</t>
  </si>
  <si>
    <t>495009</t>
  </si>
  <si>
    <t>181152</t>
  </si>
  <si>
    <t>122101</t>
  </si>
  <si>
    <t>759014</t>
  </si>
  <si>
    <t>481880</t>
  </si>
  <si>
    <t>754006</t>
  </si>
  <si>
    <t>793110</t>
  </si>
  <si>
    <t>144012</t>
  </si>
  <si>
    <t>145027</t>
  </si>
  <si>
    <t>607106</t>
  </si>
  <si>
    <t>533464</t>
  </si>
  <si>
    <t>380060</t>
  </si>
  <si>
    <t>123505</t>
  </si>
  <si>
    <t>190017</t>
  </si>
  <si>
    <t>382210</t>
  </si>
  <si>
    <t>402103</t>
  </si>
  <si>
    <t>171213</t>
  </si>
  <si>
    <t>242226</t>
  </si>
  <si>
    <t>136035</t>
  </si>
  <si>
    <t>273002</t>
  </si>
  <si>
    <t>273202</t>
  </si>
  <si>
    <t>122102</t>
  </si>
  <si>
    <t>140602</t>
  </si>
  <si>
    <t>382423</t>
  </si>
  <si>
    <t>274204</t>
  </si>
  <si>
    <t>500089</t>
  </si>
  <si>
    <t>132140</t>
  </si>
  <si>
    <t>142022</t>
  </si>
  <si>
    <t>680012</t>
  </si>
  <si>
    <t>302028</t>
  </si>
  <si>
    <t>491111</t>
  </si>
  <si>
    <t>302002</t>
  </si>
  <si>
    <t>440025</t>
  </si>
  <si>
    <t>422304</t>
  </si>
  <si>
    <t>560067</t>
  </si>
  <si>
    <t>733101</t>
  </si>
  <si>
    <t>735101</t>
  </si>
  <si>
    <t>462047</t>
  </si>
  <si>
    <t>462043</t>
  </si>
  <si>
    <t>641024</t>
  </si>
  <si>
    <t>627001</t>
  </si>
  <si>
    <t>440032</t>
  </si>
  <si>
    <t>641005</t>
  </si>
  <si>
    <t>495450</t>
  </si>
  <si>
    <t>492004</t>
  </si>
  <si>
    <t>492013</t>
  </si>
  <si>
    <t>490006</t>
  </si>
  <si>
    <t>495006</t>
  </si>
  <si>
    <t>474009</t>
  </si>
  <si>
    <t>462003</t>
  </si>
  <si>
    <t>176206</t>
  </si>
  <si>
    <t>500094</t>
  </si>
  <si>
    <t>570017</t>
  </si>
  <si>
    <t>422010</t>
  </si>
  <si>
    <t>425003</t>
  </si>
  <si>
    <t>431136</t>
  </si>
  <si>
    <t>636002</t>
  </si>
  <si>
    <t>415302</t>
  </si>
  <si>
    <t>282010</t>
  </si>
  <si>
    <t>284002</t>
  </si>
  <si>
    <t>273015</t>
  </si>
  <si>
    <t>131039</t>
  </si>
  <si>
    <t>416303</t>
  </si>
  <si>
    <t>712102</t>
  </si>
  <si>
    <t>492099</t>
  </si>
  <si>
    <t>461001</t>
  </si>
  <si>
    <t>282007</t>
  </si>
  <si>
    <t>493113</t>
  </si>
  <si>
    <t>722139</t>
  </si>
  <si>
    <t>176085</t>
  </si>
  <si>
    <t>759015</t>
  </si>
  <si>
    <t>768105</t>
  </si>
  <si>
    <t>444709</t>
  </si>
  <si>
    <t>759129</t>
  </si>
  <si>
    <t>759025</t>
  </si>
  <si>
    <t>272002</t>
  </si>
  <si>
    <t>842003</t>
  </si>
  <si>
    <t>560084</t>
  </si>
  <si>
    <t>411041</t>
  </si>
  <si>
    <t>751030</t>
  </si>
  <si>
    <t>753014</t>
  </si>
  <si>
    <t>641604</t>
  </si>
  <si>
    <t>392210</t>
  </si>
  <si>
    <t>206002</t>
  </si>
  <si>
    <t>570023</t>
  </si>
  <si>
    <t>625003</t>
  </si>
  <si>
    <t>620006</t>
  </si>
  <si>
    <t>131029</t>
  </si>
  <si>
    <t>423107</t>
  </si>
  <si>
    <t>600082</t>
  </si>
  <si>
    <t>700063</t>
  </si>
  <si>
    <t>442104</t>
  </si>
  <si>
    <t>442106</t>
  </si>
  <si>
    <t>282006</t>
  </si>
  <si>
    <t>768220</t>
  </si>
  <si>
    <t>759026</t>
  </si>
  <si>
    <t>261405</t>
  </si>
  <si>
    <t>222133</t>
  </si>
  <si>
    <t>110059</t>
  </si>
  <si>
    <t>560075</t>
  </si>
  <si>
    <t>603202</t>
  </si>
  <si>
    <t>759132</t>
  </si>
  <si>
    <t>754134</t>
  </si>
  <si>
    <t>273413</t>
  </si>
  <si>
    <t>202002</t>
  </si>
  <si>
    <t>271123</t>
  </si>
  <si>
    <t>332701</t>
  </si>
  <si>
    <t>231205</t>
  </si>
  <si>
    <t>442906</t>
  </si>
  <si>
    <t>754200</t>
  </si>
  <si>
    <t>440017</t>
  </si>
  <si>
    <t>302013</t>
  </si>
  <si>
    <t>171225</t>
  </si>
  <si>
    <t>416406</t>
  </si>
  <si>
    <t>212207</t>
  </si>
  <si>
    <t>390021</t>
  </si>
  <si>
    <t>600115</t>
  </si>
  <si>
    <t>173229</t>
  </si>
  <si>
    <t>795149</t>
  </si>
  <si>
    <t>764003</t>
  </si>
  <si>
    <t>737139</t>
  </si>
  <si>
    <t>500007</t>
  </si>
  <si>
    <t>769014</t>
  </si>
  <si>
    <t>325216</t>
  </si>
  <si>
    <t>440026</t>
  </si>
  <si>
    <t>441911</t>
  </si>
  <si>
    <t>441614</t>
  </si>
  <si>
    <t>221713</t>
  </si>
  <si>
    <t>122505</t>
  </si>
  <si>
    <t>122006</t>
  </si>
  <si>
    <t>416302</t>
  </si>
  <si>
    <t>423109</t>
  </si>
  <si>
    <t>341505</t>
  </si>
  <si>
    <t>110084</t>
  </si>
  <si>
    <t>786192</t>
  </si>
  <si>
    <t>785700</t>
  </si>
  <si>
    <t>415101</t>
  </si>
  <si>
    <t>441702</t>
  </si>
  <si>
    <t>441111</t>
  </si>
  <si>
    <t>641697</t>
  </si>
  <si>
    <t>411026</t>
  </si>
  <si>
    <t>271202</t>
  </si>
  <si>
    <t>682036</t>
  </si>
  <si>
    <t>123413</t>
  </si>
  <si>
    <t>184120</t>
  </si>
  <si>
    <t>493770</t>
  </si>
  <si>
    <t>452007</t>
  </si>
  <si>
    <t>495112</t>
  </si>
  <si>
    <t>284003</t>
  </si>
  <si>
    <t>124303</t>
  </si>
  <si>
    <t>495557</t>
  </si>
  <si>
    <t>360055</t>
  </si>
  <si>
    <t>754214</t>
  </si>
  <si>
    <t>754207</t>
  </si>
  <si>
    <t>122011</t>
  </si>
  <si>
    <t>131021</t>
  </si>
  <si>
    <t>413515</t>
  </si>
  <si>
    <t>122003</t>
  </si>
  <si>
    <t>124108</t>
  </si>
  <si>
    <t>625014</t>
  </si>
  <si>
    <t>152117</t>
  </si>
  <si>
    <t>302018</t>
  </si>
  <si>
    <t>136119</t>
  </si>
  <si>
    <t>411046</t>
  </si>
  <si>
    <t>136131</t>
  </si>
  <si>
    <t>383355</t>
  </si>
  <si>
    <t>721628</t>
  </si>
  <si>
    <t>394155</t>
  </si>
  <si>
    <t>591222</t>
  </si>
  <si>
    <t>306115</t>
  </si>
  <si>
    <t>743294</t>
  </si>
  <si>
    <t>641016</t>
  </si>
  <si>
    <t>244410</t>
  </si>
  <si>
    <t>380051</t>
  </si>
  <si>
    <t>303604</t>
  </si>
  <si>
    <t>755023</t>
  </si>
  <si>
    <t>205301</t>
  </si>
  <si>
    <t>132036</t>
  </si>
  <si>
    <t>440018</t>
  </si>
  <si>
    <t>591303</t>
  </si>
  <si>
    <t>121103</t>
  </si>
  <si>
    <t>493558</t>
  </si>
  <si>
    <t>127031</t>
  </si>
  <si>
    <t>733132</t>
  </si>
  <si>
    <t>591313</t>
  </si>
  <si>
    <t>632315</t>
  </si>
  <si>
    <t>756027</t>
  </si>
  <si>
    <t>302033</t>
  </si>
  <si>
    <t>226016</t>
  </si>
  <si>
    <t>208005</t>
  </si>
  <si>
    <t>524137</t>
  </si>
  <si>
    <t>394210</t>
  </si>
  <si>
    <t>500090</t>
  </si>
  <si>
    <t>226004</t>
  </si>
  <si>
    <t>493661</t>
  </si>
  <si>
    <t>524401</t>
  </si>
  <si>
    <t>812001</t>
  </si>
  <si>
    <t>846001</t>
  </si>
  <si>
    <t>854326</t>
  </si>
  <si>
    <t>801503</t>
  </si>
  <si>
    <t>192122</t>
  </si>
  <si>
    <t>152005</t>
  </si>
  <si>
    <t>142057</t>
  </si>
  <si>
    <t>521108</t>
  </si>
  <si>
    <t>560035</t>
  </si>
  <si>
    <t>626101</t>
  </si>
  <si>
    <t>604001</t>
  </si>
  <si>
    <t>273209</t>
  </si>
  <si>
    <t>530017</t>
  </si>
  <si>
    <t>134007</t>
  </si>
  <si>
    <t>193121</t>
  </si>
  <si>
    <t>410209</t>
  </si>
  <si>
    <t>532407</t>
  </si>
  <si>
    <t>643101</t>
  </si>
  <si>
    <t>262201</t>
  </si>
  <si>
    <t>271303</t>
  </si>
  <si>
    <t>533238</t>
  </si>
  <si>
    <t>530013</t>
  </si>
  <si>
    <t>575018</t>
  </si>
  <si>
    <t>700078</t>
  </si>
  <si>
    <t>521105</t>
  </si>
  <si>
    <t>124106</t>
  </si>
  <si>
    <t>676306</t>
  </si>
  <si>
    <t>680582</t>
  </si>
  <si>
    <t>462046</t>
  </si>
  <si>
    <t>224228</t>
  </si>
  <si>
    <t>252021</t>
  </si>
  <si>
    <t>284205</t>
  </si>
  <si>
    <t>743252</t>
  </si>
  <si>
    <t>134113</t>
  </si>
  <si>
    <t>560061</t>
  </si>
  <si>
    <t>673305</t>
  </si>
  <si>
    <t>625516</t>
  </si>
  <si>
    <t>623517</t>
  </si>
  <si>
    <t>638006</t>
  </si>
  <si>
    <t>635751</t>
  </si>
  <si>
    <t>209732</t>
  </si>
  <si>
    <t>451551</t>
  </si>
  <si>
    <t>225409</t>
  </si>
  <si>
    <t>273155</t>
  </si>
  <si>
    <t>242405</t>
  </si>
  <si>
    <t>689673</t>
  </si>
  <si>
    <t>507303</t>
  </si>
  <si>
    <t>276202</t>
  </si>
  <si>
    <t>560024</t>
  </si>
  <si>
    <t>384330</t>
  </si>
  <si>
    <t>673310</t>
  </si>
  <si>
    <t>625513</t>
  </si>
  <si>
    <t>689641</t>
  </si>
  <si>
    <t>212217</t>
  </si>
  <si>
    <t>695015</t>
  </si>
  <si>
    <t>382421</t>
  </si>
  <si>
    <t>127201</t>
  </si>
  <si>
    <t>757043</t>
  </si>
  <si>
    <t>209111</t>
  </si>
  <si>
    <t>206243</t>
  </si>
  <si>
    <t>212107</t>
  </si>
  <si>
    <t>271208</t>
  </si>
  <si>
    <t>842002</t>
  </si>
  <si>
    <t>700027</t>
  </si>
  <si>
    <t>560045</t>
  </si>
  <si>
    <t>560013</t>
  </si>
  <si>
    <t>673024</t>
  </si>
  <si>
    <t>500085</t>
  </si>
  <si>
    <t>271903</t>
  </si>
  <si>
    <t>803212</t>
  </si>
  <si>
    <t>125032</t>
  </si>
  <si>
    <t>691305</t>
  </si>
  <si>
    <t>627657</t>
  </si>
  <si>
    <t>221715</t>
  </si>
  <si>
    <t>224229</t>
  </si>
  <si>
    <t>753010</t>
  </si>
  <si>
    <t>518124</t>
  </si>
  <si>
    <t>124113</t>
  </si>
  <si>
    <t>125039</t>
  </si>
  <si>
    <t>754141</t>
  </si>
  <si>
    <t>271302</t>
  </si>
  <si>
    <t>271881</t>
  </si>
  <si>
    <t>500040</t>
  </si>
  <si>
    <t>425418</t>
  </si>
  <si>
    <t>425415</t>
  </si>
  <si>
    <t>271502</t>
  </si>
  <si>
    <t>670643</t>
  </si>
  <si>
    <t>603102</t>
  </si>
  <si>
    <t>209825</t>
  </si>
  <si>
    <t>110036</t>
  </si>
  <si>
    <t>627759</t>
  </si>
  <si>
    <t>380056</t>
  </si>
  <si>
    <t>171002</t>
  </si>
  <si>
    <t>488001</t>
  </si>
  <si>
    <t>843329</t>
  </si>
  <si>
    <t>423102</t>
  </si>
  <si>
    <t>123021</t>
  </si>
  <si>
    <t>423101</t>
  </si>
  <si>
    <t>422306</t>
  </si>
  <si>
    <t>274301</t>
  </si>
  <si>
    <t>211008</t>
  </si>
  <si>
    <t>641006</t>
  </si>
  <si>
    <t>484224</t>
  </si>
  <si>
    <t>484661</t>
  </si>
  <si>
    <t>333026</t>
  </si>
  <si>
    <t>335704</t>
  </si>
  <si>
    <t>641044</t>
  </si>
  <si>
    <t>493554</t>
  </si>
  <si>
    <t>123023</t>
  </si>
  <si>
    <t>125105</t>
  </si>
  <si>
    <t>507003</t>
  </si>
  <si>
    <t>494334</t>
  </si>
  <si>
    <t>301404</t>
  </si>
  <si>
    <t>507203</t>
  </si>
  <si>
    <t>500074</t>
  </si>
  <si>
    <t>734011</t>
  </si>
  <si>
    <t>581334</t>
  </si>
  <si>
    <t>274601</t>
  </si>
  <si>
    <t>206245</t>
  </si>
  <si>
    <t>518004</t>
  </si>
  <si>
    <t>423501</t>
  </si>
  <si>
    <t>682037</t>
  </si>
  <si>
    <t>680002</t>
  </si>
  <si>
    <t>768004</t>
  </si>
  <si>
    <t>686662</t>
  </si>
  <si>
    <t>686141</t>
  </si>
  <si>
    <t>311404</t>
  </si>
  <si>
    <t>505467</t>
  </si>
  <si>
    <t>110068</t>
  </si>
  <si>
    <t>521101</t>
  </si>
  <si>
    <t>766104</t>
  </si>
  <si>
    <t>261135</t>
  </si>
  <si>
    <t>560072</t>
  </si>
  <si>
    <t>673002</t>
  </si>
  <si>
    <t>335062</t>
  </si>
  <si>
    <t>443103</t>
  </si>
  <si>
    <t>171011</t>
  </si>
  <si>
    <t>414502</t>
  </si>
  <si>
    <t>641108</t>
  </si>
  <si>
    <t>411040</t>
  </si>
  <si>
    <t>530041</t>
  </si>
  <si>
    <t>524004</t>
  </si>
  <si>
    <t>560057</t>
  </si>
  <si>
    <t>362720</t>
  </si>
  <si>
    <t>833219</t>
  </si>
  <si>
    <t>560105</t>
  </si>
  <si>
    <t>452020</t>
  </si>
  <si>
    <t>413101</t>
  </si>
  <si>
    <t>422403</t>
  </si>
  <si>
    <t>414111</t>
  </si>
  <si>
    <t>416112</t>
  </si>
  <si>
    <t>501101</t>
  </si>
  <si>
    <t>191112</t>
  </si>
  <si>
    <t>831011</t>
  </si>
  <si>
    <t>110062</t>
  </si>
  <si>
    <t>335512</t>
  </si>
  <si>
    <t>242307</t>
  </si>
  <si>
    <t>273008</t>
  </si>
  <si>
    <t>505172</t>
  </si>
  <si>
    <t>600049</t>
  </si>
  <si>
    <t>121101</t>
  </si>
  <si>
    <t>440023</t>
  </si>
  <si>
    <t>303901</t>
  </si>
  <si>
    <t>760006</t>
  </si>
  <si>
    <t>443106</t>
  </si>
  <si>
    <t>500078</t>
  </si>
  <si>
    <t>246747</t>
  </si>
  <si>
    <t>800025</t>
  </si>
  <si>
    <t>394221</t>
  </si>
  <si>
    <t>762001</t>
  </si>
  <si>
    <t>227409</t>
  </si>
  <si>
    <t>284202</t>
  </si>
  <si>
    <t>221503</t>
  </si>
  <si>
    <t>284129</t>
  </si>
  <si>
    <t>222202</t>
  </si>
  <si>
    <t>246762</t>
  </si>
  <si>
    <t>243406</t>
  </si>
  <si>
    <t>788005</t>
  </si>
  <si>
    <t>560077</t>
  </si>
  <si>
    <t>456001</t>
  </si>
  <si>
    <t>465441</t>
  </si>
  <si>
    <t>342602</t>
  </si>
  <si>
    <t>313301</t>
  </si>
  <si>
    <t>621704</t>
  </si>
  <si>
    <t>384210</t>
  </si>
  <si>
    <t>560022</t>
  </si>
  <si>
    <t>500013</t>
  </si>
  <si>
    <t>232326</t>
  </si>
  <si>
    <t>522001</t>
  </si>
  <si>
    <t>497442</t>
  </si>
  <si>
    <t>495117</t>
  </si>
  <si>
    <t>443204</t>
  </si>
  <si>
    <t>246725</t>
  </si>
  <si>
    <t>110035</t>
  </si>
  <si>
    <t>751019</t>
  </si>
  <si>
    <t>232104</t>
  </si>
  <si>
    <t>524132</t>
  </si>
  <si>
    <t>680301</t>
  </si>
  <si>
    <t>445302</t>
  </si>
  <si>
    <t>224129</t>
  </si>
  <si>
    <t>212502</t>
  </si>
  <si>
    <t>382430</t>
  </si>
  <si>
    <t>500017</t>
  </si>
  <si>
    <t>813203</t>
  </si>
  <si>
    <t>231304</t>
  </si>
  <si>
    <t>203204</t>
  </si>
  <si>
    <t>414003</t>
  </si>
  <si>
    <t>500059</t>
  </si>
  <si>
    <t>500091</t>
  </si>
  <si>
    <t>524322</t>
  </si>
  <si>
    <t>491226</t>
  </si>
  <si>
    <t>362130</t>
  </si>
  <si>
    <t>172030</t>
  </si>
  <si>
    <t>673638</t>
  </si>
  <si>
    <t>283126</t>
  </si>
  <si>
    <t>500012</t>
  </si>
  <si>
    <t>523002</t>
  </si>
  <si>
    <t>791110</t>
  </si>
  <si>
    <t>497225</t>
  </si>
  <si>
    <t>174305</t>
  </si>
  <si>
    <t>176110</t>
  </si>
  <si>
    <t>303313</t>
  </si>
  <si>
    <t>332715</t>
  </si>
  <si>
    <t>281204</t>
  </si>
  <si>
    <t>230135</t>
  </si>
  <si>
    <t>110042</t>
  </si>
  <si>
    <t>756019</t>
  </si>
  <si>
    <t>173207</t>
  </si>
  <si>
    <t>410502</t>
  </si>
  <si>
    <t>306116</t>
  </si>
  <si>
    <t>509216</t>
  </si>
  <si>
    <t>273005</t>
  </si>
  <si>
    <t>250342</t>
  </si>
  <si>
    <t>534235</t>
  </si>
  <si>
    <t>712258</t>
  </si>
  <si>
    <t>841238</t>
  </si>
  <si>
    <t>751009</t>
  </si>
  <si>
    <t>500035</t>
  </si>
  <si>
    <t>700005</t>
  </si>
  <si>
    <t>508252</t>
  </si>
  <si>
    <t>500014</t>
  </si>
  <si>
    <t>495552</t>
  </si>
  <si>
    <t>495224</t>
  </si>
  <si>
    <t>494226</t>
  </si>
  <si>
    <t>413106</t>
  </si>
  <si>
    <t>282005</t>
  </si>
  <si>
    <t>283151</t>
  </si>
  <si>
    <t>852201</t>
  </si>
  <si>
    <t>362002</t>
  </si>
  <si>
    <t>126115</t>
  </si>
  <si>
    <t>431103</t>
  </si>
  <si>
    <t>423105</t>
  </si>
  <si>
    <t>443404</t>
  </si>
  <si>
    <t>410208</t>
  </si>
  <si>
    <t>762014</t>
  </si>
  <si>
    <t>343029</t>
  </si>
  <si>
    <t>341508</t>
  </si>
  <si>
    <t>509324</t>
  </si>
  <si>
    <t>243503</t>
  </si>
  <si>
    <t>560002</t>
  </si>
  <si>
    <t>502270</t>
  </si>
  <si>
    <t>712302</t>
  </si>
  <si>
    <t>700061</t>
  </si>
  <si>
    <t>210502</t>
  </si>
  <si>
    <t>209601</t>
  </si>
  <si>
    <t>802212</t>
  </si>
  <si>
    <t>841438</t>
  </si>
  <si>
    <t>445103</t>
  </si>
  <si>
    <t>422202</t>
  </si>
  <si>
    <t>444901</t>
  </si>
  <si>
    <t>413307</t>
  </si>
  <si>
    <t>284301</t>
  </si>
  <si>
    <t>261303</t>
  </si>
  <si>
    <t>248198</t>
  </si>
  <si>
    <t>691306</t>
  </si>
  <si>
    <t>781007</t>
  </si>
  <si>
    <t>208017</t>
  </si>
  <si>
    <t>243006</t>
  </si>
  <si>
    <t>125053</t>
  </si>
  <si>
    <t>121107</t>
  </si>
  <si>
    <t>173215</t>
  </si>
  <si>
    <t>175008</t>
  </si>
  <si>
    <t>173206</t>
  </si>
  <si>
    <t>247121</t>
  </si>
  <si>
    <t>221006</t>
  </si>
  <si>
    <t>249001</t>
  </si>
  <si>
    <t>171301</t>
  </si>
  <si>
    <t>413211</t>
  </si>
  <si>
    <t>262804</t>
  </si>
  <si>
    <t>501301</t>
  </si>
  <si>
    <t>700036</t>
  </si>
  <si>
    <t>360510</t>
  </si>
  <si>
    <t>737135</t>
  </si>
  <si>
    <t>212655</t>
  </si>
  <si>
    <t>441107</t>
  </si>
  <si>
    <t>143413</t>
  </si>
  <si>
    <t>212201</t>
  </si>
  <si>
    <t>751013</t>
  </si>
  <si>
    <t>226022</t>
  </si>
  <si>
    <t>413736</t>
  </si>
  <si>
    <t>281004</t>
  </si>
  <si>
    <t>247777</t>
  </si>
  <si>
    <t>211011</t>
  </si>
  <si>
    <t>143205</t>
  </si>
  <si>
    <t>495119</t>
  </si>
  <si>
    <t>530043</t>
  </si>
  <si>
    <t>534449</t>
  </si>
  <si>
    <t>531019</t>
  </si>
  <si>
    <t>700048</t>
  </si>
  <si>
    <t>700097</t>
  </si>
  <si>
    <t>796081</t>
  </si>
  <si>
    <t>313031</t>
  </si>
  <si>
    <t>225124</t>
  </si>
  <si>
    <t>767020</t>
  </si>
  <si>
    <t>422013</t>
  </si>
  <si>
    <t>462024</t>
  </si>
  <si>
    <t>477001</t>
  </si>
  <si>
    <t>462042</t>
  </si>
  <si>
    <t>484110</t>
  </si>
  <si>
    <t>464993</t>
  </si>
  <si>
    <t>441224</t>
  </si>
  <si>
    <t>700055</t>
  </si>
  <si>
    <t>283202</t>
  </si>
  <si>
    <t>483225</t>
  </si>
  <si>
    <t>474020</t>
  </si>
  <si>
    <t>682013</t>
  </si>
  <si>
    <t>685508</t>
  </si>
  <si>
    <t>463106</t>
  </si>
  <si>
    <t>575014</t>
  </si>
  <si>
    <t>390025</t>
  </si>
  <si>
    <t>390008</t>
  </si>
  <si>
    <t>625002</t>
  </si>
  <si>
    <t>273201</t>
  </si>
  <si>
    <t>423204</t>
  </si>
  <si>
    <t>421101</t>
  </si>
  <si>
    <t>587116</t>
  </si>
  <si>
    <t>563125</t>
  </si>
  <si>
    <t>456771</t>
  </si>
  <si>
    <t>303603</t>
  </si>
  <si>
    <t>440035</t>
  </si>
  <si>
    <t>410505</t>
  </si>
  <si>
    <t>800004</t>
  </si>
  <si>
    <t>322201</t>
  </si>
  <si>
    <t>249403</t>
  </si>
  <si>
    <t>560093</t>
  </si>
  <si>
    <t>229301</t>
  </si>
  <si>
    <t>262401</t>
  </si>
  <si>
    <t>302029</t>
  </si>
  <si>
    <t>793017</t>
  </si>
  <si>
    <t>312022</t>
  </si>
  <si>
    <t>201013</t>
  </si>
  <si>
    <t>415501</t>
  </si>
  <si>
    <t>781346</t>
  </si>
  <si>
    <t>759145</t>
  </si>
  <si>
    <t>272155</t>
  </si>
  <si>
    <t>500068</t>
  </si>
  <si>
    <t>442905</t>
  </si>
  <si>
    <t>509209</t>
  </si>
  <si>
    <t>441501</t>
  </si>
  <si>
    <t>764056</t>
  </si>
  <si>
    <t>221007</t>
  </si>
  <si>
    <t>221701</t>
  </si>
  <si>
    <t>756166</t>
  </si>
  <si>
    <t>752066</t>
  </si>
  <si>
    <t>229305</t>
  </si>
  <si>
    <t>273152</t>
  </si>
  <si>
    <t>221008</t>
  </si>
  <si>
    <t>229127</t>
  </si>
  <si>
    <t>226025</t>
  </si>
  <si>
    <t>261201</t>
  </si>
  <si>
    <t>307029</t>
  </si>
  <si>
    <t>302039</t>
  </si>
  <si>
    <t>209304</t>
  </si>
  <si>
    <t>627005</t>
  </si>
  <si>
    <t>691004</t>
  </si>
  <si>
    <t>211010</t>
  </si>
  <si>
    <t>752023</t>
  </si>
  <si>
    <t>273306</t>
  </si>
  <si>
    <t>465001</t>
  </si>
  <si>
    <t>208020</t>
  </si>
  <si>
    <t>229306</t>
  </si>
  <si>
    <t>271313</t>
  </si>
  <si>
    <t>225302</t>
  </si>
  <si>
    <t>233304</t>
  </si>
  <si>
    <t>262904</t>
  </si>
  <si>
    <t>272153</t>
  </si>
  <si>
    <t>272205</t>
  </si>
  <si>
    <t>224181</t>
  </si>
  <si>
    <t>522237</t>
  </si>
  <si>
    <t>416012</t>
  </si>
  <si>
    <t>832108</t>
  </si>
  <si>
    <t>524002</t>
  </si>
  <si>
    <t>700156</t>
  </si>
  <si>
    <t>226102</t>
  </si>
  <si>
    <t>221003</t>
  </si>
  <si>
    <t>721253</t>
  </si>
  <si>
    <t>800011</t>
  </si>
  <si>
    <t>577301</t>
  </si>
  <si>
    <t>829110</t>
  </si>
  <si>
    <t>124514</t>
  </si>
  <si>
    <t>713103</t>
  </si>
  <si>
    <t>221311</t>
  </si>
  <si>
    <t>620017</t>
  </si>
  <si>
    <t>679577</t>
  </si>
  <si>
    <t>422210</t>
  </si>
  <si>
    <t>577213</t>
  </si>
  <si>
    <t>412101</t>
  </si>
  <si>
    <t>277303</t>
  </si>
  <si>
    <t>422102</t>
  </si>
  <si>
    <t>422206</t>
  </si>
  <si>
    <t>689622</t>
  </si>
  <si>
    <t>563130</t>
  </si>
  <si>
    <t>562125</t>
  </si>
  <si>
    <t>242042</t>
  </si>
  <si>
    <t>688561</t>
  </si>
  <si>
    <t>403004</t>
  </si>
  <si>
    <t>471201</t>
  </si>
  <si>
    <t>415004</t>
  </si>
  <si>
    <t>678002</t>
  </si>
  <si>
    <t>456443</t>
  </si>
  <si>
    <t>495663</t>
  </si>
  <si>
    <t>713128</t>
  </si>
  <si>
    <t>303905</t>
  </si>
  <si>
    <t>303012</t>
  </si>
  <si>
    <t>391165</t>
  </si>
  <si>
    <t>396002</t>
  </si>
  <si>
    <t>147002</t>
  </si>
  <si>
    <t>244712</t>
  </si>
  <si>
    <t>152121</t>
  </si>
  <si>
    <t>304502</t>
  </si>
  <si>
    <t>530018</t>
  </si>
  <si>
    <t>828110</t>
  </si>
  <si>
    <t>520004</t>
  </si>
  <si>
    <t>451556</t>
  </si>
  <si>
    <t>422001</t>
  </si>
  <si>
    <t>563101</t>
  </si>
  <si>
    <t>533346</t>
  </si>
  <si>
    <t>521137</t>
  </si>
  <si>
    <t>574150</t>
  </si>
  <si>
    <t>396235</t>
  </si>
  <si>
    <t>695121</t>
  </si>
  <si>
    <t>501203</t>
  </si>
  <si>
    <t>767033</t>
  </si>
  <si>
    <t>285205</t>
  </si>
  <si>
    <t>766107</t>
  </si>
  <si>
    <t>560091</t>
  </si>
  <si>
    <t>691501</t>
  </si>
  <si>
    <t>581111</t>
  </si>
  <si>
    <t>334603</t>
  </si>
  <si>
    <t>502278</t>
  </si>
  <si>
    <t>523155</t>
  </si>
  <si>
    <t>462026</t>
  </si>
  <si>
    <t>241504</t>
  </si>
  <si>
    <t>486889</t>
  </si>
  <si>
    <t>570016</t>
  </si>
  <si>
    <t>682042</t>
  </si>
  <si>
    <t>387370</t>
  </si>
  <si>
    <t>613004</t>
  </si>
  <si>
    <t>638002</t>
  </si>
  <si>
    <t>781371</t>
  </si>
  <si>
    <t>204215</t>
  </si>
  <si>
    <t>784521</t>
  </si>
  <si>
    <t>382470</t>
  </si>
  <si>
    <t>600048</t>
  </si>
  <si>
    <t>492006</t>
  </si>
  <si>
    <t>460553</t>
  </si>
  <si>
    <t>484774</t>
  </si>
  <si>
    <t>455118</t>
  </si>
  <si>
    <t>767002</t>
  </si>
  <si>
    <t>415206</t>
  </si>
  <si>
    <t>425306</t>
  </si>
  <si>
    <t>342023</t>
  </si>
  <si>
    <t>334023</t>
  </si>
  <si>
    <t>263645</t>
  </si>
  <si>
    <t>535270</t>
  </si>
  <si>
    <t>522002</t>
  </si>
  <si>
    <t>533406</t>
  </si>
  <si>
    <t>453441</t>
  </si>
  <si>
    <t>464881</t>
  </si>
  <si>
    <t>380023</t>
  </si>
  <si>
    <t>606604</t>
  </si>
  <si>
    <t>382418</t>
  </si>
  <si>
    <t>342011</t>
  </si>
  <si>
    <t>313603</t>
  </si>
  <si>
    <t>231225</t>
  </si>
  <si>
    <t>700104</t>
  </si>
  <si>
    <t>431003</t>
  </si>
  <si>
    <t>444607</t>
  </si>
  <si>
    <t>691010</t>
  </si>
  <si>
    <t>305802</t>
  </si>
  <si>
    <t>249304</t>
  </si>
  <si>
    <t>422203</t>
  </si>
  <si>
    <t>201009</t>
  </si>
  <si>
    <t>425305</t>
  </si>
  <si>
    <t>321203</t>
  </si>
  <si>
    <t>577126</t>
  </si>
  <si>
    <t>796005</t>
  </si>
  <si>
    <t>751018</t>
  </si>
  <si>
    <t>695018</t>
  </si>
  <si>
    <t>403722</t>
  </si>
  <si>
    <t>415508</t>
  </si>
  <si>
    <t>686004</t>
  </si>
  <si>
    <t>695008</t>
  </si>
  <si>
    <t>575006</t>
  </si>
  <si>
    <t>491445</t>
  </si>
  <si>
    <t>695541</t>
  </si>
  <si>
    <t>313002</t>
  </si>
  <si>
    <t>413507</t>
  </si>
  <si>
    <t>500075</t>
  </si>
  <si>
    <t>607803</t>
  </si>
  <si>
    <t>754025</t>
  </si>
  <si>
    <t>636007</t>
  </si>
  <si>
    <t>600125</t>
  </si>
  <si>
    <t>641017</t>
  </si>
  <si>
    <t>785614</t>
  </si>
  <si>
    <t>482004</t>
  </si>
  <si>
    <t>784110</t>
  </si>
  <si>
    <t>614616</t>
  </si>
  <si>
    <t>601201</t>
  </si>
  <si>
    <t>382405</t>
  </si>
  <si>
    <t>600059</t>
  </si>
  <si>
    <t>625018</t>
  </si>
  <si>
    <t>501504</t>
  </si>
  <si>
    <t>713201</t>
  </si>
  <si>
    <t>600077</t>
  </si>
  <si>
    <t>638051</t>
  </si>
  <si>
    <t>641109</t>
  </si>
  <si>
    <t>756002</t>
  </si>
  <si>
    <t>768003</t>
  </si>
  <si>
    <t>600070</t>
  </si>
  <si>
    <t>322241</t>
  </si>
  <si>
    <t>335037</t>
  </si>
  <si>
    <t>769012</t>
  </si>
  <si>
    <t>411011</t>
  </si>
  <si>
    <t>466331</t>
  </si>
  <si>
    <t>421306</t>
  </si>
  <si>
    <t>625501</t>
  </si>
  <si>
    <t>335707</t>
  </si>
  <si>
    <t>321602</t>
  </si>
  <si>
    <t>632009</t>
  </si>
  <si>
    <t>422606</t>
  </si>
  <si>
    <t>734003</t>
  </si>
  <si>
    <t>621211</t>
  </si>
  <si>
    <t>515801</t>
  </si>
  <si>
    <t>577427</t>
  </si>
  <si>
    <t>502032</t>
  </si>
  <si>
    <t>600031</t>
  </si>
  <si>
    <t>387130</t>
  </si>
  <si>
    <t>248142</t>
  </si>
  <si>
    <t>203393</t>
  </si>
  <si>
    <t>600014</t>
  </si>
  <si>
    <t>249410</t>
  </si>
  <si>
    <t>174013</t>
  </si>
  <si>
    <t>271855</t>
  </si>
  <si>
    <t>249408</t>
  </si>
  <si>
    <t>180011</t>
  </si>
  <si>
    <t>686661</t>
  </si>
  <si>
    <t>781008</t>
  </si>
  <si>
    <t>424205</t>
  </si>
  <si>
    <t>786181</t>
  </si>
  <si>
    <t>586101</t>
  </si>
  <si>
    <t>788819</t>
  </si>
  <si>
    <t>451228</t>
  </si>
  <si>
    <t>473226</t>
  </si>
  <si>
    <t>625532</t>
  </si>
  <si>
    <t>413502</t>
  </si>
  <si>
    <t>470226</t>
  </si>
  <si>
    <t>534112</t>
  </si>
  <si>
    <t>402303</t>
  </si>
  <si>
    <t>203395</t>
  </si>
  <si>
    <t>390013</t>
  </si>
  <si>
    <t>455223</t>
  </si>
  <si>
    <t>473770</t>
  </si>
  <si>
    <t>461441</t>
  </si>
  <si>
    <t>712248</t>
  </si>
  <si>
    <t>465691</t>
  </si>
  <si>
    <t>700067</t>
  </si>
  <si>
    <t>458330</t>
  </si>
  <si>
    <t>461771</t>
  </si>
  <si>
    <t>461661</t>
  </si>
  <si>
    <t>480886</t>
  </si>
  <si>
    <t>412206</t>
  </si>
  <si>
    <t>444501</t>
  </si>
  <si>
    <t>470117</t>
  </si>
  <si>
    <t>480115</t>
  </si>
  <si>
    <t>403701</t>
  </si>
  <si>
    <t>799003</t>
  </si>
  <si>
    <t>799155</t>
  </si>
  <si>
    <t>713343</t>
  </si>
  <si>
    <t>600012</t>
  </si>
  <si>
    <t>560059</t>
  </si>
  <si>
    <t>583229</t>
  </si>
  <si>
    <t>585211</t>
  </si>
  <si>
    <t>247451</t>
  </si>
  <si>
    <t>508277</t>
  </si>
  <si>
    <t>731123</t>
  </si>
  <si>
    <t>207302</t>
  </si>
  <si>
    <t>562107</t>
  </si>
  <si>
    <t>500092</t>
  </si>
  <si>
    <t>766015</t>
  </si>
  <si>
    <t>761010</t>
  </si>
  <si>
    <t>221204</t>
  </si>
  <si>
    <t>389170</t>
  </si>
  <si>
    <t>444108</t>
  </si>
  <si>
    <t>584123</t>
  </si>
  <si>
    <t>431154</t>
  </si>
  <si>
    <t>473885</t>
  </si>
  <si>
    <t>781038</t>
  </si>
  <si>
    <t>495445</t>
  </si>
  <si>
    <t>263136</t>
  </si>
  <si>
    <t>312025</t>
  </si>
  <si>
    <t>493441</t>
  </si>
  <si>
    <t>445203</t>
  </si>
  <si>
    <t>480221</t>
  </si>
  <si>
    <t>441207</t>
  </si>
  <si>
    <t>464668</t>
  </si>
  <si>
    <t>583121</t>
  </si>
  <si>
    <t>480551</t>
  </si>
  <si>
    <t>201313</t>
  </si>
  <si>
    <t>577429</t>
  </si>
  <si>
    <t>586128</t>
  </si>
  <si>
    <t>326038</t>
  </si>
  <si>
    <t>585310</t>
  </si>
  <si>
    <t>682011</t>
  </si>
  <si>
    <t>534007</t>
  </si>
  <si>
    <t>682026</t>
  </si>
  <si>
    <t>636010</t>
  </si>
  <si>
    <t>180013</t>
  </si>
  <si>
    <t>834003</t>
  </si>
  <si>
    <t>145026</t>
  </si>
  <si>
    <t>506003</t>
  </si>
  <si>
    <t>600119</t>
  </si>
  <si>
    <t>577006</t>
  </si>
  <si>
    <t>176083</t>
  </si>
  <si>
    <t>734004</t>
  </si>
  <si>
    <t>691003</t>
  </si>
  <si>
    <t>262523</t>
  </si>
  <si>
    <t>571236</t>
  </si>
  <si>
    <t>142028</t>
  </si>
  <si>
    <t>402106</t>
  </si>
  <si>
    <t>226028</t>
  </si>
  <si>
    <t>768027</t>
  </si>
  <si>
    <t>262402</t>
  </si>
  <si>
    <t>262524</t>
  </si>
  <si>
    <t>759125</t>
  </si>
  <si>
    <t>500061</t>
  </si>
  <si>
    <t>461990</t>
  </si>
  <si>
    <t>422006</t>
  </si>
  <si>
    <t>641008</t>
  </si>
  <si>
    <t>313027</t>
  </si>
  <si>
    <t>493889</t>
  </si>
  <si>
    <t>635207</t>
  </si>
  <si>
    <t>522006</t>
  </si>
  <si>
    <t>172021</t>
  </si>
  <si>
    <t>627007</t>
  </si>
  <si>
    <t>500077</t>
  </si>
  <si>
    <t>621306</t>
  </si>
  <si>
    <t>636903</t>
  </si>
  <si>
    <t>636455</t>
  </si>
  <si>
    <t>496224</t>
  </si>
  <si>
    <t>515671</t>
  </si>
  <si>
    <t>491223</t>
  </si>
  <si>
    <t>497111</t>
  </si>
  <si>
    <t>491331</t>
  </si>
  <si>
    <t>425310</t>
  </si>
  <si>
    <t>445206</t>
  </si>
  <si>
    <t>444506</t>
  </si>
  <si>
    <t>493449</t>
  </si>
  <si>
    <t>577132</t>
  </si>
  <si>
    <t>682035</t>
  </si>
  <si>
    <t>262311</t>
  </si>
  <si>
    <t>585104</t>
  </si>
  <si>
    <t>621802</t>
  </si>
  <si>
    <t>457114</t>
  </si>
  <si>
    <t>785690</t>
  </si>
  <si>
    <t>411023</t>
  </si>
  <si>
    <t>382345</t>
  </si>
  <si>
    <t>500052</t>
  </si>
  <si>
    <t>742103</t>
  </si>
  <si>
    <t>700025</t>
  </si>
  <si>
    <t>535001</t>
  </si>
  <si>
    <t>121006</t>
  </si>
  <si>
    <t>573115</t>
  </si>
  <si>
    <t>400091</t>
  </si>
  <si>
    <t>732103</t>
  </si>
  <si>
    <t>412805</t>
  </si>
  <si>
    <t>486771</t>
  </si>
  <si>
    <t>441802</t>
  </si>
  <si>
    <t>412205</t>
  </si>
  <si>
    <t>485775</t>
  </si>
  <si>
    <t>174307</t>
  </si>
  <si>
    <t>412105</t>
  </si>
  <si>
    <t>575008</t>
  </si>
  <si>
    <t>580021</t>
  </si>
  <si>
    <t>689695</t>
  </si>
  <si>
    <t>486445</t>
  </si>
  <si>
    <t>262309</t>
  </si>
  <si>
    <t>425404</t>
  </si>
  <si>
    <t>402108</t>
  </si>
  <si>
    <t>454331</t>
  </si>
  <si>
    <t>571440</t>
  </si>
  <si>
    <t>226501</t>
  </si>
  <si>
    <t>700060</t>
  </si>
  <si>
    <t>421605</t>
  </si>
  <si>
    <t>261131</t>
  </si>
  <si>
    <t>507165</t>
  </si>
  <si>
    <t>682304</t>
  </si>
  <si>
    <t>518599</t>
  </si>
  <si>
    <t>494661</t>
  </si>
  <si>
    <t>689691</t>
  </si>
  <si>
    <t>585102</t>
  </si>
  <si>
    <t>673571</t>
  </si>
  <si>
    <t>313324</t>
  </si>
  <si>
    <t>335073</t>
  </si>
  <si>
    <t>421506</t>
  </si>
  <si>
    <t>180004</t>
  </si>
  <si>
    <t>412211</t>
  </si>
  <si>
    <t>486331</t>
  </si>
  <si>
    <t>580030</t>
  </si>
  <si>
    <t>577005</t>
  </si>
  <si>
    <t>496331</t>
  </si>
  <si>
    <t>577205</t>
  </si>
  <si>
    <t>497119</t>
  </si>
  <si>
    <t>583103</t>
  </si>
  <si>
    <t>620102</t>
  </si>
  <si>
    <t>504201</t>
  </si>
  <si>
    <t>272170</t>
  </si>
  <si>
    <t>530003</t>
  </si>
  <si>
    <t>143526</t>
  </si>
  <si>
    <t>495113</t>
  </si>
  <si>
    <t>515401</t>
  </si>
  <si>
    <t>465661</t>
  </si>
  <si>
    <t>530046</t>
  </si>
  <si>
    <t>462038</t>
  </si>
  <si>
    <t>604202</t>
  </si>
  <si>
    <t>495442</t>
  </si>
  <si>
    <t>461228</t>
  </si>
  <si>
    <t>465697</t>
  </si>
  <si>
    <t>600114</t>
  </si>
  <si>
    <t>483113</t>
  </si>
  <si>
    <t>518001</t>
  </si>
  <si>
    <t>470229</t>
  </si>
  <si>
    <t>389380</t>
  </si>
  <si>
    <t>483220</t>
  </si>
  <si>
    <t>243701</t>
  </si>
  <si>
    <t>203201</t>
  </si>
  <si>
    <t>445202</t>
  </si>
  <si>
    <t>440009</t>
  </si>
  <si>
    <t>210201</t>
  </si>
  <si>
    <t>560049</t>
  </si>
  <si>
    <t>425303</t>
  </si>
  <si>
    <t>281401</t>
  </si>
  <si>
    <t>670004</t>
  </si>
  <si>
    <t>626125</t>
  </si>
  <si>
    <t>171001</t>
  </si>
  <si>
    <t>207247</t>
  </si>
  <si>
    <t>206121</t>
  </si>
  <si>
    <t>400088</t>
  </si>
  <si>
    <t>431007</t>
  </si>
  <si>
    <t>391101</t>
  </si>
  <si>
    <t>227201</t>
  </si>
  <si>
    <t>577217</t>
  </si>
  <si>
    <t>570008</t>
  </si>
  <si>
    <t>301405</t>
  </si>
  <si>
    <t>464886</t>
  </si>
  <si>
    <t>590001</t>
  </si>
  <si>
    <t>382350</t>
  </si>
  <si>
    <t>586209</t>
  </si>
  <si>
    <t>785104</t>
  </si>
  <si>
    <t>518401</t>
  </si>
  <si>
    <t>516434</t>
  </si>
  <si>
    <t>321606</t>
  </si>
  <si>
    <t>494331</t>
  </si>
  <si>
    <t>342006</t>
  </si>
  <si>
    <t>635104</t>
  </si>
  <si>
    <t>313011</t>
  </si>
  <si>
    <t>629161</t>
  </si>
  <si>
    <t>210421</t>
  </si>
  <si>
    <t>342303</t>
  </si>
  <si>
    <t>221104</t>
  </si>
  <si>
    <t>143022</t>
  </si>
  <si>
    <t>249204</t>
  </si>
  <si>
    <t>305003</t>
  </si>
  <si>
    <t>603110</t>
  </si>
  <si>
    <t>460661</t>
  </si>
  <si>
    <t>520002</t>
  </si>
  <si>
    <t>496225</t>
  </si>
  <si>
    <t>302006</t>
  </si>
  <si>
    <t>415301</t>
  </si>
  <si>
    <t>465669</t>
  </si>
  <si>
    <t>471606</t>
  </si>
  <si>
    <t>464770</t>
  </si>
  <si>
    <t>623707</t>
  </si>
  <si>
    <t>452003</t>
  </si>
  <si>
    <t>458883</t>
  </si>
  <si>
    <t>487118</t>
  </si>
  <si>
    <t>761105</t>
  </si>
  <si>
    <t>457773</t>
  </si>
  <si>
    <t xml:space="preserve">132001
</t>
  </si>
  <si>
    <t>534425</t>
  </si>
  <si>
    <t>560099</t>
  </si>
  <si>
    <t>600093</t>
  </si>
  <si>
    <t>601204</t>
  </si>
  <si>
    <t>600098</t>
  </si>
  <si>
    <t>600054</t>
  </si>
  <si>
    <t>122008</t>
  </si>
  <si>
    <t>532421</t>
  </si>
  <si>
    <t>211012</t>
  </si>
  <si>
    <t>176048</t>
  </si>
  <si>
    <t>245205</t>
  </si>
  <si>
    <t>324010</t>
  </si>
  <si>
    <t>412115</t>
  </si>
  <si>
    <t>176095</t>
  </si>
  <si>
    <t>232327</t>
  </si>
  <si>
    <t>247656</t>
  </si>
  <si>
    <t>233222</t>
  </si>
  <si>
    <t>431702</t>
  </si>
  <si>
    <t>784115</t>
  </si>
  <si>
    <t>443402</t>
  </si>
  <si>
    <t>620003</t>
  </si>
  <si>
    <t>500048</t>
  </si>
  <si>
    <t>828109</t>
  </si>
  <si>
    <t>768005</t>
  </si>
  <si>
    <t>335523</t>
  </si>
  <si>
    <t>815351</t>
  </si>
  <si>
    <t>583212</t>
  </si>
  <si>
    <t>249407</t>
  </si>
  <si>
    <t>363001</t>
  </si>
  <si>
    <t>700141</t>
  </si>
  <si>
    <t>518422</t>
  </si>
  <si>
    <t>324001</t>
  </si>
  <si>
    <t>639001</t>
  </si>
  <si>
    <t>572216</t>
  </si>
  <si>
    <t>560074</t>
  </si>
  <si>
    <t>572130</t>
  </si>
  <si>
    <t>682306</t>
  </si>
  <si>
    <t>246443</t>
  </si>
  <si>
    <t>509228</t>
  </si>
  <si>
    <t>576213</t>
  </si>
  <si>
    <t>642109</t>
  </si>
  <si>
    <t>522034</t>
  </si>
  <si>
    <t>524121</t>
  </si>
  <si>
    <t>176027</t>
  </si>
  <si>
    <t>783360</t>
  </si>
  <si>
    <t>502334</t>
  </si>
  <si>
    <t>520011</t>
  </si>
  <si>
    <t>500043</t>
  </si>
  <si>
    <t>477116</t>
  </si>
  <si>
    <t>380016</t>
  </si>
  <si>
    <t>475335</t>
  </si>
  <si>
    <t>845455</t>
  </si>
  <si>
    <t>226020</t>
  </si>
  <si>
    <t>201309</t>
  </si>
  <si>
    <t>642104</t>
  </si>
  <si>
    <t>410205</t>
  </si>
  <si>
    <t>143414</t>
  </si>
  <si>
    <t>143107</t>
  </si>
  <si>
    <t>414005</t>
  </si>
  <si>
    <t>121005</t>
  </si>
  <si>
    <t>143506</t>
  </si>
  <si>
    <t>143507</t>
  </si>
  <si>
    <t>535218</t>
  </si>
  <si>
    <t>326502</t>
  </si>
  <si>
    <t>241124</t>
  </si>
  <si>
    <t>241302</t>
  </si>
  <si>
    <t>344024</t>
  </si>
  <si>
    <t>641659</t>
  </si>
  <si>
    <t>147102</t>
  </si>
  <si>
    <t>641666</t>
  </si>
  <si>
    <t>273016</t>
  </si>
  <si>
    <t>311021</t>
  </si>
  <si>
    <t>148106</t>
  </si>
  <si>
    <t>562160</t>
  </si>
  <si>
    <t>600015</t>
  </si>
  <si>
    <t>571426</t>
  </si>
  <si>
    <t>585301</t>
  </si>
  <si>
    <t>572137</t>
  </si>
  <si>
    <t>141108</t>
  </si>
  <si>
    <t>431109</t>
  </si>
  <si>
    <t>431603</t>
  </si>
  <si>
    <t>585403</t>
  </si>
  <si>
    <t>151205</t>
  </si>
  <si>
    <t>146116</t>
  </si>
  <si>
    <t>142049</t>
  </si>
  <si>
    <t>345021</t>
  </si>
  <si>
    <t>482020</t>
  </si>
  <si>
    <t>452014</t>
  </si>
  <si>
    <t>413216</t>
  </si>
  <si>
    <t>231211</t>
  </si>
  <si>
    <t>490042</t>
  </si>
  <si>
    <t>521230</t>
  </si>
  <si>
    <t>482003</t>
  </si>
  <si>
    <t>638111</t>
  </si>
  <si>
    <t xml:space="preserve">263153
</t>
  </si>
  <si>
    <t>641663</t>
  </si>
  <si>
    <t>627011</t>
  </si>
  <si>
    <t>631605</t>
  </si>
  <si>
    <t>152003</t>
  </si>
  <si>
    <t>700122</t>
  </si>
  <si>
    <t>487221</t>
  </si>
  <si>
    <t>583131</t>
  </si>
  <si>
    <t>535558</t>
  </si>
  <si>
    <t>142058</t>
  </si>
  <si>
    <t>413213</t>
  </si>
  <si>
    <t>456224</t>
  </si>
  <si>
    <t>245206</t>
  </si>
  <si>
    <t>201007</t>
  </si>
  <si>
    <t>212104</t>
  </si>
  <si>
    <t>712405</t>
  </si>
  <si>
    <t>791120</t>
  </si>
  <si>
    <t>496445</t>
  </si>
  <si>
    <t>532185</t>
  </si>
  <si>
    <t>493335</t>
  </si>
  <si>
    <t>734429</t>
  </si>
  <si>
    <t>580009</t>
  </si>
  <si>
    <t>695034</t>
  </si>
  <si>
    <t>304001</t>
  </si>
  <si>
    <t>587312</t>
  </si>
  <si>
    <t>584122</t>
  </si>
  <si>
    <t>423702</t>
  </si>
  <si>
    <t>274401</t>
  </si>
  <si>
    <t>455332</t>
  </si>
  <si>
    <t>380028</t>
  </si>
  <si>
    <t>700105</t>
  </si>
  <si>
    <t>700099</t>
  </si>
  <si>
    <t>202124</t>
  </si>
  <si>
    <t>600099</t>
  </si>
  <si>
    <t>641021</t>
  </si>
  <si>
    <t>834008</t>
  </si>
  <si>
    <t>641652</t>
  </si>
  <si>
    <t>534134</t>
  </si>
  <si>
    <t>691571</t>
  </si>
  <si>
    <t>263160</t>
  </si>
  <si>
    <t>670703</t>
  </si>
  <si>
    <t>673525</t>
  </si>
  <si>
    <t>601203</t>
  </si>
  <si>
    <t>476111</t>
  </si>
  <si>
    <t>783390</t>
  </si>
  <si>
    <t>231215</t>
  </si>
  <si>
    <t>523169</t>
  </si>
  <si>
    <t>171210</t>
  </si>
  <si>
    <t>734221</t>
  </si>
  <si>
    <t>768203</t>
  </si>
  <si>
    <t>695501</t>
  </si>
  <si>
    <t>491661</t>
  </si>
  <si>
    <t>148025</t>
  </si>
  <si>
    <t>560026</t>
  </si>
  <si>
    <t>695029</t>
  </si>
  <si>
    <t>431127</t>
  </si>
  <si>
    <t>431204</t>
  </si>
  <si>
    <t>473660</t>
  </si>
  <si>
    <t>721659</t>
  </si>
  <si>
    <t>458110</t>
  </si>
  <si>
    <t>638182</t>
  </si>
  <si>
    <t>465683</t>
  </si>
  <si>
    <t>494669</t>
  </si>
  <si>
    <t>274702</t>
  </si>
  <si>
    <t>670692</t>
  </si>
  <si>
    <t>641025</t>
  </si>
  <si>
    <t>628008</t>
  </si>
  <si>
    <t>673639</t>
  </si>
  <si>
    <t>247774</t>
  </si>
  <si>
    <t>248125</t>
  </si>
  <si>
    <t>700008</t>
  </si>
  <si>
    <t>485446</t>
  </si>
  <si>
    <t>302034</t>
  </si>
  <si>
    <t>250103</t>
  </si>
  <si>
    <t>508248</t>
  </si>
  <si>
    <t>711403</t>
  </si>
  <si>
    <t>248197</t>
  </si>
  <si>
    <t>534101</t>
  </si>
  <si>
    <t>695572</t>
  </si>
  <si>
    <t>641004</t>
  </si>
  <si>
    <t>495115</t>
  </si>
  <si>
    <t>382011</t>
  </si>
  <si>
    <t>473446</t>
  </si>
  <si>
    <t>470227</t>
  </si>
  <si>
    <t>452012</t>
  </si>
  <si>
    <t>451331</t>
  </si>
  <si>
    <t>605110</t>
  </si>
  <si>
    <t>576102</t>
  </si>
  <si>
    <t>534202</t>
  </si>
  <si>
    <t>482005</t>
  </si>
  <si>
    <t>494337</t>
  </si>
  <si>
    <t>533005</t>
  </si>
  <si>
    <t>274404</t>
  </si>
  <si>
    <t>497226</t>
  </si>
  <si>
    <t>481331</t>
  </si>
  <si>
    <t>244921</t>
  </si>
  <si>
    <t>341509</t>
  </si>
  <si>
    <t>394107</t>
  </si>
  <si>
    <t>246172</t>
  </si>
  <si>
    <t>570001</t>
  </si>
  <si>
    <t>175011</t>
  </si>
  <si>
    <t>758032</t>
  </si>
  <si>
    <t>324009</t>
  </si>
  <si>
    <t>754240</t>
  </si>
  <si>
    <t>782105</t>
  </si>
  <si>
    <t>249145</t>
  </si>
  <si>
    <t>470775</t>
  </si>
  <si>
    <t>521333</t>
  </si>
  <si>
    <t>673010</t>
  </si>
  <si>
    <t>302005</t>
  </si>
  <si>
    <t>533435</t>
  </si>
  <si>
    <t>501506</t>
  </si>
  <si>
    <t>516002</t>
  </si>
  <si>
    <t>171208</t>
  </si>
  <si>
    <t>521366</t>
  </si>
  <si>
    <t>521151</t>
  </si>
  <si>
    <t>226031</t>
  </si>
  <si>
    <t>638012</t>
  </si>
  <si>
    <t>494449</t>
  </si>
  <si>
    <t>504293</t>
  </si>
  <si>
    <t>342601</t>
  </si>
  <si>
    <t>751020</t>
  </si>
  <si>
    <t>521121</t>
  </si>
  <si>
    <t>176401</t>
  </si>
  <si>
    <t>522202</t>
  </si>
  <si>
    <t>523274</t>
  </si>
  <si>
    <t>561202</t>
  </si>
  <si>
    <t>331304</t>
  </si>
  <si>
    <t>571602</t>
  </si>
  <si>
    <t>522005</t>
  </si>
  <si>
    <t>523247</t>
  </si>
  <si>
    <t>784509</t>
  </si>
  <si>
    <t>535145</t>
  </si>
  <si>
    <t>600062</t>
  </si>
  <si>
    <t xml:space="preserve">364002
</t>
  </si>
  <si>
    <t>506343</t>
  </si>
  <si>
    <t>500058</t>
  </si>
  <si>
    <t>590008</t>
  </si>
  <si>
    <t>600117</t>
  </si>
  <si>
    <t>600126</t>
  </si>
  <si>
    <t>743235</t>
  </si>
  <si>
    <t>812005</t>
  </si>
  <si>
    <t>700052</t>
  </si>
  <si>
    <t>334401</t>
  </si>
  <si>
    <t>676304</t>
  </si>
  <si>
    <t>172026</t>
  </si>
  <si>
    <t>600043</t>
  </si>
  <si>
    <t>313802</t>
  </si>
  <si>
    <t>600122</t>
  </si>
  <si>
    <t>574238</t>
  </si>
  <si>
    <t>630606</t>
  </si>
  <si>
    <t>607003</t>
  </si>
  <si>
    <t>600058</t>
  </si>
  <si>
    <t>721428</t>
  </si>
  <si>
    <t>560096</t>
  </si>
  <si>
    <t>576112</t>
  </si>
  <si>
    <t>305004</t>
  </si>
  <si>
    <t>623526</t>
  </si>
  <si>
    <t>695582</t>
  </si>
  <si>
    <t>530012</t>
  </si>
  <si>
    <t>534313</t>
  </si>
  <si>
    <t>518101</t>
  </si>
  <si>
    <t>834004</t>
  </si>
  <si>
    <t>520010</t>
  </si>
  <si>
    <t>531162</t>
  </si>
  <si>
    <t>641015</t>
  </si>
  <si>
    <t>301411</t>
  </si>
  <si>
    <t>733201</t>
  </si>
  <si>
    <t>671313</t>
  </si>
  <si>
    <t>641653</t>
  </si>
  <si>
    <t>201002</t>
  </si>
  <si>
    <t>212303</t>
  </si>
  <si>
    <t>400095</t>
  </si>
  <si>
    <t>673602</t>
  </si>
  <si>
    <t>151506</t>
  </si>
  <si>
    <t>603203</t>
  </si>
  <si>
    <t>231305</t>
  </si>
  <si>
    <t>643217</t>
  </si>
  <si>
    <t>324003</t>
  </si>
  <si>
    <t>333031</t>
  </si>
  <si>
    <t>248002</t>
  </si>
  <si>
    <t>175045</t>
  </si>
  <si>
    <t>323613</t>
  </si>
  <si>
    <t>401201</t>
  </si>
  <si>
    <t>678508</t>
  </si>
  <si>
    <t>490036</t>
  </si>
  <si>
    <t>760001</t>
  </si>
  <si>
    <t>602024</t>
  </si>
  <si>
    <t>829206</t>
  </si>
  <si>
    <t>273012</t>
  </si>
  <si>
    <t>826004</t>
  </si>
  <si>
    <t>332404</t>
  </si>
  <si>
    <t>700045</t>
  </si>
  <si>
    <t>761020</t>
  </si>
  <si>
    <t>768222</t>
  </si>
  <si>
    <t>575013</t>
  </si>
  <si>
    <t>678006</t>
  </si>
  <si>
    <t>574214</t>
  </si>
  <si>
    <t>212108</t>
  </si>
  <si>
    <t>262308</t>
  </si>
  <si>
    <t>226201</t>
  </si>
  <si>
    <t>680006</t>
  </si>
  <si>
    <t>501510</t>
  </si>
  <si>
    <t>508211</t>
  </si>
  <si>
    <t>462023</t>
  </si>
  <si>
    <t>452017</t>
  </si>
  <si>
    <t>323601</t>
  </si>
  <si>
    <t>325202</t>
  </si>
  <si>
    <t>325218</t>
  </si>
  <si>
    <t>844121</t>
  </si>
  <si>
    <t>828202</t>
  </si>
  <si>
    <t>534201</t>
  </si>
  <si>
    <t>275305</t>
  </si>
  <si>
    <t>400011</t>
  </si>
  <si>
    <t>676519</t>
  </si>
  <si>
    <t>457661</t>
  </si>
  <si>
    <t>625006</t>
  </si>
  <si>
    <t>313205</t>
  </si>
  <si>
    <t>333042</t>
  </si>
  <si>
    <t>314025</t>
  </si>
  <si>
    <t>242221</t>
  </si>
  <si>
    <t>110061</t>
  </si>
  <si>
    <t>247663</t>
  </si>
  <si>
    <t>233305</t>
  </si>
  <si>
    <t>415521</t>
  </si>
  <si>
    <t>713408</t>
  </si>
  <si>
    <t>756042</t>
  </si>
  <si>
    <t>222143</t>
  </si>
  <si>
    <t>226006</t>
  </si>
  <si>
    <t>600039</t>
  </si>
  <si>
    <t>761115</t>
  </si>
  <si>
    <t>761133</t>
  </si>
  <si>
    <t>312202</t>
  </si>
  <si>
    <t>343041</t>
  </si>
  <si>
    <t>493663</t>
  </si>
  <si>
    <t>301402</t>
  </si>
  <si>
    <t>700096</t>
  </si>
  <si>
    <t>123503</t>
  </si>
  <si>
    <t>325001</t>
  </si>
  <si>
    <t>307001</t>
  </si>
  <si>
    <t>502313</t>
  </si>
  <si>
    <t>520003</t>
  </si>
  <si>
    <t>560053</t>
  </si>
  <si>
    <t>683574</t>
  </si>
  <si>
    <t>303008</t>
  </si>
  <si>
    <t>281006</t>
  </si>
  <si>
    <t>125201</t>
  </si>
  <si>
    <t>415712</t>
  </si>
  <si>
    <t>682031</t>
  </si>
  <si>
    <t>305022</t>
  </si>
  <si>
    <t>415506</t>
  </si>
  <si>
    <t>801505</t>
  </si>
  <si>
    <t>421003</t>
  </si>
  <si>
    <t>700010</t>
  </si>
  <si>
    <t>303301</t>
  </si>
  <si>
    <t>411035</t>
  </si>
  <si>
    <t>700110</t>
  </si>
  <si>
    <t>764048</t>
  </si>
  <si>
    <t>491881</t>
  </si>
  <si>
    <t>212306</t>
  </si>
  <si>
    <t>272271</t>
  </si>
  <si>
    <t>821101</t>
  </si>
  <si>
    <t>221304</t>
  </si>
  <si>
    <t>221206</t>
  </si>
  <si>
    <t>262121</t>
  </si>
  <si>
    <t>231210</t>
  </si>
  <si>
    <t>395017</t>
  </si>
  <si>
    <t>271307</t>
  </si>
  <si>
    <t>755008</t>
  </si>
  <si>
    <t>534460</t>
  </si>
  <si>
    <t>804401</t>
  </si>
  <si>
    <t>396126</t>
  </si>
  <si>
    <t>222161</t>
  </si>
  <si>
    <t>273304</t>
  </si>
  <si>
    <t>530022</t>
  </si>
  <si>
    <t>497116</t>
  </si>
  <si>
    <t>441106</t>
  </si>
  <si>
    <t>222142</t>
  </si>
  <si>
    <t>273212</t>
  </si>
  <si>
    <t>534001</t>
  </si>
  <si>
    <t>460449</t>
  </si>
  <si>
    <t>303104</t>
  </si>
  <si>
    <t>606001</t>
  </si>
  <si>
    <t>391770</t>
  </si>
  <si>
    <t>613005</t>
  </si>
  <si>
    <t>207502</t>
  </si>
  <si>
    <t>410503</t>
  </si>
  <si>
    <t>533001</t>
  </si>
  <si>
    <t>533253</t>
  </si>
  <si>
    <t>627117</t>
  </si>
  <si>
    <t>122051</t>
  </si>
  <si>
    <t>212216</t>
  </si>
  <si>
    <t>530001</t>
  </si>
  <si>
    <t>521185</t>
  </si>
  <si>
    <t>246733</t>
  </si>
  <si>
    <t>506169</t>
  </si>
  <si>
    <t>227101</t>
  </si>
  <si>
    <t>246731</t>
  </si>
  <si>
    <t>521456</t>
  </si>
  <si>
    <t>211013</t>
  </si>
  <si>
    <t>754008</t>
  </si>
  <si>
    <t>624601</t>
  </si>
  <si>
    <t>690514</t>
  </si>
  <si>
    <t>577228</t>
  </si>
  <si>
    <t>424303</t>
  </si>
  <si>
    <t>431105</t>
  </si>
  <si>
    <t>425111</t>
  </si>
  <si>
    <t>630211</t>
  </si>
  <si>
    <t>638011</t>
  </si>
  <si>
    <t>391150</t>
  </si>
  <si>
    <t>560081</t>
  </si>
  <si>
    <t>785612</t>
  </si>
  <si>
    <t>495668</t>
  </si>
  <si>
    <t>497223</t>
  </si>
  <si>
    <t>389330</t>
  </si>
  <si>
    <t>394101</t>
  </si>
  <si>
    <t>394510</t>
  </si>
  <si>
    <t>600016</t>
  </si>
  <si>
    <t>757037</t>
  </si>
  <si>
    <t>756133</t>
  </si>
  <si>
    <t>414105</t>
  </si>
  <si>
    <t>431005</t>
  </si>
  <si>
    <t>380014</t>
  </si>
  <si>
    <t>307022</t>
  </si>
  <si>
    <t>201016</t>
  </si>
  <si>
    <t>785685</t>
  </si>
  <si>
    <t>495690</t>
  </si>
  <si>
    <t>712223</t>
  </si>
  <si>
    <t>734203</t>
  </si>
  <si>
    <t>781021</t>
  </si>
  <si>
    <t>713304</t>
  </si>
  <si>
    <t>273003</t>
  </si>
  <si>
    <t>852214</t>
  </si>
  <si>
    <t>577548</t>
  </si>
  <si>
    <t>760010</t>
  </si>
  <si>
    <t>782001</t>
  </si>
  <si>
    <t>422004</t>
  </si>
  <si>
    <t>843104</t>
  </si>
  <si>
    <t>444705</t>
  </si>
  <si>
    <t>382130</t>
  </si>
  <si>
    <t>764051</t>
  </si>
  <si>
    <t>421204</t>
  </si>
  <si>
    <t>127041</t>
  </si>
  <si>
    <t>412308</t>
  </si>
  <si>
    <t>123411</t>
  </si>
  <si>
    <t>122508</t>
  </si>
  <si>
    <t>182146</t>
  </si>
  <si>
    <t>761110</t>
  </si>
  <si>
    <t>585101</t>
  </si>
  <si>
    <t>680007</t>
  </si>
  <si>
    <t>570007</t>
  </si>
  <si>
    <t>700042</t>
  </si>
  <si>
    <t>812006</t>
  </si>
  <si>
    <t>531011</t>
  </si>
  <si>
    <t>181123</t>
  </si>
  <si>
    <t>625106</t>
  </si>
  <si>
    <t>783129</t>
  </si>
  <si>
    <t>800003</t>
  </si>
  <si>
    <t>787057</t>
  </si>
  <si>
    <t>638052</t>
  </si>
  <si>
    <t>524124</t>
  </si>
  <si>
    <t>413601</t>
  </si>
  <si>
    <t>492002</t>
  </si>
  <si>
    <t>416505</t>
  </si>
  <si>
    <t>844144</t>
  </si>
  <si>
    <t>824113</t>
  </si>
  <si>
    <t>781012</t>
  </si>
  <si>
    <t>832110</t>
  </si>
  <si>
    <t>416114</t>
  </si>
  <si>
    <t>416122</t>
  </si>
  <si>
    <t>415709</t>
  </si>
  <si>
    <t>788806</t>
  </si>
  <si>
    <t>680651</t>
  </si>
  <si>
    <t>454446</t>
  </si>
  <si>
    <t>412207</t>
  </si>
  <si>
    <t>695005</t>
  </si>
  <si>
    <t>799102</t>
  </si>
  <si>
    <t>641602</t>
  </si>
  <si>
    <t>851112</t>
  </si>
  <si>
    <t>416701</t>
  </si>
  <si>
    <t>413606</t>
  </si>
  <si>
    <t>416106</t>
  </si>
  <si>
    <t>413005</t>
  </si>
  <si>
    <t>522004</t>
  </si>
  <si>
    <t>208021</t>
  </si>
  <si>
    <t>416606</t>
  </si>
  <si>
    <t>415509</t>
  </si>
  <si>
    <t>520015</t>
  </si>
  <si>
    <t>243202</t>
  </si>
  <si>
    <t>341303</t>
  </si>
  <si>
    <t>700150</t>
  </si>
  <si>
    <t>208027</t>
  </si>
  <si>
    <t>411036</t>
  </si>
  <si>
    <t>800023</t>
  </si>
  <si>
    <t>462041</t>
  </si>
  <si>
    <t>452018</t>
  </si>
  <si>
    <t>331022</t>
  </si>
  <si>
    <t>530045</t>
  </si>
  <si>
    <t>737102</t>
  </si>
  <si>
    <t>133207</t>
  </si>
  <si>
    <t>452015</t>
  </si>
  <si>
    <t>570011</t>
  </si>
  <si>
    <t>462030</t>
  </si>
  <si>
    <t>741404</t>
  </si>
  <si>
    <t>140413</t>
  </si>
  <si>
    <t>500015</t>
  </si>
  <si>
    <t>673017</t>
  </si>
  <si>
    <t>641045</t>
  </si>
  <si>
    <t>474002</t>
  </si>
  <si>
    <t>412806</t>
  </si>
  <si>
    <t>731243</t>
  </si>
  <si>
    <t>796014</t>
  </si>
  <si>
    <t>695003</t>
  </si>
  <si>
    <t>331803</t>
  </si>
  <si>
    <t>795004</t>
  </si>
  <si>
    <t>781009</t>
  </si>
  <si>
    <t>421203</t>
  </si>
  <si>
    <t>400615</t>
  </si>
  <si>
    <t>390009</t>
  </si>
  <si>
    <t>700047</t>
  </si>
  <si>
    <t>249402</t>
  </si>
  <si>
    <t>246001</t>
  </si>
  <si>
    <t>246171</t>
  </si>
  <si>
    <t>249193</t>
  </si>
  <si>
    <t>201017</t>
  </si>
  <si>
    <t>760003</t>
  </si>
  <si>
    <t>226301</t>
  </si>
  <si>
    <t>682002</t>
  </si>
  <si>
    <t>380022</t>
  </si>
  <si>
    <t>361006</t>
  </si>
  <si>
    <t>695012</t>
  </si>
  <si>
    <t>422213</t>
  </si>
  <si>
    <t>415002</t>
  </si>
  <si>
    <t>263642</t>
  </si>
  <si>
    <t>246401</t>
  </si>
  <si>
    <t>765022</t>
  </si>
  <si>
    <t>261401</t>
  </si>
  <si>
    <t>577004</t>
  </si>
  <si>
    <t>590009</t>
  </si>
  <si>
    <t>741402</t>
  </si>
  <si>
    <t>273165</t>
  </si>
  <si>
    <t>764052</t>
  </si>
  <si>
    <t>721507</t>
  </si>
  <si>
    <t>788151</t>
  </si>
  <si>
    <t>571234</t>
  </si>
  <si>
    <t>574116</t>
  </si>
  <si>
    <t>370427</t>
  </si>
  <si>
    <t>581106</t>
  </si>
  <si>
    <t>262501</t>
  </si>
  <si>
    <t>768216</t>
  </si>
  <si>
    <t>799006</t>
  </si>
  <si>
    <t>722122</t>
  </si>
  <si>
    <t>443301</t>
  </si>
  <si>
    <t>442302</t>
  </si>
  <si>
    <t>425301</t>
  </si>
  <si>
    <t>442605</t>
  </si>
  <si>
    <t>425502</t>
  </si>
  <si>
    <t>627756</t>
  </si>
  <si>
    <t>422308</t>
  </si>
  <si>
    <t>742137</t>
  </si>
  <si>
    <t>638301</t>
  </si>
  <si>
    <t>621010</t>
  </si>
  <si>
    <t>626203</t>
  </si>
  <si>
    <t>801103</t>
  </si>
  <si>
    <t>425109</t>
  </si>
  <si>
    <t>487551</t>
  </si>
  <si>
    <t>422305</t>
  </si>
  <si>
    <t>574154</t>
  </si>
  <si>
    <t>226101</t>
  </si>
  <si>
    <t>273408</t>
  </si>
  <si>
    <t>122010</t>
  </si>
  <si>
    <t>682314</t>
  </si>
  <si>
    <t>712409</t>
  </si>
  <si>
    <t>141123</t>
  </si>
  <si>
    <t>614001</t>
  </si>
  <si>
    <t>816107</t>
  </si>
  <si>
    <t>412301</t>
  </si>
  <si>
    <t>416405</t>
  </si>
  <si>
    <t>686664</t>
  </si>
  <si>
    <t>686502</t>
  </si>
  <si>
    <t>562127</t>
  </si>
  <si>
    <t>577601</t>
  </si>
  <si>
    <t>641402</t>
  </si>
  <si>
    <t>632602</t>
  </si>
  <si>
    <t>202280</t>
  </si>
  <si>
    <t>321401</t>
  </si>
  <si>
    <t>531173</t>
  </si>
  <si>
    <t>520012</t>
  </si>
  <si>
    <t>390012</t>
  </si>
  <si>
    <t>524001</t>
  </si>
  <si>
    <t>276304</t>
  </si>
  <si>
    <t>208022</t>
  </si>
  <si>
    <t>248007</t>
  </si>
  <si>
    <t>208013</t>
  </si>
  <si>
    <t>227001</t>
  </si>
  <si>
    <t>232329</t>
  </si>
  <si>
    <t>424006</t>
  </si>
  <si>
    <t>244221</t>
  </si>
  <si>
    <t>313803</t>
  </si>
  <si>
    <t>700046</t>
  </si>
  <si>
    <t>274302</t>
  </si>
  <si>
    <t>799131</t>
  </si>
  <si>
    <t>700041</t>
  </si>
  <si>
    <t>641042</t>
  </si>
  <si>
    <t>600060</t>
  </si>
  <si>
    <t>484334</t>
  </si>
  <si>
    <t>227115</t>
  </si>
  <si>
    <t>184101</t>
  </si>
  <si>
    <t>181101</t>
  </si>
  <si>
    <t>151505</t>
  </si>
  <si>
    <t>380050</t>
  </si>
  <si>
    <t>522501</t>
  </si>
  <si>
    <t>442908</t>
  </si>
  <si>
    <t>332311</t>
  </si>
  <si>
    <t>394315</t>
  </si>
  <si>
    <t>480106</t>
  </si>
  <si>
    <t>248140</t>
  </si>
  <si>
    <t>402110</t>
  </si>
  <si>
    <t>480441</t>
  </si>
  <si>
    <t>472442</t>
  </si>
  <si>
    <t>712123</t>
  </si>
  <si>
    <t>321608</t>
  </si>
  <si>
    <t>394710</t>
  </si>
  <si>
    <t>495689</t>
  </si>
  <si>
    <t>688009</t>
  </si>
  <si>
    <t>695583</t>
  </si>
  <si>
    <t>Branch Name</t>
  </si>
  <si>
    <t>Nariman Pt - Tulsiani Chmbrs</t>
  </si>
  <si>
    <t>Khar West</t>
  </si>
  <si>
    <t>K G Marg</t>
  </si>
  <si>
    <t>Itc Centre - Anna Salai</t>
  </si>
  <si>
    <t>Bhulabhai Desai Road</t>
  </si>
  <si>
    <t>Navrangpura</t>
  </si>
  <si>
    <t>Bhandarkar Road</t>
  </si>
  <si>
    <t>Stephen House</t>
  </si>
  <si>
    <t>Kasturba Gandhi Marg</t>
  </si>
  <si>
    <t>Besant Nagar Chennai</t>
  </si>
  <si>
    <t>Vasant Vihar</t>
  </si>
  <si>
    <t>Prabhadevi</t>
  </si>
  <si>
    <t>Chembur Central Avenue</t>
  </si>
  <si>
    <t>Central Plaza</t>
  </si>
  <si>
    <t>Mulund West</t>
  </si>
  <si>
    <t>Bandra West - Pali Hill</t>
  </si>
  <si>
    <t>Anna Nagar I</t>
  </si>
  <si>
    <t>Salt Lake - Sector 1</t>
  </si>
  <si>
    <t>Andheri West - Versova</t>
  </si>
  <si>
    <t>Ravipuram</t>
  </si>
  <si>
    <t>Lakdikapul</t>
  </si>
  <si>
    <t>Golpark</t>
  </si>
  <si>
    <t>Valasaravakkam</t>
  </si>
  <si>
    <t>Mohopada Patalganga</t>
  </si>
  <si>
    <t>Old Rajinder Nagar Market</t>
  </si>
  <si>
    <t>Greater Kailash 2</t>
  </si>
  <si>
    <t>Raghunathpur</t>
  </si>
  <si>
    <t>Kondhwe Khurd</t>
  </si>
  <si>
    <t>Dahej - Gujarat</t>
  </si>
  <si>
    <t>Trichy Road</t>
  </si>
  <si>
    <t>Safardarjang Market</t>
  </si>
  <si>
    <t>Vadodara - R C Dutt Road</t>
  </si>
  <si>
    <t>The Mall Road</t>
  </si>
  <si>
    <t>Chandigarh - Sector 35B</t>
  </si>
  <si>
    <t>Trade House</t>
  </si>
  <si>
    <t>Goa - Margaon</t>
  </si>
  <si>
    <t>Vasai East - Evershine City</t>
  </si>
  <si>
    <t>Boat Club</t>
  </si>
  <si>
    <t>New Alipore</t>
  </si>
  <si>
    <t>Malleshwaram Bangalore</t>
  </si>
  <si>
    <t>Saket</t>
  </si>
  <si>
    <t>Dlf Phase I</t>
  </si>
  <si>
    <t>Chanda Nagar</t>
  </si>
  <si>
    <t>911 - G T Road Jalandhar</t>
  </si>
  <si>
    <t>Malad West - Orlem</t>
  </si>
  <si>
    <t>Bodakdev- Drive-In-Theatre</t>
  </si>
  <si>
    <t>Visakhapatnam - Andhra Pradesh</t>
  </si>
  <si>
    <t>Virar West - Agashe Road</t>
  </si>
  <si>
    <t>Aundh</t>
  </si>
  <si>
    <t>Koramangala Main Branch</t>
  </si>
  <si>
    <t>Ashok Marg - C Scheme</t>
  </si>
  <si>
    <t>Phagwara - Railway Road</t>
  </si>
  <si>
    <t>Trichur</t>
  </si>
  <si>
    <t>Thillai Nagar</t>
  </si>
  <si>
    <t>Goa - Panjim</t>
  </si>
  <si>
    <t>Fort - Nanik Motwani Marg</t>
  </si>
  <si>
    <t>Panchkula - Sector 11 - Chandigarh</t>
  </si>
  <si>
    <t>Arera Colony</t>
  </si>
  <si>
    <t>Vazhuthacaud</t>
  </si>
  <si>
    <t>Thatte Nagar</t>
  </si>
  <si>
    <t>Mysore - Karnataka</t>
  </si>
  <si>
    <t>Surat - Parle Point - Gujarat</t>
  </si>
  <si>
    <t>Bharuch Link Road</t>
  </si>
  <si>
    <t>Ashram Road</t>
  </si>
  <si>
    <t>Vasco - Swatantra Path</t>
  </si>
  <si>
    <t>Silvassa-Dadra Nagar Haveli-Union Ter</t>
  </si>
  <si>
    <t>Old Airport Road</t>
  </si>
  <si>
    <t>M G Road Bengaluru</t>
  </si>
  <si>
    <t>It Park</t>
  </si>
  <si>
    <t>Lucknow - Hazratganj - Uttar Pradesh</t>
  </si>
  <si>
    <t>Santacruz West - Linking Road</t>
  </si>
  <si>
    <t>Worli Sea Face</t>
  </si>
  <si>
    <t>Himayatnagar</t>
  </si>
  <si>
    <t>Nungambakkam</t>
  </si>
  <si>
    <t>Dadar</t>
  </si>
  <si>
    <t>Colaba</t>
  </si>
  <si>
    <t>Andheri East - Vishal Hall</t>
  </si>
  <si>
    <t>Jamshedpur - Jharkhand</t>
  </si>
  <si>
    <t>Ansals Arcade - Sector 18 Noida</t>
  </si>
  <si>
    <t>New Friends Colony</t>
  </si>
  <si>
    <t>Gurgaon - Main Branch - Sector - 14</t>
  </si>
  <si>
    <t>Punjabi Bagh</t>
  </si>
  <si>
    <t>Greater Kailash 1</t>
  </si>
  <si>
    <t>Faridabad - Nit - Haryana</t>
  </si>
  <si>
    <t>Mangalore - Karnataka</t>
  </si>
  <si>
    <t>Rajkot - Yagnik Road - Gujarat</t>
  </si>
  <si>
    <t>Shivaji Nagar</t>
  </si>
  <si>
    <t>Fergusson College Road</t>
  </si>
  <si>
    <t>Shankarsheth Road</t>
  </si>
  <si>
    <t>U N Brahmachari Street</t>
  </si>
  <si>
    <t>Dumdum</t>
  </si>
  <si>
    <t>Chandigarh - Sector 8C</t>
  </si>
  <si>
    <t>Panchkula - Sector 8 - Chandigarh</t>
  </si>
  <si>
    <t>Vijayawada - Andhra Pradesh</t>
  </si>
  <si>
    <t>Madipakkam</t>
  </si>
  <si>
    <t>Khanna - G T Road - Punjab</t>
  </si>
  <si>
    <t>Akashwani</t>
  </si>
  <si>
    <t>Andheri West</t>
  </si>
  <si>
    <t>The Mall Amritsar</t>
  </si>
  <si>
    <t>Patiala Leela Bhawan</t>
  </si>
  <si>
    <t>Palakkad - Chandranagar</t>
  </si>
  <si>
    <t>Ghatkopar East</t>
  </si>
  <si>
    <t>Chetak Circle Udaipur</t>
  </si>
  <si>
    <t>Vikas Marg</t>
  </si>
  <si>
    <t>Agra - Sanjay Place - Uttar Pradesh</t>
  </si>
  <si>
    <t>Bhubaneswar - Janpath Branch</t>
  </si>
  <si>
    <t>Kilpauk</t>
  </si>
  <si>
    <t>Kapra - Sainikpuri</t>
  </si>
  <si>
    <t>Kanpur-Civil Lines-Uttar Pradesh</t>
  </si>
  <si>
    <t>Janakpuri - B-1 Community Center</t>
  </si>
  <si>
    <t>Ambala Cantt - Haryana</t>
  </si>
  <si>
    <t>Palam</t>
  </si>
  <si>
    <t>J P Nagar</t>
  </si>
  <si>
    <t>Defence Colony - D Block</t>
  </si>
  <si>
    <t>Navsari - Gujarat</t>
  </si>
  <si>
    <t>Bhavnagar - Gujarat</t>
  </si>
  <si>
    <t>Kapurthala - Punjab</t>
  </si>
  <si>
    <t>Gopinath Bazar</t>
  </si>
  <si>
    <t>R T Nagar</t>
  </si>
  <si>
    <t>R A Puram</t>
  </si>
  <si>
    <t>Jodhpur-Rajasthan</t>
  </si>
  <si>
    <t>Crawford Market</t>
  </si>
  <si>
    <t>East Patel Nagar Main Road Branch</t>
  </si>
  <si>
    <t>Borivali West - Chamunda Circle</t>
  </si>
  <si>
    <t>Thane West - Talaopali</t>
  </si>
  <si>
    <t>Karelibaug</t>
  </si>
  <si>
    <t>East Street</t>
  </si>
  <si>
    <t>Kothrud</t>
  </si>
  <si>
    <t>Ranchi - Jharkhand</t>
  </si>
  <si>
    <t>Siliguri - West Bengal</t>
  </si>
  <si>
    <t>Devendra Nagar Road</t>
  </si>
  <si>
    <t>Raj Nagar - Ghaziabad</t>
  </si>
  <si>
    <t>Hissar - Haryana</t>
  </si>
  <si>
    <t>Nabha - Punjab</t>
  </si>
  <si>
    <t>Banashankari</t>
  </si>
  <si>
    <t>Pitampura Community Centre</t>
  </si>
  <si>
    <t>Andheri Lokhandwala</t>
  </si>
  <si>
    <t>Boisar - Maharashtra</t>
  </si>
  <si>
    <t>Ropar - College Road - Punjab</t>
  </si>
  <si>
    <t>Rajpura - Punjab</t>
  </si>
  <si>
    <t>Sion East - Sion Circle</t>
  </si>
  <si>
    <t>Karad - Maharashtra</t>
  </si>
  <si>
    <t>Parrys Corner</t>
  </si>
  <si>
    <t>Kota - Rajasthan</t>
  </si>
  <si>
    <t>Bhiwadi - Rajasthan</t>
  </si>
  <si>
    <t>Goa - Ponda</t>
  </si>
  <si>
    <t>Chala Road</t>
  </si>
  <si>
    <t>Panipat - Harmony Towers</t>
  </si>
  <si>
    <t>Pongumoodu</t>
  </si>
  <si>
    <t>Dahanu - Maharashtra</t>
  </si>
  <si>
    <t>Shyambazar</t>
  </si>
  <si>
    <t>Dombivali - East</t>
  </si>
  <si>
    <t>Rohtak - Model Town</t>
  </si>
  <si>
    <t>Jamnagar - Gujarat</t>
  </si>
  <si>
    <t>Salem Main Branch</t>
  </si>
  <si>
    <t>Unjha-Station Road</t>
  </si>
  <si>
    <t>Station Road - Ahmednagar</t>
  </si>
  <si>
    <t>Kandivali East - Thakur Complex</t>
  </si>
  <si>
    <t>Anand - Gujarat</t>
  </si>
  <si>
    <t>Bangalore - Indira Nagar Cmh Road</t>
  </si>
  <si>
    <t>Exhibition Road-Patna</t>
  </si>
  <si>
    <t>Bhatinda - Punjab</t>
  </si>
  <si>
    <t>Kalka - Haryana</t>
  </si>
  <si>
    <t>Guntur - Andhra Pradesh</t>
  </si>
  <si>
    <t>Gandhinagar-Gujarat</t>
  </si>
  <si>
    <t>Sonepat - Model Town - Haryana</t>
  </si>
  <si>
    <t>Gwalior - Madhya Pradesh</t>
  </si>
  <si>
    <t>Vivek Vihar Ashoka Niketan</t>
  </si>
  <si>
    <t>Karnal - Haryana</t>
  </si>
  <si>
    <t>Moga - G T Road</t>
  </si>
  <si>
    <t>Thiruvalla</t>
  </si>
  <si>
    <t>Mapusa - Goa</t>
  </si>
  <si>
    <t xml:space="preserve">Kollam  </t>
  </si>
  <si>
    <t>Bhuj - Gujarat</t>
  </si>
  <si>
    <t>Ajmer - Rajasthan</t>
  </si>
  <si>
    <t>T Nagar - G N Chetty Road</t>
  </si>
  <si>
    <t>Howrah Shibpur</t>
  </si>
  <si>
    <t>Bardoli-Gujarat</t>
  </si>
  <si>
    <t>Nirankari Bhawan Jagadri Road</t>
  </si>
  <si>
    <t>Valsad - Tithal Road - Gujarat</t>
  </si>
  <si>
    <t>Goregaon East - Dindoshi</t>
  </si>
  <si>
    <t>Chandigarh - Sector 17C</t>
  </si>
  <si>
    <t>Tirupathi</t>
  </si>
  <si>
    <t>Rajahmundry - Andhra Pradesh</t>
  </si>
  <si>
    <t>Gandhidham - Gujarat</t>
  </si>
  <si>
    <t>Chandni Chowk - Mahalaxmi Building</t>
  </si>
  <si>
    <t>Dilsukhnagar</t>
  </si>
  <si>
    <t>Burrabazar</t>
  </si>
  <si>
    <t>Rathyatra Crossing</t>
  </si>
  <si>
    <t>Akola - Zilla Parishad</t>
  </si>
  <si>
    <t>Sangli - Maharashtra</t>
  </si>
  <si>
    <t>Pashan</t>
  </si>
  <si>
    <t>Jabalpur - Madhya Pradesh</t>
  </si>
  <si>
    <t>Dehradun - Rajpur Road</t>
  </si>
  <si>
    <t>Civil Lines Allahabad</t>
  </si>
  <si>
    <t>Vile Parle East - Station Road</t>
  </si>
  <si>
    <t>Hoshiapur - Punjab</t>
  </si>
  <si>
    <t>Junagadh - Gujarat</t>
  </si>
  <si>
    <t>Erode - Tamilnadu</t>
  </si>
  <si>
    <t>Durgapur - West Bengal</t>
  </si>
  <si>
    <t>Boring Road</t>
  </si>
  <si>
    <t>Cuttack - Odisha</t>
  </si>
  <si>
    <t>Sarangpur</t>
  </si>
  <si>
    <t>Mehsana - Gujarat</t>
  </si>
  <si>
    <t>Powai- Hiranandani</t>
  </si>
  <si>
    <t>Worli - Sandoz House</t>
  </si>
  <si>
    <t>Jammu - Jammu And Kashmir</t>
  </si>
  <si>
    <t>Rourkela - Bisra Road - Odisha</t>
  </si>
  <si>
    <t>Dhanbad - Jharkhand</t>
  </si>
  <si>
    <t>Gujranwala Town</t>
  </si>
  <si>
    <t>Panchshila Park</t>
  </si>
  <si>
    <t>Dwarka Sector 5</t>
  </si>
  <si>
    <t>Rewari - Haryana</t>
  </si>
  <si>
    <t>Ring Road - Surat</t>
  </si>
  <si>
    <t>Nadiad - College Road</t>
  </si>
  <si>
    <t>Hubli - Karnataka</t>
  </si>
  <si>
    <t>Ankleshwar - Main Branch</t>
  </si>
  <si>
    <t>New Panvel - Neel Empress</t>
  </si>
  <si>
    <t>Amravati - Maharashtra</t>
  </si>
  <si>
    <t>Nerul</t>
  </si>
  <si>
    <t>Millerganj - Manju Cinema</t>
  </si>
  <si>
    <t>Chitlapakkam</t>
  </si>
  <si>
    <t>Jayanagar-3Rd Block</t>
  </si>
  <si>
    <t>Sangrur - Punjab</t>
  </si>
  <si>
    <t>Amritsar - Hall Bazar - Punjab</t>
  </si>
  <si>
    <t>Guwahati - Assam</t>
  </si>
  <si>
    <t>Gurdaspur - Punjab</t>
  </si>
  <si>
    <t>Nawanshahar - Punjab</t>
  </si>
  <si>
    <t>Bokaro - Jharkhand</t>
  </si>
  <si>
    <t>Mathura - Uttar Pradesh</t>
  </si>
  <si>
    <t>R S Puram</t>
  </si>
  <si>
    <t>Kannur - Kerala</t>
  </si>
  <si>
    <t>Kalkaji -Nehru Enclave</t>
  </si>
  <si>
    <t>Rohini Rg Complex</t>
  </si>
  <si>
    <t>Vasant Kunj</t>
  </si>
  <si>
    <t>Porbandar - Gujarat</t>
  </si>
  <si>
    <t>Manjalpur</t>
  </si>
  <si>
    <t>Vasant Vihar - Pokhran Road 2</t>
  </si>
  <si>
    <t>Salt Lake - Sector Ii</t>
  </si>
  <si>
    <t>Greater Noida - Uttar Pradesh</t>
  </si>
  <si>
    <t>Faridabad - Sector 16 - Haryana</t>
  </si>
  <si>
    <t>First India Place</t>
  </si>
  <si>
    <t>Cloth Market</t>
  </si>
  <si>
    <t>Konnagar - Hooghly - West Bengal</t>
  </si>
  <si>
    <t>Rudrapur - Nainital Raod</t>
  </si>
  <si>
    <t>Gorakhpur - Uttar Pradesh</t>
  </si>
  <si>
    <t>Meerut - Uttar Pradesh</t>
  </si>
  <si>
    <t>Halasuru</t>
  </si>
  <si>
    <t>Ashok Vihar - 2</t>
  </si>
  <si>
    <t>Kandivili West - Mahavir Nagar</t>
  </si>
  <si>
    <t>Jaipur - Johari Bazar</t>
  </si>
  <si>
    <t>Nariman Pt - Express Towers</t>
  </si>
  <si>
    <t>Rajouri Garden J-12 21</t>
  </si>
  <si>
    <t>Mayur Vihar - Phase 2</t>
  </si>
  <si>
    <t>Lajpat Nagar 4</t>
  </si>
  <si>
    <t>Kadavanthra</t>
  </si>
  <si>
    <t>Faizabad Road, Indira Nagar</t>
  </si>
  <si>
    <t>Hing Ki Mandi</t>
  </si>
  <si>
    <t>Kanpur - Govind Nagar - Uttar Pradesh</t>
  </si>
  <si>
    <t>Maninagar</t>
  </si>
  <si>
    <t>Ferozepur - Punjab</t>
  </si>
  <si>
    <t>Kurukshetra - Haryana</t>
  </si>
  <si>
    <t>Moradabad - Uttar Pradesh</t>
  </si>
  <si>
    <t>Bareilly - Civil Lines</t>
  </si>
  <si>
    <t>Sg Road</t>
  </si>
  <si>
    <t>Morvi-Gujarat</t>
  </si>
  <si>
    <t>Manjeri - Kerala</t>
  </si>
  <si>
    <t xml:space="preserve">Pathanamthitta  </t>
  </si>
  <si>
    <t xml:space="preserve">Changanacherry  </t>
  </si>
  <si>
    <t>Vijayanagar</t>
  </si>
  <si>
    <t>Connaught Place - Outer Circle</t>
  </si>
  <si>
    <t>Daryaganj</t>
  </si>
  <si>
    <t>Porvorim Branch Goa</t>
  </si>
  <si>
    <t>Goa - Curchorem</t>
  </si>
  <si>
    <t>Jubilee Hills</t>
  </si>
  <si>
    <t>Charminar</t>
  </si>
  <si>
    <t>South Extension</t>
  </si>
  <si>
    <t>Kalyani - West Bengal</t>
  </si>
  <si>
    <t>Juhu - Jvpd Scheme</t>
  </si>
  <si>
    <t>Goregaon West - Jawahar Nagar</t>
  </si>
  <si>
    <t>Mylapore</t>
  </si>
  <si>
    <t>Asansol - West Bengal</t>
  </si>
  <si>
    <t>Bahadurgarh - Haryana</t>
  </si>
  <si>
    <t>Saharanpur - Uttar Pradesh</t>
  </si>
  <si>
    <t>Paschim Vihar</t>
  </si>
  <si>
    <t xml:space="preserve">Vikaspuri </t>
  </si>
  <si>
    <t>Vasundhara Enclave</t>
  </si>
  <si>
    <t>Kashmere Gate</t>
  </si>
  <si>
    <t>Shalimar Bagh</t>
  </si>
  <si>
    <t>Patna - Sabzi Bazar - Bihar</t>
  </si>
  <si>
    <t>Tolly Gunge</t>
  </si>
  <si>
    <t>Palanpur - Gujarat</t>
  </si>
  <si>
    <t>Anand Niketan</t>
  </si>
  <si>
    <t>Okhla Industrial Area</t>
  </si>
  <si>
    <t>Bamnoli Village</t>
  </si>
  <si>
    <t>Roop Nagar</t>
  </si>
  <si>
    <t>Model Town Jalandhar</t>
  </si>
  <si>
    <t>Civil Lines Jalandhar</t>
  </si>
  <si>
    <t>Mandi Govindgarh - Punjab</t>
  </si>
  <si>
    <t>Mohali - Phase 10 - Chandigarh</t>
  </si>
  <si>
    <t>Muzaffarpur - Bihar</t>
  </si>
  <si>
    <t>Hajipur - Bihar</t>
  </si>
  <si>
    <t>Sanjauli-Shimla - Himachal Pradesh</t>
  </si>
  <si>
    <t xml:space="preserve">Irinajalakuda  </t>
  </si>
  <si>
    <t>Jaipur - Vidhyadhar Nagar</t>
  </si>
  <si>
    <t>Lake Town</t>
  </si>
  <si>
    <t>Bhilwara - Rajasthan</t>
  </si>
  <si>
    <t>Hosur - Tamilnadu</t>
  </si>
  <si>
    <t>Barasat</t>
  </si>
  <si>
    <t>Kalyan Nagar</t>
  </si>
  <si>
    <t>Sarjapur Road</t>
  </si>
  <si>
    <t>Cst - Mumbai Vt</t>
  </si>
  <si>
    <t>Charni Road - Maharsihi Karve Marg</t>
  </si>
  <si>
    <t>Parel - Dr Shirodkar Marg</t>
  </si>
  <si>
    <t>Mira Road East - Naya Nagar</t>
  </si>
  <si>
    <t>Sahakar Nagar</t>
  </si>
  <si>
    <t>Latur-Maharashtra</t>
  </si>
  <si>
    <t>Basaveshwaranagar</t>
  </si>
  <si>
    <t>Rourkela - Panposh Road - Odisha</t>
  </si>
  <si>
    <t>Kirti Nagar Central Market</t>
  </si>
  <si>
    <t>Kukatpally</t>
  </si>
  <si>
    <t>Mehdipatnam</t>
  </si>
  <si>
    <t>Balasore - Odisha</t>
  </si>
  <si>
    <t>Seshadripuram</t>
  </si>
  <si>
    <t>Nacharam</t>
  </si>
  <si>
    <t>Sambalpur - Odisha</t>
  </si>
  <si>
    <t>Goa - Aquem - Margaon</t>
  </si>
  <si>
    <t>Yelahanka</t>
  </si>
  <si>
    <t>Calangute - Goa</t>
  </si>
  <si>
    <t>Caranzalem</t>
  </si>
  <si>
    <t>Chicalim</t>
  </si>
  <si>
    <t>Mulund East - 90 FEET ROAD</t>
  </si>
  <si>
    <t>West Marredpally</t>
  </si>
  <si>
    <t>Palace Road Rajkot</t>
  </si>
  <si>
    <t>Kalawad Road</t>
  </si>
  <si>
    <t>Aligarh - Uttar Pradesh</t>
  </si>
  <si>
    <t>Muzzafar Nagar - Uttar Pradesh</t>
  </si>
  <si>
    <t>G C Avenue</t>
  </si>
  <si>
    <t>Naranpura - Ahmedabad</t>
  </si>
  <si>
    <t>Gotri Road</t>
  </si>
  <si>
    <t>Santhome</t>
  </si>
  <si>
    <t>Adajan</t>
  </si>
  <si>
    <t>Nizampura</t>
  </si>
  <si>
    <t>Porur</t>
  </si>
  <si>
    <t>Adarsh Nagar</t>
  </si>
  <si>
    <t>Pitam Pura Bd Block</t>
  </si>
  <si>
    <t>Rohini Sector 11</t>
  </si>
  <si>
    <t>C Block Sec 63 Noida</t>
  </si>
  <si>
    <t>Yamuna Vihar</t>
  </si>
  <si>
    <t>Faridabad - Charmwood Village</t>
  </si>
  <si>
    <t>Jagraon - Punjab</t>
  </si>
  <si>
    <t>Malad East - Off Daftary Road</t>
  </si>
  <si>
    <t>Guwahati - Fancy Bazar</t>
  </si>
  <si>
    <t>Hamidia Road</t>
  </si>
  <si>
    <t xml:space="preserve">Thripunithura  </t>
  </si>
  <si>
    <t>Chalakudy - Kerala</t>
  </si>
  <si>
    <t>Davangere - Karnataka</t>
  </si>
  <si>
    <t>Vijay Nagar - Indore</t>
  </si>
  <si>
    <t>Himatnagar - Gujarat</t>
  </si>
  <si>
    <t>Ghatkopar West - Kailas Esplande</t>
  </si>
  <si>
    <t>Pondicherry Main Branch</t>
  </si>
  <si>
    <t>Vasai West - Ambadi Road</t>
  </si>
  <si>
    <t>Alwar - Bhagat Singh Circle</t>
  </si>
  <si>
    <t>Borivali West - I C Colony</t>
  </si>
  <si>
    <t>Malad West - Mindspace</t>
  </si>
  <si>
    <t>Lucknow - Aliganj</t>
  </si>
  <si>
    <t>Karan Market Jammu</t>
  </si>
  <si>
    <t>Borivali East - Shantivan</t>
  </si>
  <si>
    <t>Srinagar - Jammu And Kashmir</t>
  </si>
  <si>
    <t>Old Padra Road</t>
  </si>
  <si>
    <t>Jagadamba Centre</t>
  </si>
  <si>
    <t>Gaddiannaram</t>
  </si>
  <si>
    <t xml:space="preserve">Kandivali West S.V. Road </t>
  </si>
  <si>
    <t>Gangtok - M.G.Marg</t>
  </si>
  <si>
    <t>Gaya - Bihar</t>
  </si>
  <si>
    <t>Ghaziabad - Vaishali</t>
  </si>
  <si>
    <t>Grant Road - Moulana Shaukat Ali Road</t>
  </si>
  <si>
    <t>Matunga East</t>
  </si>
  <si>
    <t>Chembur - Sion Trombay Road</t>
  </si>
  <si>
    <t>Laxmi Road</t>
  </si>
  <si>
    <t>Moulali</t>
  </si>
  <si>
    <t>Raopura</t>
  </si>
  <si>
    <t>Muktsar - Punjab</t>
  </si>
  <si>
    <t>Barnala - Punjab</t>
  </si>
  <si>
    <t>Ghaziabad - Shalimar Garden</t>
  </si>
  <si>
    <t>Sector 46 Chandigarh</t>
  </si>
  <si>
    <t>Chandigarh - Manimajra</t>
  </si>
  <si>
    <t>Perinthalmanna - Kerala</t>
  </si>
  <si>
    <t>Pimpri - Kamala Crossroads</t>
  </si>
  <si>
    <t>Najafgarh</t>
  </si>
  <si>
    <t>Karol Bagh - J Block</t>
  </si>
  <si>
    <t>Naraina Industrial Area</t>
  </si>
  <si>
    <t>Nelson Manickam Road</t>
  </si>
  <si>
    <t>Bandra West - Hill Road</t>
  </si>
  <si>
    <t>Dahisar - Anand Nagar</t>
  </si>
  <si>
    <t>Velachery</t>
  </si>
  <si>
    <t>Tiruppur - Aristo International</t>
  </si>
  <si>
    <t>Basavanagudi- Gandhi Bazaar</t>
  </si>
  <si>
    <t>Khadki</t>
  </si>
  <si>
    <t>Sagar - Madhya Pradesh</t>
  </si>
  <si>
    <t>Chandigarh - Sector-37</t>
  </si>
  <si>
    <t>Haldia - West Bengal</t>
  </si>
  <si>
    <t>Jhansi - Uttar Pradesh</t>
  </si>
  <si>
    <t>Darjeeling - West Bengal</t>
  </si>
  <si>
    <t>Jogeshwari West - S V Road</t>
  </si>
  <si>
    <t>Nashik Road</t>
  </si>
  <si>
    <t>Paharganj</t>
  </si>
  <si>
    <t>Palwal - Haryana</t>
  </si>
  <si>
    <t>Kakurgachi</t>
  </si>
  <si>
    <t>Shahibaug</t>
  </si>
  <si>
    <t>Burdwan - West Bengal</t>
  </si>
  <si>
    <t xml:space="preserve">Chenganur  </t>
  </si>
  <si>
    <t>Garia</t>
  </si>
  <si>
    <t>Hauz Khas</t>
  </si>
  <si>
    <t>Godowlia</t>
  </si>
  <si>
    <t>Bhowanipore</t>
  </si>
  <si>
    <t>Mandsaur - Madhya Pradesh</t>
  </si>
  <si>
    <t>Rtc X Roads</t>
  </si>
  <si>
    <t>Nellore - Andhra Pradesh</t>
  </si>
  <si>
    <t>Lonavala - Maharashtra</t>
  </si>
  <si>
    <t>Ratlam - Madhya Pradesh</t>
  </si>
  <si>
    <t>Amritsar - Kabir Park</t>
  </si>
  <si>
    <t>Patna - Kankarbagh</t>
  </si>
  <si>
    <t>Maniktala</t>
  </si>
  <si>
    <t>Bhiwani - Haryana</t>
  </si>
  <si>
    <t>Sarita Vihar</t>
  </si>
  <si>
    <t>Hargobind Enclave</t>
  </si>
  <si>
    <t>Anand Lok</t>
  </si>
  <si>
    <t>East Of Kailash</t>
  </si>
  <si>
    <t>Sunder Nagar - New Delhi</t>
  </si>
  <si>
    <t>Udyog Vihar</t>
  </si>
  <si>
    <t>Magarpatta</t>
  </si>
  <si>
    <t>Vartak Nagar Thane</t>
  </si>
  <si>
    <t>Vashi - Sector 7</t>
  </si>
  <si>
    <t>Kharwest - Khar Gabbana</t>
  </si>
  <si>
    <t>Poonamallee High Road</t>
  </si>
  <si>
    <t>Mogappair - East</t>
  </si>
  <si>
    <t>Kottivakkam</t>
  </si>
  <si>
    <t>Churchgate Industry House</t>
  </si>
  <si>
    <t>Nagpur - Central Avenue Extn Ctr</t>
  </si>
  <si>
    <t>Safdarjung Enclave - Deer Park</t>
  </si>
  <si>
    <t>Chomu - Rajasthan</t>
  </si>
  <si>
    <t>Sri Ganganagar - Rajasthan</t>
  </si>
  <si>
    <t>Ahmedabad Stock Exchange</t>
  </si>
  <si>
    <t>Cauvery Bhavan</t>
  </si>
  <si>
    <t>Bannerji Road</t>
  </si>
  <si>
    <t>Raj Bhavan Road</t>
  </si>
  <si>
    <t>Bannerghatta Road</t>
  </si>
  <si>
    <t>Baguihati</t>
  </si>
  <si>
    <t>Ballygunge</t>
  </si>
  <si>
    <t>Karimnagar - Telangana</t>
  </si>
  <si>
    <t>Palarivattam</t>
  </si>
  <si>
    <t>Banjara Hills</t>
  </si>
  <si>
    <t>Mumbai Central Branch</t>
  </si>
  <si>
    <t>Bangalore - Richmond Road</t>
  </si>
  <si>
    <t>Kaithal - Haryana</t>
  </si>
  <si>
    <t>Pathankot - Saili Road</t>
  </si>
  <si>
    <t>Hazaribagh - Jharkhand</t>
  </si>
  <si>
    <t>Siliguri - Naya Bazar</t>
  </si>
  <si>
    <t>Chas - Bokaro - Jharkhand</t>
  </si>
  <si>
    <t>Rashbehari Avenue</t>
  </si>
  <si>
    <t>Howrah Liluah</t>
  </si>
  <si>
    <t>Varachha</t>
  </si>
  <si>
    <t>Borivali West - Sai Baba Nagar</t>
  </si>
  <si>
    <t>Kalyaninagar</t>
  </si>
  <si>
    <t>Vashi Sector 17 Hdfc - Annexe</t>
  </si>
  <si>
    <t>Kamala Mills</t>
  </si>
  <si>
    <t>Andheri East - Ahura Center</t>
  </si>
  <si>
    <t>Tardeo Wadia Street</t>
  </si>
  <si>
    <t>Hitec City</t>
  </si>
  <si>
    <t>Borivali West - Sumer Nagar</t>
  </si>
  <si>
    <t>Shillong-Police Bazar-Meghalaya</t>
  </si>
  <si>
    <t>Electronic City</t>
  </si>
  <si>
    <t>Gondal - Gujarat</t>
  </si>
  <si>
    <t>Mayapuri</t>
  </si>
  <si>
    <t>Chandni Chowk</t>
  </si>
  <si>
    <t>Vaishali Nagar - Jaipur</t>
  </si>
  <si>
    <t>Greater Kailash 2, M Block</t>
  </si>
  <si>
    <t>Ajmeri Gate</t>
  </si>
  <si>
    <t>Barkatpura</t>
  </si>
  <si>
    <t>Ghaziabad - Vasundhara</t>
  </si>
  <si>
    <t>Jetpur - Gujarat</t>
  </si>
  <si>
    <t>Hughes Road</t>
  </si>
  <si>
    <t>One Town Vijayawada</t>
  </si>
  <si>
    <t>Jamnagar - Udyognagar</t>
  </si>
  <si>
    <t>Narela</t>
  </si>
  <si>
    <t>Sector-53</t>
  </si>
  <si>
    <t>Ghaziabad - Gandhinagar</t>
  </si>
  <si>
    <t>Kodambakkam</t>
  </si>
  <si>
    <t>West Mambalam</t>
  </si>
  <si>
    <t>Mundra - Kutchh - Gujarat</t>
  </si>
  <si>
    <t>Mandakini</t>
  </si>
  <si>
    <t>Worli Aditya Birla Centre Ec</t>
  </si>
  <si>
    <t>Meera Bagh Outer Ring Road Branch</t>
  </si>
  <si>
    <t>Kandivali East - Thakur Village</t>
  </si>
  <si>
    <t>New Colony More, Gurgaon</t>
  </si>
  <si>
    <t>Gole Market</t>
  </si>
  <si>
    <t>Shahdara</t>
  </si>
  <si>
    <t>Green Park - H-7</t>
  </si>
  <si>
    <t>Jangpura</t>
  </si>
  <si>
    <t>R K Puram</t>
  </si>
  <si>
    <t>Manesar - Haryana</t>
  </si>
  <si>
    <t>Ghaziabad - Indirapuram</t>
  </si>
  <si>
    <t>Kandivali West - Charkop</t>
  </si>
  <si>
    <t>Andheri East - Marol</t>
  </si>
  <si>
    <t>Park Circus</t>
  </si>
  <si>
    <t>Lucknow - Pranay Towers</t>
  </si>
  <si>
    <t>Amreli - Gujarat</t>
  </si>
  <si>
    <t>Lucknow Chowk - Uttar Pradesh</t>
  </si>
  <si>
    <t>Chandigarh Sec-22 - Union Territory</t>
  </si>
  <si>
    <t>Panchkula - Chandimandir Cantt</t>
  </si>
  <si>
    <t>Fatehbad - Haryana</t>
  </si>
  <si>
    <t>Dharamshala - Himachal Pradesh</t>
  </si>
  <si>
    <t>Sunder Nagar Chowk</t>
  </si>
  <si>
    <t>Mukherjee Nagar</t>
  </si>
  <si>
    <t>Sirsa-Haryana</t>
  </si>
  <si>
    <t>Sonepat - Kundli</t>
  </si>
  <si>
    <t>Geetanjali</t>
  </si>
  <si>
    <t>Faridabad Sec 21 - Haryana</t>
  </si>
  <si>
    <t>Sector 23 A - Gurgaon</t>
  </si>
  <si>
    <t>Jorbagh</t>
  </si>
  <si>
    <t>Faridabad Sec 9 - Haryana</t>
  </si>
  <si>
    <t>Begumpet</t>
  </si>
  <si>
    <t>Sector-31</t>
  </si>
  <si>
    <t>Narnoul - Haryana</t>
  </si>
  <si>
    <t>Neemuch - Madhya Pradesh</t>
  </si>
  <si>
    <t>Malabar Hill</t>
  </si>
  <si>
    <t>Null Bazar</t>
  </si>
  <si>
    <t>Mohamed Ali Road</t>
  </si>
  <si>
    <t>New Bel Road</t>
  </si>
  <si>
    <t>Satna - Madhya Pradesh</t>
  </si>
  <si>
    <t>Bhubaneshwar 2Nd - Odisha</t>
  </si>
  <si>
    <t>Chandmari - Guwahati</t>
  </si>
  <si>
    <t>Alwal</t>
  </si>
  <si>
    <t>Nana Peth</t>
  </si>
  <si>
    <t>Feroze Gandhi Market Ludhiana</t>
  </si>
  <si>
    <t>Dhule - Maharashtra</t>
  </si>
  <si>
    <t>Habra - West Bengal</t>
  </si>
  <si>
    <t>Berhampore - West Bengal</t>
  </si>
  <si>
    <t>Bhubaneshwar - Nayapalli</t>
  </si>
  <si>
    <t>Batala - Punjab</t>
  </si>
  <si>
    <t>Sanjeev Reddy Nagar</t>
  </si>
  <si>
    <t>Balotra - Rajasthan</t>
  </si>
  <si>
    <t>Jaipur - Tonk Road</t>
  </si>
  <si>
    <t>Bikaner - Rajasthan</t>
  </si>
  <si>
    <t>Mansa - Punjab</t>
  </si>
  <si>
    <t>Fazilka - Gaushala Road</t>
  </si>
  <si>
    <t>Malerkotla</t>
  </si>
  <si>
    <t>Baddi - Solan - Himachal Pradesh</t>
  </si>
  <si>
    <t>Noida Sec 26 - Uttar Pradesh</t>
  </si>
  <si>
    <t>Mulund West - Devidayal Road</t>
  </si>
  <si>
    <t>Industrial Area</t>
  </si>
  <si>
    <t>Ambala City - Haryana</t>
  </si>
  <si>
    <t>Sheel Palace - Meerut - Uttar Pradesh</t>
  </si>
  <si>
    <t>Mohali-Sohana</t>
  </si>
  <si>
    <t>Roorkee - Haridwar</t>
  </si>
  <si>
    <t>Barabanki - Uttar Pradesh</t>
  </si>
  <si>
    <t>Hardoi - Uttar Pradesh</t>
  </si>
  <si>
    <t>Bhaktinagar</t>
  </si>
  <si>
    <t>Nalasopara West</t>
  </si>
  <si>
    <t>Barbil - Odisha</t>
  </si>
  <si>
    <t>Mira Road - Shanti Park</t>
  </si>
  <si>
    <t>Andheri West - Seven Bungalows</t>
  </si>
  <si>
    <t>Kandivali East - Akurli Road</t>
  </si>
  <si>
    <t>Andheri East - Sahar Road</t>
  </si>
  <si>
    <t>Mahakali Caves Road, Andheri</t>
  </si>
  <si>
    <t>M G Road Trichur</t>
  </si>
  <si>
    <t>Calicut-Nadakkavu-Kerala</t>
  </si>
  <si>
    <t>Hapur - Uttar Pradesh</t>
  </si>
  <si>
    <t>Panchkula Sector 20 - Haryana</t>
  </si>
  <si>
    <t>Nanganallur</t>
  </si>
  <si>
    <t>Gopalapuram</t>
  </si>
  <si>
    <t>Selaiyur</t>
  </si>
  <si>
    <t>Barwala Delhi</t>
  </si>
  <si>
    <t>Bhikaji Cama Place</t>
  </si>
  <si>
    <t>Vasant Square Mall</t>
  </si>
  <si>
    <t xml:space="preserve">Alappuzha  </t>
  </si>
  <si>
    <t>Technopark</t>
  </si>
  <si>
    <t>Kakkanad</t>
  </si>
  <si>
    <t>Byculla Victoria Road</t>
  </si>
  <si>
    <t>Anna Nagar 3Rd Avenue</t>
  </si>
  <si>
    <t>Washermentpet</t>
  </si>
  <si>
    <t>Raniganj - West Bengal</t>
  </si>
  <si>
    <t>Park Street</t>
  </si>
  <si>
    <t>Vellore - Tamilnadu</t>
  </si>
  <si>
    <t>Namakkal - Tamilnadu</t>
  </si>
  <si>
    <t>Petbasheerabad</t>
  </si>
  <si>
    <t>Balanagar</t>
  </si>
  <si>
    <t>Ananthapur - Andhra Pradesh</t>
  </si>
  <si>
    <t>Jajpur Road - Odisha</t>
  </si>
  <si>
    <t>Faridabad Sec 29 - Haryana</t>
  </si>
  <si>
    <t>Barakhamba Road</t>
  </si>
  <si>
    <t>Krishna Nagar</t>
  </si>
  <si>
    <t>Pali - Rajasthan</t>
  </si>
  <si>
    <t>Pushpanjali Enclave</t>
  </si>
  <si>
    <t>Barrackpore</t>
  </si>
  <si>
    <t>Ihm Branch - Rauza Baugh</t>
  </si>
  <si>
    <t>Frazer Town</t>
  </si>
  <si>
    <t>Telco</t>
  </si>
  <si>
    <t>Kalamassery</t>
  </si>
  <si>
    <t>Salt Lake Sector 5</t>
  </si>
  <si>
    <t>Ranchi 2Nd - Ranchi - Jharkhand</t>
  </si>
  <si>
    <t>Gorakhpur - Ashuran Chowk</t>
  </si>
  <si>
    <t>Alambagh - Lucknow - Uttar Pradesh</t>
  </si>
  <si>
    <t>Lucknow - Aminabad</t>
  </si>
  <si>
    <t>Srinagar - Hari Singh High Street</t>
  </si>
  <si>
    <t>Rishikesh - Railway Road</t>
  </si>
  <si>
    <t>Sirhind - Punjab</t>
  </si>
  <si>
    <t>Mandi - Himachal Pradesh</t>
  </si>
  <si>
    <t>Noida Sec 50 - Uttar Pradesh</t>
  </si>
  <si>
    <t>Thudiyalur</t>
  </si>
  <si>
    <t>Bhilai - Chhattisgarh</t>
  </si>
  <si>
    <t>Jalna - Maharashtra</t>
  </si>
  <si>
    <t>Gidc - Deeksha Apartment</t>
  </si>
  <si>
    <t>Khurja - Uttar Pradesh</t>
  </si>
  <si>
    <t>Tanuku - Andhra Pradesh</t>
  </si>
  <si>
    <t>Mancherial - Telangana</t>
  </si>
  <si>
    <t>Chakan - Maharashtra</t>
  </si>
  <si>
    <t>Manavadar - Gujarat</t>
  </si>
  <si>
    <t>Kapadwanj - Gujarat</t>
  </si>
  <si>
    <t>Borsad - Gujarat</t>
  </si>
  <si>
    <t>Poonamallee</t>
  </si>
  <si>
    <t>Pattabiram</t>
  </si>
  <si>
    <t>Narendrapur</t>
  </si>
  <si>
    <t>Jorhat - Assam</t>
  </si>
  <si>
    <t>Tezpur - Assam</t>
  </si>
  <si>
    <t>Begusarai - Bihar</t>
  </si>
  <si>
    <t>Stadium Road Patiala</t>
  </si>
  <si>
    <t>Rukmini Gaon</t>
  </si>
  <si>
    <t>Guwahati - Noonmati</t>
  </si>
  <si>
    <t>Deogarh - Jharkhand</t>
  </si>
  <si>
    <t>Giridih - Jharkhand</t>
  </si>
  <si>
    <t>Ramgarh Cantonment - Jharkhand</t>
  </si>
  <si>
    <t>Darbhanga - Bihar</t>
  </si>
  <si>
    <t>Jharsuguda - Odisha</t>
  </si>
  <si>
    <t>Angul - Odisha</t>
  </si>
  <si>
    <t>Bhagalpur Khalifabagh</t>
  </si>
  <si>
    <t>Raichur - Karnataka</t>
  </si>
  <si>
    <t>Bagalkote - Karnataka</t>
  </si>
  <si>
    <t>Raipur Ge Road</t>
  </si>
  <si>
    <t>Bullandshahr - Uttar Pradesh</t>
  </si>
  <si>
    <t>Bilaspur Chhattisgarh</t>
  </si>
  <si>
    <t>Pipariya - Madhya Pradesh</t>
  </si>
  <si>
    <t>Itarsi - Madhya Pradesh</t>
  </si>
  <si>
    <t>Therku Venganallur</t>
  </si>
  <si>
    <t>Theni Allinagaram-Tamilnadu</t>
  </si>
  <si>
    <t>Banswara - Rajasthan</t>
  </si>
  <si>
    <t>Ramganj Mandi - Rajasthan</t>
  </si>
  <si>
    <t>Deesa - Gujarat</t>
  </si>
  <si>
    <t>Patan - Gujarat</t>
  </si>
  <si>
    <t>Platinum Plaza</t>
  </si>
  <si>
    <t>Godhra - Gujarat</t>
  </si>
  <si>
    <t>Dahod - Gujarat</t>
  </si>
  <si>
    <t>Chittorgarh Branch</t>
  </si>
  <si>
    <t>Pollachi - Tamilnadu</t>
  </si>
  <si>
    <t>Dhamtari - Chhattisgarh</t>
  </si>
  <si>
    <t>Santoshpur</t>
  </si>
  <si>
    <t>Bhusaval - Maharashtra</t>
  </si>
  <si>
    <t>Pimpalgaon</t>
  </si>
  <si>
    <t>Hinjawadi</t>
  </si>
  <si>
    <t>Perungudi</t>
  </si>
  <si>
    <t>Raman</t>
  </si>
  <si>
    <t>Pehowa</t>
  </si>
  <si>
    <t>Morinda - Punjab</t>
  </si>
  <si>
    <t>Bassi Pathana</t>
  </si>
  <si>
    <t>Samrala</t>
  </si>
  <si>
    <t>Hamirpur - Himachal Pradesh</t>
  </si>
  <si>
    <t>Amloh - Punjab</t>
  </si>
  <si>
    <t>Kangra - Himachal Pradesh</t>
  </si>
  <si>
    <t>Rampur Himachal Pradesh</t>
  </si>
  <si>
    <t>Jagdishpur - Uttar Pradesh</t>
  </si>
  <si>
    <t>Kashipur - Ramnagar Road</t>
  </si>
  <si>
    <t>Joya - Uttar Pradesh</t>
  </si>
  <si>
    <t>Nainital - The Maill Road</t>
  </si>
  <si>
    <t>Ramachandrapuram - Telangana</t>
  </si>
  <si>
    <t>Kharar - Punjab</t>
  </si>
  <si>
    <t>Thane - Ghodbunder Road</t>
  </si>
  <si>
    <t>Chinchinim - Goa</t>
  </si>
  <si>
    <t>Santa Cruz - Goa</t>
  </si>
  <si>
    <t>Alibaug - Maharashtra</t>
  </si>
  <si>
    <t>Salcete - Colva</t>
  </si>
  <si>
    <t>Paravur</t>
  </si>
  <si>
    <t>Cherpu</t>
  </si>
  <si>
    <t>Hingne Khurd</t>
  </si>
  <si>
    <t>Nirala Bazaar</t>
  </si>
  <si>
    <t>Khopoli - Maharashtra</t>
  </si>
  <si>
    <t>Sindhanur - Karnataka</t>
  </si>
  <si>
    <t>Apmc Navi Mumbai</t>
  </si>
  <si>
    <t>Cbd Belapur</t>
  </si>
  <si>
    <t>Ghansoli - Reliance Corporate Park</t>
  </si>
  <si>
    <t>Thippasandra</t>
  </si>
  <si>
    <t>Agara Lake</t>
  </si>
  <si>
    <t>Bandra East - Kalanagar</t>
  </si>
  <si>
    <t>Kurla - Kamani</t>
  </si>
  <si>
    <t>Wanowrie</t>
  </si>
  <si>
    <t>Thiruvanmiyur</t>
  </si>
  <si>
    <t>Contai - West Bengal</t>
  </si>
  <si>
    <t>Cooch - Behar</t>
  </si>
  <si>
    <t>Maharaj Gunj - Srinagar</t>
  </si>
  <si>
    <t>Sitarganj - Khatima Road</t>
  </si>
  <si>
    <t>Naya Nangal</t>
  </si>
  <si>
    <t>Barewal Awana</t>
  </si>
  <si>
    <t>East Mohan Nagar - Amritsar</t>
  </si>
  <si>
    <t>Una Hp</t>
  </si>
  <si>
    <t>Sopore - Kashmir</t>
  </si>
  <si>
    <t>Bareilly Ii</t>
  </si>
  <si>
    <t>Zero Road - Allahabad</t>
  </si>
  <si>
    <t>Kothagudem Telangana</t>
  </si>
  <si>
    <t>Kamala Nagar</t>
  </si>
  <si>
    <t>Ladwa</t>
  </si>
  <si>
    <t>Jagadhari</t>
  </si>
  <si>
    <t>Industrial Area - Chandigarh</t>
  </si>
  <si>
    <t>K R Road - Bsk Ii Stage</t>
  </si>
  <si>
    <t>Padmanabanagar</t>
  </si>
  <si>
    <t>Indira Nagar</t>
  </si>
  <si>
    <t>Kanchipuram</t>
  </si>
  <si>
    <t>Perambur</t>
  </si>
  <si>
    <t>Thiruvalur</t>
  </si>
  <si>
    <t>Viman Nagar</t>
  </si>
  <si>
    <t>Agartala Branch</t>
  </si>
  <si>
    <t>Btm Layout</t>
  </si>
  <si>
    <t>Rohini Sector-8</t>
  </si>
  <si>
    <t>Ambawadi</t>
  </si>
  <si>
    <t>Bapunagar</t>
  </si>
  <si>
    <t>Prahlad Nagar</t>
  </si>
  <si>
    <t>Nelamangala</t>
  </si>
  <si>
    <t>Dehradun - Arhat Bazar</t>
  </si>
  <si>
    <t>Lalgate</t>
  </si>
  <si>
    <t>Sangavi</t>
  </si>
  <si>
    <t>Relief Road</t>
  </si>
  <si>
    <t>Moti Khavdi</t>
  </si>
  <si>
    <t>Hazira</t>
  </si>
  <si>
    <t>New Rohtak Road</t>
  </si>
  <si>
    <t>Damoh - Madhya Pradesh</t>
  </si>
  <si>
    <t>Kondli</t>
  </si>
  <si>
    <t>I P Extention - Patparganj</t>
  </si>
  <si>
    <t>Jasola Vihar</t>
  </si>
  <si>
    <t>Dwarka Sector 22</t>
  </si>
  <si>
    <t>Mayur Vihar - Phase 1</t>
  </si>
  <si>
    <t>Pilkhuwa</t>
  </si>
  <si>
    <t>Cybercity</t>
  </si>
  <si>
    <t>Noida Sector 110</t>
  </si>
  <si>
    <t>Naya Bazar</t>
  </si>
  <si>
    <t>Lawrance Road</t>
  </si>
  <si>
    <t>Vishal Enclave</t>
  </si>
  <si>
    <t>Chittaranjan Park</t>
  </si>
  <si>
    <t>Netaji Subhash Palace</t>
  </si>
  <si>
    <t>Bicholim - Goa</t>
  </si>
  <si>
    <t>Haridwar Main Branch</t>
  </si>
  <si>
    <t>Rae Bareilly</t>
  </si>
  <si>
    <t>Siwan - Bihar</t>
  </si>
  <si>
    <t>Andul Branch</t>
  </si>
  <si>
    <t>Jeypore Branch</t>
  </si>
  <si>
    <t>Petlad,Gujarat</t>
  </si>
  <si>
    <t>Umbergaon</t>
  </si>
  <si>
    <t>Udhna</t>
  </si>
  <si>
    <t>Naroda</t>
  </si>
  <si>
    <t>Dadra</t>
  </si>
  <si>
    <t>Bibvewadi</t>
  </si>
  <si>
    <t>Bhandup - West</t>
  </si>
  <si>
    <t>Gachibowli</t>
  </si>
  <si>
    <t>Beeramguda Colony</t>
  </si>
  <si>
    <t>Gandhi Road</t>
  </si>
  <si>
    <t>Vatva</t>
  </si>
  <si>
    <t>Gudur Andhra Pradesh</t>
  </si>
  <si>
    <t>Noida Sector 63</t>
  </si>
  <si>
    <t>Puthanathani</t>
  </si>
  <si>
    <t>Outer Ring Road Bellandur</t>
  </si>
  <si>
    <t>Chandannagar</t>
  </si>
  <si>
    <t>Nizamabad Telangana</t>
  </si>
  <si>
    <t>Banashankari 5th Stage</t>
  </si>
  <si>
    <t>Balagere</t>
  </si>
  <si>
    <t>Paota-Jodhpur</t>
  </si>
  <si>
    <t>Mansarovar Jaipur</t>
  </si>
  <si>
    <t>Eksar Road Branch</t>
  </si>
  <si>
    <t>Kharghar Sec 35E</t>
  </si>
  <si>
    <t>Virar East - Station Road</t>
  </si>
  <si>
    <t>Nandyal - Andhra Pradesh</t>
  </si>
  <si>
    <t>Pattom</t>
  </si>
  <si>
    <t>Borivali West - Chickoo Wadi</t>
  </si>
  <si>
    <t>Vikhroli West - Lbs Marg</t>
  </si>
  <si>
    <t>Model Town Delhi</t>
  </si>
  <si>
    <t>Inderpuri</t>
  </si>
  <si>
    <t>Khandsa Road</t>
  </si>
  <si>
    <t>Bali Nagar</t>
  </si>
  <si>
    <t>Bhatar</t>
  </si>
  <si>
    <t>Citylight</t>
  </si>
  <si>
    <t>Dhantoli</t>
  </si>
  <si>
    <t>Dalhousie - Clive Row</t>
  </si>
  <si>
    <t>Jogeshwarieast - Caves Road</t>
  </si>
  <si>
    <t>Naigaon West Branch</t>
  </si>
  <si>
    <t>Miyapur</t>
  </si>
  <si>
    <t>Malkajgiri</t>
  </si>
  <si>
    <t>Ongole Andhra Pradesh</t>
  </si>
  <si>
    <t>Bhayander West</t>
  </si>
  <si>
    <t>Nanpura</t>
  </si>
  <si>
    <t>Vile Parle West - Lajpatrai Road</t>
  </si>
  <si>
    <t>Seawoods Navi Mumbai</t>
  </si>
  <si>
    <t>Sanpada</t>
  </si>
  <si>
    <t>Turbhe</t>
  </si>
  <si>
    <t>Rajendranagar</t>
  </si>
  <si>
    <t>Anakapalli</t>
  </si>
  <si>
    <t>Chinnamiram Andhra Pradesh</t>
  </si>
  <si>
    <t>Narsaraopeta Andhra Pradesh</t>
  </si>
  <si>
    <t>Puttaparthi - Andhra Pradesh</t>
  </si>
  <si>
    <t>Sahakarnagar</t>
  </si>
  <si>
    <t>Hoskote</t>
  </si>
  <si>
    <t>Avadi</t>
  </si>
  <si>
    <t>Rajarajeshwari Nagar</t>
  </si>
  <si>
    <t>Qutubullapur</t>
  </si>
  <si>
    <t>Uppal Kalan</t>
  </si>
  <si>
    <t>Vanasthalipuram - L B Nagar</t>
  </si>
  <si>
    <t>Mahadevapura</t>
  </si>
  <si>
    <t>Mathikere</t>
  </si>
  <si>
    <t>Bommanahally</t>
  </si>
  <si>
    <t>Anekal - Chandrapur Road</t>
  </si>
  <si>
    <t>Kalkere</t>
  </si>
  <si>
    <t>Chidambaram - Tamilnadu</t>
  </si>
  <si>
    <t>K K Nagar</t>
  </si>
  <si>
    <t>Chuna Bhatti</t>
  </si>
  <si>
    <t>Cuddullore-Tamilnadu</t>
  </si>
  <si>
    <t>Silchar - Assam</t>
  </si>
  <si>
    <t>Kharagpur - West Bengal</t>
  </si>
  <si>
    <t>Sakchi</t>
  </si>
  <si>
    <t>Janakpuri C Block</t>
  </si>
  <si>
    <t>Kalapatti Main Road</t>
  </si>
  <si>
    <t>Sarojini Nagar</t>
  </si>
  <si>
    <t>Chawri Bazar</t>
  </si>
  <si>
    <t>Dibrugarh Branch</t>
  </si>
  <si>
    <t>Koyambedu</t>
  </si>
  <si>
    <t>Vepery</t>
  </si>
  <si>
    <t>Gaurav Path,  Bhiwadi</t>
  </si>
  <si>
    <t>Shahpura Jaipur</t>
  </si>
  <si>
    <t>Mira Road - Beverly Park</t>
  </si>
  <si>
    <t>Sadahalli</t>
  </si>
  <si>
    <t>Sadashivanagar</t>
  </si>
  <si>
    <t>Saheednagar - Odisha</t>
  </si>
  <si>
    <t>Moti Chowk Khagaul</t>
  </si>
  <si>
    <t>Chandkheda</t>
  </si>
  <si>
    <t>Thane East - Kopri Colony</t>
  </si>
  <si>
    <t>Sabarmati</t>
  </si>
  <si>
    <t xml:space="preserve"> Lahurabir</t>
  </si>
  <si>
    <t>Behala</t>
  </si>
  <si>
    <t>Karan Nagar - Srinagar</t>
  </si>
  <si>
    <t>South Extension Part 1</t>
  </si>
  <si>
    <t>Kanpur G.T Road</t>
  </si>
  <si>
    <t>Nurmahal - Jalandhar</t>
  </si>
  <si>
    <t>Damanjodi</t>
  </si>
  <si>
    <t>R.K.Salai</t>
  </si>
  <si>
    <t>Dasanapura</t>
  </si>
  <si>
    <t>Kharghar</t>
  </si>
  <si>
    <t>Zaveri Bazaar Branch</t>
  </si>
  <si>
    <t>Borivili East - Station East</t>
  </si>
  <si>
    <t>Brahmapore - Odisha</t>
  </si>
  <si>
    <t>Andheri West - J P Road</t>
  </si>
  <si>
    <t>Derabassi - Punjab</t>
  </si>
  <si>
    <t>Sooramangalam</t>
  </si>
  <si>
    <t>Moradabad - Lajpat Nagar</t>
  </si>
  <si>
    <t>Gomti Nagar</t>
  </si>
  <si>
    <t>Arcot</t>
  </si>
  <si>
    <t>Matunga West-Razmah Building</t>
  </si>
  <si>
    <t>Karve Nagar</t>
  </si>
  <si>
    <t>Bhayender East - Kasturi Udyog</t>
  </si>
  <si>
    <t>Puri - Odisha</t>
  </si>
  <si>
    <t>Dadar West - Ranade Road</t>
  </si>
  <si>
    <t>Bhavani Shankar Road Branch</t>
  </si>
  <si>
    <t>Goregaon East - Station Road</t>
  </si>
  <si>
    <t>Kandivili East-Lokhandwala Centrium Mall</t>
  </si>
  <si>
    <t>Sikar - Rajasthan</t>
  </si>
  <si>
    <t>Peeragarhi</t>
  </si>
  <si>
    <t>Salt Lake - Sector 3</t>
  </si>
  <si>
    <t>Rajharhat</t>
  </si>
  <si>
    <t>Dunlop</t>
  </si>
  <si>
    <t>Lookergunj</t>
  </si>
  <si>
    <t>Rajajipuram - Lucknow</t>
  </si>
  <si>
    <t>Indra Vihar</t>
  </si>
  <si>
    <t xml:space="preserve">Jafar Nagar </t>
  </si>
  <si>
    <t>Ullal</t>
  </si>
  <si>
    <t>Kavunthapadi</t>
  </si>
  <si>
    <t>Bharatpur 3</t>
  </si>
  <si>
    <t>Chettikulam Junction</t>
  </si>
  <si>
    <t>Indapur 2</t>
  </si>
  <si>
    <t>Market Road - Bhandara</t>
  </si>
  <si>
    <t>Mmb Opera House Chowpatty</t>
  </si>
  <si>
    <t>Dlf Galeria</t>
  </si>
  <si>
    <t>Global Business Park</t>
  </si>
  <si>
    <t>Andheri East - J.B.Nagar</t>
  </si>
  <si>
    <t>K H Road</t>
  </si>
  <si>
    <t>Marine Drive - Mittal Court</t>
  </si>
  <si>
    <t>Millers Road</t>
  </si>
  <si>
    <t>Phase3 B2 Mohali</t>
  </si>
  <si>
    <t>Bund Garden</t>
  </si>
  <si>
    <t>Patto - Goa</t>
  </si>
  <si>
    <t>Cansaulim - Melquiedes Bldg</t>
  </si>
  <si>
    <t>Alto Mapusa</t>
  </si>
  <si>
    <t>Cenotaph Road Branch</t>
  </si>
  <si>
    <t>Sector-15/C Chandigarh</t>
  </si>
  <si>
    <t>Choice Towers</t>
  </si>
  <si>
    <t>Prince Anwar Shah Road</t>
  </si>
  <si>
    <t>M 39 Outer Circle</t>
  </si>
  <si>
    <t>Navelim - Margao Ii</t>
  </si>
  <si>
    <t>Willingdon Island</t>
  </si>
  <si>
    <t>Sector-12</t>
  </si>
  <si>
    <t>C I T Road - Scheme 6 M</t>
  </si>
  <si>
    <t>Anna Nagar West - Ii Avenue</t>
  </si>
  <si>
    <t>Jayanagar - Rvs Paradise</t>
  </si>
  <si>
    <t>Chinchwad - Pcmc Auditorium</t>
  </si>
  <si>
    <t>Punjagutta</t>
  </si>
  <si>
    <t>Vasna</t>
  </si>
  <si>
    <t>Dahisar West - Kanderpada</t>
  </si>
  <si>
    <t>Jadavpur - Subodh Mulik Road</t>
  </si>
  <si>
    <t>Peenya</t>
  </si>
  <si>
    <t>Teen Haath Naka</t>
  </si>
  <si>
    <t>Ito - Bahadur Shah Zafar Marg</t>
  </si>
  <si>
    <t>Broadway - Parrys Corner</t>
  </si>
  <si>
    <t>Kidwai Nagar</t>
  </si>
  <si>
    <t>Hill Cart Road</t>
  </si>
  <si>
    <t>Indorerace Course Road</t>
  </si>
  <si>
    <t>Productivity House</t>
  </si>
  <si>
    <t>India Exchange Place</t>
  </si>
  <si>
    <t>Daba Gardens</t>
  </si>
  <si>
    <t>Gandhi Nagar - Vellore</t>
  </si>
  <si>
    <t>Sharanpur Road</t>
  </si>
  <si>
    <t>Tilakwadi - Belgaum</t>
  </si>
  <si>
    <t>Sadar</t>
  </si>
  <si>
    <t>Ghod Dod Road</t>
  </si>
  <si>
    <t>Avinashi Road</t>
  </si>
  <si>
    <t>Lal Bungalow Circle - Jamnagar</t>
  </si>
  <si>
    <t>Chandrashekharpur</t>
  </si>
  <si>
    <t>Shardabaug</t>
  </si>
  <si>
    <t>Sriperambudur</t>
  </si>
  <si>
    <t>Majestic Center</t>
  </si>
  <si>
    <t>Candolim - Goa</t>
  </si>
  <si>
    <t>M.P Nagar - Zone Ii</t>
  </si>
  <si>
    <t>PMG Trivandrum</t>
  </si>
  <si>
    <t>Shornur Road</t>
  </si>
  <si>
    <t>Nissing - Haryana</t>
  </si>
  <si>
    <t>Ashok Vihar Phase 1</t>
  </si>
  <si>
    <t>Bmc Chowk</t>
  </si>
  <si>
    <t>Kandivali East - Ganpati Towers</t>
  </si>
  <si>
    <t>Rajender Nagar</t>
  </si>
  <si>
    <t>Sapru Marg</t>
  </si>
  <si>
    <t>Empire Infantry Road</t>
  </si>
  <si>
    <t>M.G.Road - Mangalore</t>
  </si>
  <si>
    <t>Ooty Branch</t>
  </si>
  <si>
    <t>Lawson Road</t>
  </si>
  <si>
    <t>Vv Mohalla Mysore</t>
  </si>
  <si>
    <t>Durga Nursery Road</t>
  </si>
  <si>
    <t>Laxmipuri - Kolhapur</t>
  </si>
  <si>
    <t>Benachity</t>
  </si>
  <si>
    <t>Adipur</t>
  </si>
  <si>
    <t>Madurai Ii</t>
  </si>
  <si>
    <t>Pondicherry Ii</t>
  </si>
  <si>
    <t>Mango</t>
  </si>
  <si>
    <t>Pachpedi Naka, Raipur</t>
  </si>
  <si>
    <t>Brindhavan Road</t>
  </si>
  <si>
    <t>Vijay Nagar - Jabalpur</t>
  </si>
  <si>
    <t xml:space="preserve">Adoor </t>
  </si>
  <si>
    <t>Egmore Branch</t>
  </si>
  <si>
    <t>Jodhpur Cross Roads</t>
  </si>
  <si>
    <t>Edapally</t>
  </si>
  <si>
    <t>Satadhar Circle</t>
  </si>
  <si>
    <t>Ambattur</t>
  </si>
  <si>
    <t>Eicher Motors Campus,Pithampur,Dist Dhar</t>
  </si>
  <si>
    <t>Noida Sec 41</t>
  </si>
  <si>
    <t>East Marredpally</t>
  </si>
  <si>
    <t>Vadapalani</t>
  </si>
  <si>
    <t>Cambridge Road - Ulsoor</t>
  </si>
  <si>
    <t>Karthik Nagar</t>
  </si>
  <si>
    <t>Vatanappally Branch</t>
  </si>
  <si>
    <t>Esplanade</t>
  </si>
  <si>
    <t>Kotturpuram</t>
  </si>
  <si>
    <t>Chandigarh Sector 9D</t>
  </si>
  <si>
    <t>Phase Vii</t>
  </si>
  <si>
    <t>Phase Xi - Mohali</t>
  </si>
  <si>
    <t>Kirti Nagar G14</t>
  </si>
  <si>
    <t>Dholewal Chowk</t>
  </si>
  <si>
    <t>Bhadson Road</t>
  </si>
  <si>
    <t>Golden Temple Amritsar</t>
  </si>
  <si>
    <t>Sector 43 B Chandigarh</t>
  </si>
  <si>
    <t>Kapurthala Road - Jalandhar</t>
  </si>
  <si>
    <t>Bandra West - Linking Road</t>
  </si>
  <si>
    <t>Karol Bagh Gurudwara Road</t>
  </si>
  <si>
    <t>Moga-Chamberroad</t>
  </si>
  <si>
    <t>Mata Rani Road - Ludhiana</t>
  </si>
  <si>
    <t>Swastik Vihar</t>
  </si>
  <si>
    <t>Kesrisinghpur-Dhanmandi</t>
  </si>
  <si>
    <t>Sector 27 C Chandigarh</t>
  </si>
  <si>
    <t>Samalkha Branch</t>
  </si>
  <si>
    <t>Pratap Nagar</t>
  </si>
  <si>
    <t>Assandh - Haryana</t>
  </si>
  <si>
    <t>Nawanshahr</t>
  </si>
  <si>
    <t>Villa Station</t>
  </si>
  <si>
    <t>Chhotti Baradari</t>
  </si>
  <si>
    <t>Paradise Theatre</t>
  </si>
  <si>
    <t>Maqsudan - Jalandhar</t>
  </si>
  <si>
    <t>Santacruz East - Santacruz Station</t>
  </si>
  <si>
    <t>Majitha Mandi - Amritsar</t>
  </si>
  <si>
    <t>Bhogpur Branch</t>
  </si>
  <si>
    <t>Brs Nagar</t>
  </si>
  <si>
    <t>Ghatlodiya</t>
  </si>
  <si>
    <t>Dwarka Sector 11</t>
  </si>
  <si>
    <t>Pap Extn Complex</t>
  </si>
  <si>
    <t>Sahnewal Branch</t>
  </si>
  <si>
    <t>Miller Ganj - Gill Road</t>
  </si>
  <si>
    <t>Rajouri Garden B K Dutt Market</t>
  </si>
  <si>
    <t>Malout-Dcm Complex-G.T.Road</t>
  </si>
  <si>
    <t>Green Park Extn - S 4</t>
  </si>
  <si>
    <t>Kikkar Bazaar</t>
  </si>
  <si>
    <t>Rohini Sector 9 - Northex Mall</t>
  </si>
  <si>
    <t>Abohar-Circularroad-Punjab</t>
  </si>
  <si>
    <t>Punjabi Bagh - Club Road</t>
  </si>
  <si>
    <t>Preet Vihar Aditya Complex</t>
  </si>
  <si>
    <t>Noida Sector 16</t>
  </si>
  <si>
    <t>Sabji Mandi-Delhi</t>
  </si>
  <si>
    <t>Goraya-G.T.Road-Punjab</t>
  </si>
  <si>
    <t>Netaji Nagar</t>
  </si>
  <si>
    <t>Talab Tillo - Jammu</t>
  </si>
  <si>
    <t>Andheri West - Indralok</t>
  </si>
  <si>
    <t>Khan Market</t>
  </si>
  <si>
    <t>Court Road</t>
  </si>
  <si>
    <t>Dlh Malviya Nagar</t>
  </si>
  <si>
    <t>Kailash Colony</t>
  </si>
  <si>
    <t>Sutheri Road</t>
  </si>
  <si>
    <t>Sultanpur Lodhi</t>
  </si>
  <si>
    <t>G P Road</t>
  </si>
  <si>
    <t>Dlh East Patel Nagar</t>
  </si>
  <si>
    <t>Banga - Nawanshahr Road</t>
  </si>
  <si>
    <t>Amritsar Spring Dales Senior School</t>
  </si>
  <si>
    <t>Quadian</t>
  </si>
  <si>
    <t>Nakodar - Punjab</t>
  </si>
  <si>
    <t>Jogeshwari West - Oshiwara</t>
  </si>
  <si>
    <t>Rajaji Nagar</t>
  </si>
  <si>
    <t>Nehru Place</t>
  </si>
  <si>
    <t>Janakpuri D Block</t>
  </si>
  <si>
    <t>Bengali Market</t>
  </si>
  <si>
    <t>Raja Park</t>
  </si>
  <si>
    <t>Bowenpally</t>
  </si>
  <si>
    <t>Sector 32 D Market</t>
  </si>
  <si>
    <t>Pakhowal Road</t>
  </si>
  <si>
    <t>Sector-15 Part-Ii</t>
  </si>
  <si>
    <t>Chotti Baradari Part I</t>
  </si>
  <si>
    <t>Okhla Phase - I</t>
  </si>
  <si>
    <t>Shirpur Branch</t>
  </si>
  <si>
    <t>Rishi Nagar - Ludhiana</t>
  </si>
  <si>
    <t>Ludhianamodel Town</t>
  </si>
  <si>
    <t>Vijay Nagar - Jalandhar</t>
  </si>
  <si>
    <t>Shakti Nagar Extension</t>
  </si>
  <si>
    <t>Sector-57</t>
  </si>
  <si>
    <t>Panchkula Sector-16</t>
  </si>
  <si>
    <t>Sd College Campus</t>
  </si>
  <si>
    <t>Jalandhar - Railway Road</t>
  </si>
  <si>
    <t>Machhiwara Branch</t>
  </si>
  <si>
    <t>Ballupur Chowk</t>
  </si>
  <si>
    <t>Manimajra - Govindpura</t>
  </si>
  <si>
    <t>Pachalam</t>
  </si>
  <si>
    <t>Sarat Bose Road</t>
  </si>
  <si>
    <t>A B Road - The Arcade</t>
  </si>
  <si>
    <t>Amritsar Green Avenue</t>
  </si>
  <si>
    <t>Vikas Puri G-Block Branch</t>
  </si>
  <si>
    <t>Amar Colony - New Delhi</t>
  </si>
  <si>
    <t>Garhshankar - Hoshiarpur Road</t>
  </si>
  <si>
    <t>Gpo Sirsa</t>
  </si>
  <si>
    <t>Guru Har Sahai</t>
  </si>
  <si>
    <t>Raghunandan Textile Market</t>
  </si>
  <si>
    <t>Chd- Industrial Area Ph-II</t>
  </si>
  <si>
    <t>Panipat S D School</t>
  </si>
  <si>
    <t>Basni Industrial Area - Jodhpur</t>
  </si>
  <si>
    <t>Old G.T.Road Phillaur Jalandhar</t>
  </si>
  <si>
    <t>Bagha Purana-Hadaari Market- Punjab</t>
  </si>
  <si>
    <t>Vijay Nagar - Andheri East</t>
  </si>
  <si>
    <t>Bhikhi Branch</t>
  </si>
  <si>
    <t>Anandpur Sahib</t>
  </si>
  <si>
    <t>Tarntaran-Railwayrd-Nrbajwapress</t>
  </si>
  <si>
    <t>Banipark</t>
  </si>
  <si>
    <t>Hissar Jindal Chowk Branch</t>
  </si>
  <si>
    <t>Karnal Sector 8</t>
  </si>
  <si>
    <t>Mahilpur - Punjab</t>
  </si>
  <si>
    <t>Ghansoli</t>
  </si>
  <si>
    <t>Chaura Rasta - Jaipur</t>
  </si>
  <si>
    <t>Paonta Sahib</t>
  </si>
  <si>
    <t>Kamla Nagar</t>
  </si>
  <si>
    <t>Kapurbawdi Branch</t>
  </si>
  <si>
    <t>Shastri Nagar</t>
  </si>
  <si>
    <t>Pitampura Kohat Enclave</t>
  </si>
  <si>
    <t>Tilak Nagar</t>
  </si>
  <si>
    <t>Tilaknagar - Chembur</t>
  </si>
  <si>
    <t>Narsinh Centre</t>
  </si>
  <si>
    <t>Mithapur Branch</t>
  </si>
  <si>
    <t>Anjar - Gujarat</t>
  </si>
  <si>
    <t>Vyara Branch</t>
  </si>
  <si>
    <t>Zadeshwar Branch</t>
  </si>
  <si>
    <t>Malad East - Upper Govind Nagar</t>
  </si>
  <si>
    <t>Chembur - C.G.Road</t>
  </si>
  <si>
    <t>Gurunath Sankul</t>
  </si>
  <si>
    <t>Raigarhc.G-Chaitanyaanagar</t>
  </si>
  <si>
    <t>Gangtok - National Highway 31 A</t>
  </si>
  <si>
    <t>Eluru Road</t>
  </si>
  <si>
    <t>Sardulgarh-Anajmandi-Punjab</t>
  </si>
  <si>
    <t>Tanda Road</t>
  </si>
  <si>
    <t>Shamshabad Road Agra</t>
  </si>
  <si>
    <t>Pallavpuram - Meerut</t>
  </si>
  <si>
    <t>Jln Road - Allahabad</t>
  </si>
  <si>
    <t>Lanka Branch</t>
  </si>
  <si>
    <t>Faridabad Sector - 14</t>
  </si>
  <si>
    <t>J K Plaza - Gwalior 2</t>
  </si>
  <si>
    <t>Malda - Bhirabnath Abasan</t>
  </si>
  <si>
    <t>Anantpur - Ranchi</t>
  </si>
  <si>
    <t>Powai - Chandivli Farm Road</t>
  </si>
  <si>
    <t>Whitefield - Itpl Road</t>
  </si>
  <si>
    <t>M G Road - Ghatkopar West</t>
  </si>
  <si>
    <t>Christan Basti Guwahati</t>
  </si>
  <si>
    <t>Lal Banglaw Kanpur</t>
  </si>
  <si>
    <t>Tibi Road,Nai Mandi,Hanumangarh Rajastha</t>
  </si>
  <si>
    <t>Cheeka - Kaithal Road Branch</t>
  </si>
  <si>
    <t>Ratia - Haryana</t>
  </si>
  <si>
    <t>Dhuri Branch</t>
  </si>
  <si>
    <t>Budhlada, Disrict Mansa, Punjab</t>
  </si>
  <si>
    <t>Giddarbaha-Dav School-Punjab</t>
  </si>
  <si>
    <t>Grain Market Nihalsinghwala</t>
  </si>
  <si>
    <t>Pilibanga-Wardhouseroad-Rajasthan</t>
  </si>
  <si>
    <t xml:space="preserve">Mavelikkara  </t>
  </si>
  <si>
    <t xml:space="preserve">Cheppad  </t>
  </si>
  <si>
    <t>Eramallur</t>
  </si>
  <si>
    <t>Thanneermukkom</t>
  </si>
  <si>
    <t>M G Road - Trivandrum</t>
  </si>
  <si>
    <t>Baker Junction</t>
  </si>
  <si>
    <t xml:space="preserve">Kudamaloor  </t>
  </si>
  <si>
    <t xml:space="preserve">Kulathumuzhy  </t>
  </si>
  <si>
    <t>Oravakkal</t>
  </si>
  <si>
    <t>Karunagappally</t>
  </si>
  <si>
    <t>East Fort Trivandrum</t>
  </si>
  <si>
    <t>Vazhakala</t>
  </si>
  <si>
    <t>Iyyattilmukku</t>
  </si>
  <si>
    <t xml:space="preserve">Kaloor </t>
  </si>
  <si>
    <t>Vytilla</t>
  </si>
  <si>
    <t xml:space="preserve">Angamally </t>
  </si>
  <si>
    <t>Kanjirappally</t>
  </si>
  <si>
    <t>S N Park - Kannur</t>
  </si>
  <si>
    <t>Payyanur Kerala</t>
  </si>
  <si>
    <t>Kanhangad Branch</t>
  </si>
  <si>
    <t>Alathur-Courtroad-Kerala</t>
  </si>
  <si>
    <t>Koduvayur - Kerala</t>
  </si>
  <si>
    <t>Ottapalam - Kerala</t>
  </si>
  <si>
    <t>Palakkad Town - College Road</t>
  </si>
  <si>
    <t>Vadakkencherry</t>
  </si>
  <si>
    <t>Chendrapinni</t>
  </si>
  <si>
    <t>Kechery-Thrissur</t>
  </si>
  <si>
    <t xml:space="preserve">Chavakkad </t>
  </si>
  <si>
    <t xml:space="preserve">Triprayar </t>
  </si>
  <si>
    <t xml:space="preserve">Karuvannur  </t>
  </si>
  <si>
    <t>Kodakara - Keyar Complex</t>
  </si>
  <si>
    <t xml:space="preserve">Kodungallur </t>
  </si>
  <si>
    <t>Vadakkaum Padan Towers</t>
  </si>
  <si>
    <t>Perumpilavu</t>
  </si>
  <si>
    <t>Lokamalleswaram - Kerala</t>
  </si>
  <si>
    <t>Mala - Padayatti Complex</t>
  </si>
  <si>
    <t>Changaramkulam</t>
  </si>
  <si>
    <t>Perinjanam</t>
  </si>
  <si>
    <t>Thiruvillwamala</t>
  </si>
  <si>
    <t>Srinagar Colony</t>
  </si>
  <si>
    <t>Karkhana Road - Vikrampuri</t>
  </si>
  <si>
    <t>Chandigarh Sector 40</t>
  </si>
  <si>
    <t>Lajpat Nagar 2</t>
  </si>
  <si>
    <t>Janakpuri A3</t>
  </si>
  <si>
    <t>Kalkaji - B Block</t>
  </si>
  <si>
    <t>Preet Vihar G Block</t>
  </si>
  <si>
    <t>Mansarover Garden</t>
  </si>
  <si>
    <t>New Rajinder Nagar</t>
  </si>
  <si>
    <t>Karampura</t>
  </si>
  <si>
    <t>Saraswati Vihar - Pitam Pura</t>
  </si>
  <si>
    <t>East Jyoti Nagar - Shahdara</t>
  </si>
  <si>
    <t>Panchavati Circle</t>
  </si>
  <si>
    <t xml:space="preserve">Sec 15 Faridabad </t>
  </si>
  <si>
    <t>Vidyaranyapura</t>
  </si>
  <si>
    <t>Desai Chambers</t>
  </si>
  <si>
    <t>Hampanakatta - Mangalore</t>
  </si>
  <si>
    <t>Manipal Branch</t>
  </si>
  <si>
    <t>Kalina</t>
  </si>
  <si>
    <t>Malad West- Sunder Nagar</t>
  </si>
  <si>
    <t>Kopar Khairaney - Subham Palace</t>
  </si>
  <si>
    <t>Parmeshwari Plaza Mulund</t>
  </si>
  <si>
    <t>Kharadi - Pune</t>
  </si>
  <si>
    <t>Santacruz West - S.V. Road.</t>
  </si>
  <si>
    <t>Majitha Road</t>
  </si>
  <si>
    <t>Jalandhar Rama Mandi</t>
  </si>
  <si>
    <t>Samrala Road - Ludhiana</t>
  </si>
  <si>
    <t>Sirhind Road - Patiala</t>
  </si>
  <si>
    <t>Kartarpur Branch</t>
  </si>
  <si>
    <t>Jaipur Kamal Kunj</t>
  </si>
  <si>
    <t>Teynampet</t>
  </si>
  <si>
    <t>Shenoy Nagar</t>
  </si>
  <si>
    <t>Gandhipuram</t>
  </si>
  <si>
    <t>Cutchery Road</t>
  </si>
  <si>
    <t>Car Street-Salem</t>
  </si>
  <si>
    <t>Sector 18 - Noida</t>
  </si>
  <si>
    <t>Kottakkal Branch</t>
  </si>
  <si>
    <t>Sulthan Bathery Branch</t>
  </si>
  <si>
    <t>Karamana</t>
  </si>
  <si>
    <t>Attingal</t>
  </si>
  <si>
    <t>Ramanattukara</t>
  </si>
  <si>
    <t>Sasthamangalam</t>
  </si>
  <si>
    <t>Viyyoor Branch</t>
  </si>
  <si>
    <t>Thrikkakara</t>
  </si>
  <si>
    <t>Mahape</t>
  </si>
  <si>
    <t>Sector 51 - Noida</t>
  </si>
  <si>
    <t>Nad Kotha Road</t>
  </si>
  <si>
    <t>Santosh Nagar</t>
  </si>
  <si>
    <t>Motinagar</t>
  </si>
  <si>
    <t>Ameerpet</t>
  </si>
  <si>
    <t>Vidyanagar</t>
  </si>
  <si>
    <t>Shaikpet</t>
  </si>
  <si>
    <t>Vivekananda Nagar</t>
  </si>
  <si>
    <t>Barpeta Road</t>
  </si>
  <si>
    <t>Sibsagar</t>
  </si>
  <si>
    <t>Raja Bazar - Patna</t>
  </si>
  <si>
    <t>Mahasamund, Cg</t>
  </si>
  <si>
    <t>Baloda Bazar</t>
  </si>
  <si>
    <t>Pitampura</t>
  </si>
  <si>
    <t>Janpath</t>
  </si>
  <si>
    <t>Kalkaji</t>
  </si>
  <si>
    <t>Gandhi Nagar</t>
  </si>
  <si>
    <t>Yusuf Sarai</t>
  </si>
  <si>
    <t>East Of Kailash Ii</t>
  </si>
  <si>
    <t>Dilshad Colony</t>
  </si>
  <si>
    <t>Anand Vihar</t>
  </si>
  <si>
    <t>Chattarpur Delhi</t>
  </si>
  <si>
    <t>Kapashera</t>
  </si>
  <si>
    <t>Mehrauli</t>
  </si>
  <si>
    <t>Vivek Vihar</t>
  </si>
  <si>
    <t>Sheikh Sarai</t>
  </si>
  <si>
    <t>Pernem - Goa</t>
  </si>
  <si>
    <t>Shyamal Cross Roads</t>
  </si>
  <si>
    <t>Sanand Branch</t>
  </si>
  <si>
    <t>Darpan Six Roads</t>
  </si>
  <si>
    <t>Chandlodiya</t>
  </si>
  <si>
    <t>Dharnidhar - Ahmedabad</t>
  </si>
  <si>
    <t>Usmanpura</t>
  </si>
  <si>
    <t>Dabholi Road</t>
  </si>
  <si>
    <t>Dawn</t>
  </si>
  <si>
    <t>Lokhand Bazar</t>
  </si>
  <si>
    <t>Jamkhambhalia</t>
  </si>
  <si>
    <t>Una Gujarat</t>
  </si>
  <si>
    <t>Lunsiqai</t>
  </si>
  <si>
    <t>Laxminagar</t>
  </si>
  <si>
    <t>Ranchhodnagar</t>
  </si>
  <si>
    <t>Nirmala Road</t>
  </si>
  <si>
    <t>L P Savani</t>
  </si>
  <si>
    <t>Rander Road</t>
  </si>
  <si>
    <t>Hira Baug</t>
  </si>
  <si>
    <t>Puna Kumbharia</t>
  </si>
  <si>
    <t>Piplod</t>
  </si>
  <si>
    <t>Sachin Surat</t>
  </si>
  <si>
    <t>Athwagate</t>
  </si>
  <si>
    <t>Katargam</t>
  </si>
  <si>
    <t>Waghodia Road</t>
  </si>
  <si>
    <t>Vasna Road</t>
  </si>
  <si>
    <t>Subhanpura</t>
  </si>
  <si>
    <t>Chitra</t>
  </si>
  <si>
    <t>Sector 4 - Gurgaon</t>
  </si>
  <si>
    <t>Palm Court, Gurgaon</t>
  </si>
  <si>
    <t>Dlf City Court</t>
  </si>
  <si>
    <t>Sector 29 - Gurgaon</t>
  </si>
  <si>
    <t>South City Ii</t>
  </si>
  <si>
    <t>Siwan</t>
  </si>
  <si>
    <t>Gharonda</t>
  </si>
  <si>
    <t>Faridabad Sector 35</t>
  </si>
  <si>
    <t>Barwala Panchkula</t>
  </si>
  <si>
    <t>Barzulla Chowk</t>
  </si>
  <si>
    <t>Chinsura</t>
  </si>
  <si>
    <t>Daltonganj</t>
  </si>
  <si>
    <t>Devanhalli</t>
  </si>
  <si>
    <t>Hunsamaranahalli</t>
  </si>
  <si>
    <t>Wilson Garden</t>
  </si>
  <si>
    <t>V V Puram</t>
  </si>
  <si>
    <t>Giri Nagar</t>
  </si>
  <si>
    <t>Church Street</t>
  </si>
  <si>
    <t>Bilekahalli-J.P Nagar 4Th Phase</t>
  </si>
  <si>
    <t>Kanakpura Road</t>
  </si>
  <si>
    <t>Mahalaxmipuram</t>
  </si>
  <si>
    <t>Bangalore - Indira Nagar 100 Feet Road</t>
  </si>
  <si>
    <t>Marathahalli</t>
  </si>
  <si>
    <t>Chandra Layout</t>
  </si>
  <si>
    <t>Koramangala - Ii</t>
  </si>
  <si>
    <t>Banaswadi</t>
  </si>
  <si>
    <t>Mogappair - West</t>
  </si>
  <si>
    <t>Ganj Basoda</t>
  </si>
  <si>
    <t>Lalghati</t>
  </si>
  <si>
    <t>CHHATARPUR-MP</t>
  </si>
  <si>
    <t>Annapurna Road</t>
  </si>
  <si>
    <t>Shehnai 2</t>
  </si>
  <si>
    <t>Bina</t>
  </si>
  <si>
    <t>Shehdol</t>
  </si>
  <si>
    <t>Kopargaon</t>
  </si>
  <si>
    <t>Savedi</t>
  </si>
  <si>
    <t>Beed</t>
  </si>
  <si>
    <t>Jalgaon - Danabazaar</t>
  </si>
  <si>
    <t>Nagpur - Pratap Nagar</t>
  </si>
  <si>
    <t>Deolali Camp</t>
  </si>
  <si>
    <t>Parbhani</t>
  </si>
  <si>
    <t>Vishrantwadi</t>
  </si>
  <si>
    <t>Navi Peth</t>
  </si>
  <si>
    <t>Baner</t>
  </si>
  <si>
    <t>Chinchwad</t>
  </si>
  <si>
    <t>Paud Road</t>
  </si>
  <si>
    <t>Talegaon</t>
  </si>
  <si>
    <t>Jogeshwari-Vikhroli Link Road Branch</t>
  </si>
  <si>
    <t>Juhu Tara Road</t>
  </si>
  <si>
    <t>Kalwa</t>
  </si>
  <si>
    <t>Khadakpada</t>
  </si>
  <si>
    <t>Ulhasnagar - Camp 4</t>
  </si>
  <si>
    <t>Naigaon East</t>
  </si>
  <si>
    <t>Nalasopara East</t>
  </si>
  <si>
    <t>Agashi Virar</t>
  </si>
  <si>
    <t>Manjiri</t>
  </si>
  <si>
    <t>Aizwal</t>
  </si>
  <si>
    <t>Batala Road - Amritsar</t>
  </si>
  <si>
    <t>Nakodar Road</t>
  </si>
  <si>
    <t>Focal Point - Ludhiana</t>
  </si>
  <si>
    <t>Dugri</t>
  </si>
  <si>
    <t>Mohali Phase Ii</t>
  </si>
  <si>
    <t>Pratapgrah</t>
  </si>
  <si>
    <t>New Sanganer Road - Jaipur</t>
  </si>
  <si>
    <t>Malviya Nagar</t>
  </si>
  <si>
    <t>Nai Sadak</t>
  </si>
  <si>
    <t>Talwandi - Kota</t>
  </si>
  <si>
    <t>Bhankrota</t>
  </si>
  <si>
    <t>Udumalpet</t>
  </si>
  <si>
    <t>Dindigal</t>
  </si>
  <si>
    <t>Chengalpet</t>
  </si>
  <si>
    <t>Maraimalai Nagar</t>
  </si>
  <si>
    <t>Adambakkam</t>
  </si>
  <si>
    <t>Arakkonam</t>
  </si>
  <si>
    <t>Arumbakkam</t>
  </si>
  <si>
    <t>Triplicane</t>
  </si>
  <si>
    <t>Mandaveli</t>
  </si>
  <si>
    <t>T Nagar - Habibullah Road</t>
  </si>
  <si>
    <t>Ayanavaram</t>
  </si>
  <si>
    <t>Adyar</t>
  </si>
  <si>
    <t>Mahalingapuram</t>
  </si>
  <si>
    <t>Dlf-Ramapuram</t>
  </si>
  <si>
    <t>West Tambaram</t>
  </si>
  <si>
    <t>Ellampillai</t>
  </si>
  <si>
    <t>Nandambakkam</t>
  </si>
  <si>
    <t>Mahindra City</t>
  </si>
  <si>
    <t>Thucklay</t>
  </si>
  <si>
    <t>Pallikaranai</t>
  </si>
  <si>
    <t>Kareilly</t>
  </si>
  <si>
    <t>Auriya</t>
  </si>
  <si>
    <t>Shyamganj</t>
  </si>
  <si>
    <t>Gazipur</t>
  </si>
  <si>
    <t>Fatehgarh</t>
  </si>
  <si>
    <t>Fatehpur - Up</t>
  </si>
  <si>
    <t>Noida Sector I</t>
  </si>
  <si>
    <t>Sector 44</t>
  </si>
  <si>
    <t>Sector 31</t>
  </si>
  <si>
    <t>Noida Sec 84 Hosiery Complex</t>
  </si>
  <si>
    <t>Birahana Road - Kanpur</t>
  </si>
  <si>
    <t>Jankipuram</t>
  </si>
  <si>
    <t>Mau Nath Bhanjan</t>
  </si>
  <si>
    <t>Garh Road - Meerut</t>
  </si>
  <si>
    <t>Pratapgarh</t>
  </si>
  <si>
    <t>Rampurup</t>
  </si>
  <si>
    <t>Reenukoot</t>
  </si>
  <si>
    <t>Kasba</t>
  </si>
  <si>
    <t>C R Avenue</t>
  </si>
  <si>
    <t>Belghoria</t>
  </si>
  <si>
    <t xml:space="preserve">M G Road Kolkata </t>
  </si>
  <si>
    <t>Haridevpur</t>
  </si>
  <si>
    <t>Krishannagar</t>
  </si>
  <si>
    <t>Dum Dum Road</t>
  </si>
  <si>
    <t>Agra Cantonment</t>
  </si>
  <si>
    <t xml:space="preserve">Ajnala </t>
  </si>
  <si>
    <t>Aligarh - Masoodabad</t>
  </si>
  <si>
    <t>Allagadda - Andhra Pradesh</t>
  </si>
  <si>
    <t>Alwarpet</t>
  </si>
  <si>
    <t>Shalimar Bagh-Ii</t>
  </si>
  <si>
    <t>Najibabad- Uttar Pradesh</t>
  </si>
  <si>
    <t>Ashiyana</t>
  </si>
  <si>
    <t>Ashok Nagar Mp</t>
  </si>
  <si>
    <t>Banda</t>
  </si>
  <si>
    <t>Banur</t>
  </si>
  <si>
    <t>Gangyal</t>
  </si>
  <si>
    <t>Bhera Enclave</t>
  </si>
  <si>
    <t>Sabun Marg - Bhilwara</t>
  </si>
  <si>
    <t>Bihar Sharif</t>
  </si>
  <si>
    <t>Biswanath Chariyali</t>
  </si>
  <si>
    <t>Byrnihat</t>
  </si>
  <si>
    <t>Adampur Punjab</t>
  </si>
  <si>
    <t>Sambhal-Uttar Pradesh</t>
  </si>
  <si>
    <t>Charkhi Dadri - Haryana</t>
  </si>
  <si>
    <t>Oppanakara Street</t>
  </si>
  <si>
    <t>Cuttack - Jholasahi</t>
  </si>
  <si>
    <t>Dharampur Guj</t>
  </si>
  <si>
    <t>Bestech City Center, Dharuhera</t>
  </si>
  <si>
    <t>Digboi Branch</t>
  </si>
  <si>
    <t>Nai Sarak</t>
  </si>
  <si>
    <t>Kamal Cinema</t>
  </si>
  <si>
    <t>Hamirpur</t>
  </si>
  <si>
    <t>Howrah Dobson</t>
  </si>
  <si>
    <t>Anna Nagar West Extension</t>
  </si>
  <si>
    <t>Hayatnagar</t>
  </si>
  <si>
    <t>Hsr Layout</t>
  </si>
  <si>
    <t>Port Blair, Andaman And Nicobar Islands</t>
  </si>
  <si>
    <t>Banjara Hills Road No 12</t>
  </si>
  <si>
    <t>Hyderguda</t>
  </si>
  <si>
    <t>Koti</t>
  </si>
  <si>
    <t>Vijay Nagar Colony</t>
  </si>
  <si>
    <t>Palsikar Square</t>
  </si>
  <si>
    <t>Jasdan Branch</t>
  </si>
  <si>
    <t>Jhansi-Ii</t>
  </si>
  <si>
    <t>Saket Ii</t>
  </si>
  <si>
    <t>Halsey Road</t>
  </si>
  <si>
    <t>Karol Bagh-Iv</t>
  </si>
  <si>
    <t>Katihar Branch</t>
  </si>
  <si>
    <t>Kengeri Satellite Town</t>
  </si>
  <si>
    <t>Khatauli- Uttar Pradesh</t>
  </si>
  <si>
    <t>Camac Street</t>
  </si>
  <si>
    <t>Kondapur</t>
  </si>
  <si>
    <t>Rampura Bazar - Kota</t>
  </si>
  <si>
    <t>Kushaiguda</t>
  </si>
  <si>
    <t>Vasant Kunj Ii</t>
  </si>
  <si>
    <t>Madurai - Anna Nagar</t>
  </si>
  <si>
    <t>Orderly Bazaar -Varanasi</t>
  </si>
  <si>
    <t>Mandvi Branch</t>
  </si>
  <si>
    <t>Meramandali Branch</t>
  </si>
  <si>
    <t>Mohan Co-Operative</t>
  </si>
  <si>
    <t>Tagore Garden</t>
  </si>
  <si>
    <t>Naraina Vihar-Residential Area</t>
  </si>
  <si>
    <t>Panchavati</t>
  </si>
  <si>
    <t>Kidwai Nagar - Kanpur</t>
  </si>
  <si>
    <t>Cit Nagar</t>
  </si>
  <si>
    <t>North Guwahati Branch</t>
  </si>
  <si>
    <t>Old Madras Road</t>
  </si>
  <si>
    <t>Sasaram Branch</t>
  </si>
  <si>
    <t>Tirupattur</t>
  </si>
  <si>
    <t>Koregaon Park</t>
  </si>
  <si>
    <t>Katwaria Sarai</t>
  </si>
  <si>
    <t>Rahuri - Ahmednagar</t>
  </si>
  <si>
    <t>Hinoo</t>
  </si>
  <si>
    <t>Huda Complex - Rohtak</t>
  </si>
  <si>
    <t>Saharanpur-Ii</t>
  </si>
  <si>
    <t>Shamshabad Hyderabad</t>
  </si>
  <si>
    <t>Rohini-Sector 7</t>
  </si>
  <si>
    <t>Serilingampally</t>
  </si>
  <si>
    <t>Okhla Industrial Area Ph 3</t>
  </si>
  <si>
    <t>Priyadarshini Vihar</t>
  </si>
  <si>
    <t>Sowcarpet</t>
  </si>
  <si>
    <t>Srinagar - Garhwal</t>
  </si>
  <si>
    <t>Sunder Nagar - Himachal Pradesh</t>
  </si>
  <si>
    <t>Swaroop Nagar - Kanpur</t>
  </si>
  <si>
    <t>Saligramam</t>
  </si>
  <si>
    <t>Kavuri Hills</t>
  </si>
  <si>
    <t>Thiruverumbur</t>
  </si>
  <si>
    <t>Pamposh Enclave, New Delhi</t>
  </si>
  <si>
    <t>Ip Extension-Ii</t>
  </si>
  <si>
    <t>Cc Colony</t>
  </si>
  <si>
    <t>T Nagar - South Boag Road</t>
  </si>
  <si>
    <t>Bilaspur Haryana</t>
  </si>
  <si>
    <t>Govardhan</t>
  </si>
  <si>
    <t>Jaysinghpur</t>
  </si>
  <si>
    <t>Gadmudsinghi</t>
  </si>
  <si>
    <t>Mansa - Gujarat</t>
  </si>
  <si>
    <t>Nawapara - Rajim</t>
  </si>
  <si>
    <t>Rajgarh Mp</t>
  </si>
  <si>
    <t>Raxaul</t>
  </si>
  <si>
    <t>Seoni - Malwa</t>
  </si>
  <si>
    <t>Shapar Branch</t>
  </si>
  <si>
    <t>Saraimeer</t>
  </si>
  <si>
    <t>Barahalganj</t>
  </si>
  <si>
    <t>Fatak Bazar, Silchar</t>
  </si>
  <si>
    <t>Lohta Varanasi</t>
  </si>
  <si>
    <t>Adampur Haryana</t>
  </si>
  <si>
    <t>Barwala Hisar</t>
  </si>
  <si>
    <t>Fathegarh Churian</t>
  </si>
  <si>
    <t>Jagatsinghapur</t>
  </si>
  <si>
    <t>Jandiala Manjiki</t>
  </si>
  <si>
    <t>Mangliya Sadak</t>
  </si>
  <si>
    <t>Maur Mandi</t>
  </si>
  <si>
    <t>Tarakeshwar</t>
  </si>
  <si>
    <t>Yeola</t>
  </si>
  <si>
    <t>Gulaothi-Uttar Pradesh</t>
  </si>
  <si>
    <t>Udaipur-Tripura</t>
  </si>
  <si>
    <t>Bhagta Bhai Ka</t>
  </si>
  <si>
    <t>Chikhli - Gujarat</t>
  </si>
  <si>
    <t>Avinashi</t>
  </si>
  <si>
    <t>Saravanampatti Branch</t>
  </si>
  <si>
    <t>Athani</t>
  </si>
  <si>
    <t>Sevoor</t>
  </si>
  <si>
    <t>Zaheerabad</t>
  </si>
  <si>
    <t>Bhiwadi Ii</t>
  </si>
  <si>
    <t>Jaitu Mandi</t>
  </si>
  <si>
    <t>Akbarpur - Sallahpur</t>
  </si>
  <si>
    <t>Deogarh</t>
  </si>
  <si>
    <t>Bainsa</t>
  </si>
  <si>
    <t>Chikhli - Maharashtra</t>
  </si>
  <si>
    <t>Maligaon</t>
  </si>
  <si>
    <t>Shamshabad</t>
  </si>
  <si>
    <t>Sri Goindwal Sahib</t>
  </si>
  <si>
    <t>Karkala</t>
  </si>
  <si>
    <t>Khurda</t>
  </si>
  <si>
    <t>Moodbidri</t>
  </si>
  <si>
    <t>Shillong - Burra Bazar</t>
  </si>
  <si>
    <t>Vadavalli</t>
  </si>
  <si>
    <t>Vijai Nagar</t>
  </si>
  <si>
    <t>Kotdwar - Uttarakhand</t>
  </si>
  <si>
    <t>Mehabubabad</t>
  </si>
  <si>
    <t>Jangoan</t>
  </si>
  <si>
    <t>Narsampet</t>
  </si>
  <si>
    <t>Silvassa Ii</t>
  </si>
  <si>
    <t>Surajpur-II</t>
  </si>
  <si>
    <t>Kot Fatuhi</t>
  </si>
  <si>
    <t>Jaggayyapeta</t>
  </si>
  <si>
    <t>Taleigao - Goa</t>
  </si>
  <si>
    <t>Dared Branch - Jamnagar</t>
  </si>
  <si>
    <t>Karnal Industrial Area</t>
  </si>
  <si>
    <t>Whitefield-Bangalore</t>
  </si>
  <si>
    <t>Uluberia</t>
  </si>
  <si>
    <t>Chittoor-Jalikhanastreet</t>
  </si>
  <si>
    <t>Rayachoti-Govtcollegeroad</t>
  </si>
  <si>
    <t>Puttur - Andhra Pradesh</t>
  </si>
  <si>
    <t>Arasikere-Bhroad</t>
  </si>
  <si>
    <t>Nagamallithota - Kakinada</t>
  </si>
  <si>
    <t>Madeenaguda</t>
  </si>
  <si>
    <t>Banjara Hills, Road No 3</t>
  </si>
  <si>
    <t>Puttenahalli</t>
  </si>
  <si>
    <t>Samantarapur</t>
  </si>
  <si>
    <t>Sattenapalli</t>
  </si>
  <si>
    <t>Sanathnagar</t>
  </si>
  <si>
    <t>Tiptur-Bhroad</t>
  </si>
  <si>
    <t>Sagar Ii</t>
  </si>
  <si>
    <t>Chalisgaon-Stationroad</t>
  </si>
  <si>
    <t>Vivekananda Marg</t>
  </si>
  <si>
    <t>Olympia Techpark - Guindy</t>
  </si>
  <si>
    <t>Ascendas - Taramani</t>
  </si>
  <si>
    <t>Ram Nagar</t>
  </si>
  <si>
    <t>Indira Nagar Tiruppur</t>
  </si>
  <si>
    <t>By Pass Road - Madurai</t>
  </si>
  <si>
    <t>Salem - Gugai</t>
  </si>
  <si>
    <t>Humnabad</t>
  </si>
  <si>
    <t>Krishnanagar-Vijayawada</t>
  </si>
  <si>
    <t>Bilaspur-Mungeliroad</t>
  </si>
  <si>
    <t xml:space="preserve">Old Civil Court Road </t>
  </si>
  <si>
    <t>Porbandar Ii</t>
  </si>
  <si>
    <t>Dhoraji Branch</t>
  </si>
  <si>
    <t>Khanyar - Srinagar</t>
  </si>
  <si>
    <t>Rajbagh</t>
  </si>
  <si>
    <t>North Dumdum-Birati</t>
  </si>
  <si>
    <t>Meham-Haryana</t>
  </si>
  <si>
    <t>Rasra</t>
  </si>
  <si>
    <t>Jhusi</t>
  </si>
  <si>
    <t>Madanapalle-Ctmroad</t>
  </si>
  <si>
    <t>Smriti Nagar Bhilai</t>
  </si>
  <si>
    <t>Prernatirth</t>
  </si>
  <si>
    <t>Nyay Mandir</t>
  </si>
  <si>
    <t>Nit Ii - Faridabad</t>
  </si>
  <si>
    <t>Panchkula Sector 25</t>
  </si>
  <si>
    <t>New Shimla</t>
  </si>
  <si>
    <t>Ranebennur-Pbroad</t>
  </si>
  <si>
    <t>Nagda-Kotaphatak</t>
  </si>
  <si>
    <t>Manewada</t>
  </si>
  <si>
    <t>Dhankawadi</t>
  </si>
  <si>
    <t>Mohammedwadi</t>
  </si>
  <si>
    <t>Islampur-Uran</t>
  </si>
  <si>
    <t>Mahanadi Vihar</t>
  </si>
  <si>
    <t>Baramunda Branch</t>
  </si>
  <si>
    <t>Pathankot Ii</t>
  </si>
  <si>
    <t>Sector 70 - Mohali</t>
  </si>
  <si>
    <t>K B Dasan Road</t>
  </si>
  <si>
    <t>Barpeta Town</t>
  </si>
  <si>
    <t>Kankawali</t>
  </si>
  <si>
    <t>T Nagar - Rajahmundry</t>
  </si>
  <si>
    <t>Vinukonda-Bankstreet</t>
  </si>
  <si>
    <t>Padma Rao Nagar</t>
  </si>
  <si>
    <t>Ranip</t>
  </si>
  <si>
    <t>Odhav</t>
  </si>
  <si>
    <t>Nowgam</t>
  </si>
  <si>
    <t>Hazaribagh Ii</t>
  </si>
  <si>
    <t>Vattiyoorkavu</t>
  </si>
  <si>
    <t>Gulmohar</t>
  </si>
  <si>
    <t>Airport Rd Indore</t>
  </si>
  <si>
    <t>Buldhana</t>
  </si>
  <si>
    <t>Kestopur</t>
  </si>
  <si>
    <t>Shankar Nagar - Raipur</t>
  </si>
  <si>
    <t>Infocity Gandhinagar</t>
  </si>
  <si>
    <t>Morvi-2</t>
  </si>
  <si>
    <t>Wode House Road - Colaba</t>
  </si>
  <si>
    <t>Wagle Estate - Thane</t>
  </si>
  <si>
    <t>Panchpakadi</t>
  </si>
  <si>
    <t>Purulia-Ranchiroad</t>
  </si>
  <si>
    <t>Anisabad</t>
  </si>
  <si>
    <t>Kankarbagh Ii</t>
  </si>
  <si>
    <t>Ram Gopal Colony - Rohtak</t>
  </si>
  <si>
    <t>Janipur</t>
  </si>
  <si>
    <t>Bemina</t>
  </si>
  <si>
    <t>Ashok Nagar - Ranchi</t>
  </si>
  <si>
    <t>Akola - Jatharpeth Square</t>
  </si>
  <si>
    <t>Nanded Waghala</t>
  </si>
  <si>
    <t>Sadhu Vaswani Chowk - Pune</t>
  </si>
  <si>
    <t>Pimple Saudagar</t>
  </si>
  <si>
    <t>Ashok Rajpath</t>
  </si>
  <si>
    <t>Collector Office - Ahmedabad</t>
  </si>
  <si>
    <t>Green Fields Faridabad</t>
  </si>
  <si>
    <t>Jhansa Road - Kurukshetra</t>
  </si>
  <si>
    <t>Rewari Ii</t>
  </si>
  <si>
    <t>Alamgiri Bazar</t>
  </si>
  <si>
    <t>Udhampur-Townhall</t>
  </si>
  <si>
    <t>Satpur Midc</t>
  </si>
  <si>
    <t>Patia Chowk</t>
  </si>
  <si>
    <t>Palam Vihar Gurgaon</t>
  </si>
  <si>
    <t>Gangavathi</t>
  </si>
  <si>
    <t>Ambajogai</t>
  </si>
  <si>
    <t>Sonepat Ii</t>
  </si>
  <si>
    <t>Soura</t>
  </si>
  <si>
    <t>Ambala Cantt Mahesh Nagar</t>
  </si>
  <si>
    <t>Yamunanagar Ii</t>
  </si>
  <si>
    <t>Lalchowk - Anantnag</t>
  </si>
  <si>
    <t>Bellandur</t>
  </si>
  <si>
    <t>K R Mohalla - Mysore</t>
  </si>
  <si>
    <t>Saibaba Colony Branch</t>
  </si>
  <si>
    <t>Buxi Bazar</t>
  </si>
  <si>
    <t>Link Road</t>
  </si>
  <si>
    <t>Tarantaran</t>
  </si>
  <si>
    <t>Talala Branch</t>
  </si>
  <si>
    <t>Shahpur-Karnataka</t>
  </si>
  <si>
    <t>Nellore Saraswathi Nagar</t>
  </si>
  <si>
    <t>Maninagar-Jawahar Chowk</t>
  </si>
  <si>
    <t>Pij Road</t>
  </si>
  <si>
    <t>Chanapora</t>
  </si>
  <si>
    <t>Panthachowk</t>
  </si>
  <si>
    <t>Chikkaballapura</t>
  </si>
  <si>
    <t>College Square</t>
  </si>
  <si>
    <t>Bhabanagar Square - Brahmapur</t>
  </si>
  <si>
    <t>Rasulgarh</t>
  </si>
  <si>
    <t>Vaishali Nagar - Ajmer</t>
  </si>
  <si>
    <t>T Nagar Burkit Road</t>
  </si>
  <si>
    <t>Shopian-Shadman Complex</t>
  </si>
  <si>
    <t>Mukandpur</t>
  </si>
  <si>
    <t>Tapukera</t>
  </si>
  <si>
    <t>Bellampally</t>
  </si>
  <si>
    <t>Yousufguda</t>
  </si>
  <si>
    <t>Phusro</t>
  </si>
  <si>
    <t>AM Street – Puducherry Branch</t>
  </si>
  <si>
    <t>Udaipur Hiran Magri</t>
  </si>
  <si>
    <t>K K Nagar - Madurai</t>
  </si>
  <si>
    <t>West Bouleward Road</t>
  </si>
  <si>
    <t>K K Nagar Trichy</t>
  </si>
  <si>
    <t>Gomti Nagar Ii</t>
  </si>
  <si>
    <t>Khunti-Jharkhand</t>
  </si>
  <si>
    <t>Kallakurichi</t>
  </si>
  <si>
    <t>Siswa Bazar</t>
  </si>
  <si>
    <t>Fatehpur Ii</t>
  </si>
  <si>
    <t>Patliputra</t>
  </si>
  <si>
    <t>Upleta Branch</t>
  </si>
  <si>
    <t>Unitech Cyber Park</t>
  </si>
  <si>
    <t>Sector 62 - Noida</t>
  </si>
  <si>
    <t>Domariaganj</t>
  </si>
  <si>
    <t>Sector 47 - Chandigarh</t>
  </si>
  <si>
    <t>Sardarsahar</t>
  </si>
  <si>
    <t>Jodhpur Pal Road</t>
  </si>
  <si>
    <t>Fatehpur - Rajasthan</t>
  </si>
  <si>
    <t>Tanda-Chajjapur</t>
  </si>
  <si>
    <t>College Street</t>
  </si>
  <si>
    <t>New Market</t>
  </si>
  <si>
    <t>Khardaha</t>
  </si>
  <si>
    <t>Dera Baba Jaimal Singh - Beas</t>
  </si>
  <si>
    <t>Sojat</t>
  </si>
  <si>
    <t>Merta</t>
  </si>
  <si>
    <t>Paota</t>
  </si>
  <si>
    <t>Deopur</t>
  </si>
  <si>
    <t>Sector 48 - Noida</t>
  </si>
  <si>
    <t>Jodhpur Park</t>
  </si>
  <si>
    <t>Ankleshwar - Gidc Branch</t>
  </si>
  <si>
    <t>Ballabgarh</t>
  </si>
  <si>
    <t>Peach Tree - Gurgaon</t>
  </si>
  <si>
    <t>Kanke</t>
  </si>
  <si>
    <t>Bawdhan</t>
  </si>
  <si>
    <t>Miraj</t>
  </si>
  <si>
    <t>Karad Ii</t>
  </si>
  <si>
    <t>Chandini Chowk</t>
  </si>
  <si>
    <t>Batala 2</t>
  </si>
  <si>
    <t>Bidhannagar</t>
  </si>
  <si>
    <t>K T Road - Tirupati</t>
  </si>
  <si>
    <t>Jaistambh Chowk - Raipur</t>
  </si>
  <si>
    <t>Sector-11 Huda</t>
  </si>
  <si>
    <t>Munwarabad</t>
  </si>
  <si>
    <t>Chamrajpet</t>
  </si>
  <si>
    <t>World Trade Centre</t>
  </si>
  <si>
    <t>Info Park</t>
  </si>
  <si>
    <t>Shivaji Chowk - Panvel</t>
  </si>
  <si>
    <t>Baraipali</t>
  </si>
  <si>
    <t>Sangrur II</t>
  </si>
  <si>
    <t>Mainpuri-Stationroad</t>
  </si>
  <si>
    <t>Entally</t>
  </si>
  <si>
    <t>Kalapahar</t>
  </si>
  <si>
    <t>Kalambagh - Muzaffarpur</t>
  </si>
  <si>
    <t>Bariatu</t>
  </si>
  <si>
    <t>Domlur - Bangalore</t>
  </si>
  <si>
    <t>Amravati - Shegaon Naka</t>
  </si>
  <si>
    <t>Lake Avenue</t>
  </si>
  <si>
    <t>Mahmudabad</t>
  </si>
  <si>
    <t>Dobbaspet</t>
  </si>
  <si>
    <t>Narwal</t>
  </si>
  <si>
    <t>Murar</t>
  </si>
  <si>
    <t>Civil Lines - Jabalpur</t>
  </si>
  <si>
    <t>Bagaha</t>
  </si>
  <si>
    <t>Golmuri</t>
  </si>
  <si>
    <t>Gariahat</t>
  </si>
  <si>
    <t>Qamarwari</t>
  </si>
  <si>
    <t>Residency Road</t>
  </si>
  <si>
    <t>Chheharta</t>
  </si>
  <si>
    <t>Sector - 23</t>
  </si>
  <si>
    <t>Vapi - Char Rasta</t>
  </si>
  <si>
    <t>Hissar Iii</t>
  </si>
  <si>
    <t>Mandigobindgarh - Ii</t>
  </si>
  <si>
    <t>Vasant Vihar - Jalandhar</t>
  </si>
  <si>
    <t>Grain Market - Khanna</t>
  </si>
  <si>
    <t>Babrik Chowk - Jalandhar</t>
  </si>
  <si>
    <t>Barewal Awana Ii</t>
  </si>
  <si>
    <t>Usgaon</t>
  </si>
  <si>
    <t>Sector 20 Chandigarh</t>
  </si>
  <si>
    <t>Rehari</t>
  </si>
  <si>
    <t>Kadma</t>
  </si>
  <si>
    <t>Koramangala - 4Th Block</t>
  </si>
  <si>
    <t>Maleswaram - 7Th Cross</t>
  </si>
  <si>
    <t>Ramamurthy Nagar</t>
  </si>
  <si>
    <t>Indrapuri - Bhel</t>
  </si>
  <si>
    <t>Irc Village</t>
  </si>
  <si>
    <t>Bathinda Iii</t>
  </si>
  <si>
    <t>Kapurthala Ii</t>
  </si>
  <si>
    <t>Lenin Sarani</t>
  </si>
  <si>
    <t>Rajgarh Rajasthan</t>
  </si>
  <si>
    <t>Dwarka Nashik</t>
  </si>
  <si>
    <t>Pandharpur-Sargamcinema</t>
  </si>
  <si>
    <t>Jaisalmer</t>
  </si>
  <si>
    <t>Hewett Road</t>
  </si>
  <si>
    <t>Patuli</t>
  </si>
  <si>
    <t>Warje</t>
  </si>
  <si>
    <t>Civil Station - Kozhikode</t>
  </si>
  <si>
    <t>Hennur Road - Bangalore</t>
  </si>
  <si>
    <t>Bishnah</t>
  </si>
  <si>
    <t>Wardha Road</t>
  </si>
  <si>
    <t>Solapur Hotagi Road</t>
  </si>
  <si>
    <t>Pattukkottai</t>
  </si>
  <si>
    <t>Pathshala</t>
  </si>
  <si>
    <t>Gandhi Park - Guntur</t>
  </si>
  <si>
    <t>Mla Colony - Banjara Hills</t>
  </si>
  <si>
    <t>Dalli Rajhra</t>
  </si>
  <si>
    <t>Valsad - Halar Road</t>
  </si>
  <si>
    <t>Race Course Road</t>
  </si>
  <si>
    <t>Sector 93A - Noida</t>
  </si>
  <si>
    <t>Shaheed Chowk</t>
  </si>
  <si>
    <t>Pettah</t>
  </si>
  <si>
    <t>Rudrapur Ii</t>
  </si>
  <si>
    <t>Ajmer Road - Jaipur</t>
  </si>
  <si>
    <t>Bapu Nagar - Jaipur</t>
  </si>
  <si>
    <t>Patparganj Industrial Area</t>
  </si>
  <si>
    <t>Vijaya Bank Layout</t>
  </si>
  <si>
    <t>Cidco - Aurangabad</t>
  </si>
  <si>
    <t>Dahanukar Colony</t>
  </si>
  <si>
    <t>Greater Noida - Sector Omega</t>
  </si>
  <si>
    <t>Parli Vaijnath</t>
  </si>
  <si>
    <t>Jayanagar 8Th Block</t>
  </si>
  <si>
    <t>Rajendra Nagar Patna</t>
  </si>
  <si>
    <t>Cybercity Ii</t>
  </si>
  <si>
    <t>Qutub Plaza</t>
  </si>
  <si>
    <t>Nandi Durga Road</t>
  </si>
  <si>
    <t>Lyons Range</t>
  </si>
  <si>
    <t>Alwar Mia Branch</t>
  </si>
  <si>
    <t>Banashankari 2nd Stage BDA Complex</t>
  </si>
  <si>
    <t>Kasturi Nagar</t>
  </si>
  <si>
    <t xml:space="preserve">Belapur (sector 15) </t>
  </si>
  <si>
    <t>Ghuma</t>
  </si>
  <si>
    <t>Jawhar</t>
  </si>
  <si>
    <t>Khanda Colony - Panvel</t>
  </si>
  <si>
    <t>New Dadar</t>
  </si>
  <si>
    <t>Brooke Fields</t>
  </si>
  <si>
    <t>Manpur Gaya</t>
  </si>
  <si>
    <t>Jogindernagar</t>
  </si>
  <si>
    <t>Rajasansi</t>
  </si>
  <si>
    <t>Talwandi Chaudhrian</t>
  </si>
  <si>
    <t>Arniwala Sheikh Subhan</t>
  </si>
  <si>
    <t>Dharampur Hp</t>
  </si>
  <si>
    <t>Channi Himmat</t>
  </si>
  <si>
    <t>Brein</t>
  </si>
  <si>
    <t>Sonepur Odisha</t>
  </si>
  <si>
    <t>Saraswati Nagar</t>
  </si>
  <si>
    <t>R G Baruah Road</t>
  </si>
  <si>
    <t>Khadur Sahib</t>
  </si>
  <si>
    <t>Shangpung</t>
  </si>
  <si>
    <t>Majri Punjab</t>
  </si>
  <si>
    <t>Hazratbal</t>
  </si>
  <si>
    <t>Laitumkhrah</t>
  </si>
  <si>
    <t>Satwari</t>
  </si>
  <si>
    <t>Golaghat</t>
  </si>
  <si>
    <t>Siwani</t>
  </si>
  <si>
    <t>Baltana</t>
  </si>
  <si>
    <t>Mehatpur-Basheda</t>
  </si>
  <si>
    <t>Ferozepur Jhirka</t>
  </si>
  <si>
    <t>Bilaspur - Hp</t>
  </si>
  <si>
    <t>St Estevam</t>
  </si>
  <si>
    <t>Math Chowmani</t>
  </si>
  <si>
    <t>Ghumarwin</t>
  </si>
  <si>
    <t>Farukhnagar</t>
  </si>
  <si>
    <t>Ramachandrapuram - East Godavari Dist</t>
  </si>
  <si>
    <t>Bhuna</t>
  </si>
  <si>
    <t>Daryapur Banosa</t>
  </si>
  <si>
    <t>Manjlegaon</t>
  </si>
  <si>
    <t>Channarayapatna</t>
  </si>
  <si>
    <t>Panj Grai</t>
  </si>
  <si>
    <t>Huzurnagar</t>
  </si>
  <si>
    <t>Cinema Road - Kalavad</t>
  </si>
  <si>
    <t>Rynjah</t>
  </si>
  <si>
    <t>Landran</t>
  </si>
  <si>
    <t>Jangareddigudem</t>
  </si>
  <si>
    <t>Nakhatrana</t>
  </si>
  <si>
    <t>Alampur Chowrastha</t>
  </si>
  <si>
    <t>Bhogasamudram</t>
  </si>
  <si>
    <t>Arambol</t>
  </si>
  <si>
    <t>Chhaprauli Bangar</t>
  </si>
  <si>
    <t>Paldi - Mehsana</t>
  </si>
  <si>
    <t>Adhewada</t>
  </si>
  <si>
    <t>Mahendranagar</t>
  </si>
  <si>
    <t>Sec 141 - Shahdara</t>
  </si>
  <si>
    <t>Main Road - Dabra</t>
  </si>
  <si>
    <t>Antarjal</t>
  </si>
  <si>
    <t>Lakhnawali</t>
  </si>
  <si>
    <t>Kandukur</t>
  </si>
  <si>
    <t>Gollapudi</t>
  </si>
  <si>
    <t>Bhunter</t>
  </si>
  <si>
    <t>Malauka</t>
  </si>
  <si>
    <t>Ananthathandavapuram</t>
  </si>
  <si>
    <t>Sihali Jageer</t>
  </si>
  <si>
    <t>Kalsani</t>
  </si>
  <si>
    <t>Rajabpur</t>
  </si>
  <si>
    <t>SHUKUL BAZAR</t>
  </si>
  <si>
    <t>Boisar Ii - Chitralaya</t>
  </si>
  <si>
    <t>Kelomal - Bishnubar</t>
  </si>
  <si>
    <t>Mehlanwali</t>
  </si>
  <si>
    <t>Chanmari - Aizwal</t>
  </si>
  <si>
    <t>Wadala</t>
  </si>
  <si>
    <t>Ding Mandi</t>
  </si>
  <si>
    <t>Jhansa</t>
  </si>
  <si>
    <t>Kesri</t>
  </si>
  <si>
    <t>Mallekhan</t>
  </si>
  <si>
    <t>Nigdu</t>
  </si>
  <si>
    <t>Oudhan</t>
  </si>
  <si>
    <t>Panjokhra</t>
  </si>
  <si>
    <t>Panniwala Mota</t>
  </si>
  <si>
    <t>Sagar - Karnataka</t>
  </si>
  <si>
    <t>Fatehbad</t>
  </si>
  <si>
    <t>Julana</t>
  </si>
  <si>
    <t>Shiroda</t>
  </si>
  <si>
    <t>Babain</t>
  </si>
  <si>
    <t>Keorak</t>
  </si>
  <si>
    <t>Kunjpura</t>
  </si>
  <si>
    <t>Malikpur</t>
  </si>
  <si>
    <t>Sabalpur Thana Chappar</t>
  </si>
  <si>
    <t>Alewa</t>
  </si>
  <si>
    <t>Bapoli</t>
  </si>
  <si>
    <t>Phoosgarh</t>
  </si>
  <si>
    <t>Beri</t>
  </si>
  <si>
    <t>Satnali</t>
  </si>
  <si>
    <t>Buria</t>
  </si>
  <si>
    <t>Rabupura</t>
  </si>
  <si>
    <t>Tarapur Gujarat</t>
  </si>
  <si>
    <t>Miran Kot Kalan</t>
  </si>
  <si>
    <t>Nagar</t>
  </si>
  <si>
    <t>Khemkaran (Np)</t>
  </si>
  <si>
    <t>Jalmana</t>
  </si>
  <si>
    <t>Jathlana</t>
  </si>
  <si>
    <t>Chitrakoot Dham</t>
  </si>
  <si>
    <t>Hussainpur</t>
  </si>
  <si>
    <t>Nongmynsong</t>
  </si>
  <si>
    <t>Nangal Kheri</t>
  </si>
  <si>
    <t>B C Road - Bantval</t>
  </si>
  <si>
    <t>Koom Kalan</t>
  </si>
  <si>
    <t>Jorian</t>
  </si>
  <si>
    <t>Sitoguno</t>
  </si>
  <si>
    <t>Chorao</t>
  </si>
  <si>
    <t>Sal</t>
  </si>
  <si>
    <t>Paliem</t>
  </si>
  <si>
    <t>Mandrem</t>
  </si>
  <si>
    <t>Merces</t>
  </si>
  <si>
    <t>Bangarpet</t>
  </si>
  <si>
    <t>Bardoli Ii</t>
  </si>
  <si>
    <t>Mulund - Sagar Garden</t>
  </si>
  <si>
    <t>Laxmi Nagar</t>
  </si>
  <si>
    <t>Ilaichipur</t>
  </si>
  <si>
    <t>Nanyola</t>
  </si>
  <si>
    <t>Naushera</t>
  </si>
  <si>
    <t>Jaisinghpura</t>
  </si>
  <si>
    <t>Dhand Kasel</t>
  </si>
  <si>
    <t>Daara</t>
  </si>
  <si>
    <t>Jamalpur Haryana</t>
  </si>
  <si>
    <t>Shahpur Haryana</t>
  </si>
  <si>
    <t>Sundli - Jubbal</t>
  </si>
  <si>
    <t>Dadri Meerut</t>
  </si>
  <si>
    <t>Pabitranagar</t>
  </si>
  <si>
    <t>Dhilwan Nabha</t>
  </si>
  <si>
    <t>Jaura Chhittran</t>
  </si>
  <si>
    <t>Shirgaon</t>
  </si>
  <si>
    <t>Takhtu Chak</t>
  </si>
  <si>
    <t>Vannel - Khurd</t>
  </si>
  <si>
    <t>Mcleodganj</t>
  </si>
  <si>
    <t>Gudli - Udaipur</t>
  </si>
  <si>
    <t>Kottarakara</t>
  </si>
  <si>
    <t>Bahlurkalan</t>
  </si>
  <si>
    <t>Darbaripur</t>
  </si>
  <si>
    <t>Jhumila Bazar</t>
  </si>
  <si>
    <t>Nurpur</t>
  </si>
  <si>
    <t>Prem Nagar</t>
  </si>
  <si>
    <t>Bhago Ke</t>
  </si>
  <si>
    <t>Lalpur Shahjahanpur</t>
  </si>
  <si>
    <t>Jagadishpur - Gorakhpur</t>
  </si>
  <si>
    <t>Muradabad - Lohari</t>
  </si>
  <si>
    <t>Phaprana</t>
  </si>
  <si>
    <t>Manikonda</t>
  </si>
  <si>
    <t>Kishanpole</t>
  </si>
  <si>
    <t>Royapettah High Road</t>
  </si>
  <si>
    <t>Manish Nagar</t>
  </si>
  <si>
    <t>Business Zone Sec 46</t>
  </si>
  <si>
    <t>Jayanagar 4Th Block</t>
  </si>
  <si>
    <t>Marathahalli Junction</t>
  </si>
  <si>
    <t>Kadugodi</t>
  </si>
  <si>
    <t>Hoshangabad Road Bhopal</t>
  </si>
  <si>
    <t>Baghmughalia</t>
  </si>
  <si>
    <t>Sripuram Tirunelveli</t>
  </si>
  <si>
    <t>Manav Chowk Ambala City</t>
  </si>
  <si>
    <t>Mahal</t>
  </si>
  <si>
    <t>Singanallur</t>
  </si>
  <si>
    <t>Jmd Mega Polis Sohna Road</t>
  </si>
  <si>
    <t>Tilak Road Pune</t>
  </si>
  <si>
    <t>Kharghar Sector 12</t>
  </si>
  <si>
    <t>Basni Silawatan Boranada</t>
  </si>
  <si>
    <t>Model Town Karnal</t>
  </si>
  <si>
    <t>Eros Sector 49 And 50</t>
  </si>
  <si>
    <t>Ntpc Korba</t>
  </si>
  <si>
    <t>Mowa Raipur</t>
  </si>
  <si>
    <t>Sunder Nagar</t>
  </si>
  <si>
    <t>Bhilai Risali</t>
  </si>
  <si>
    <t>Sarkanda</t>
  </si>
  <si>
    <t>Sukhliya</t>
  </si>
  <si>
    <t>Dal Bazar Tiraha</t>
  </si>
  <si>
    <t>New Market Tatya Tope Nagar Bhopal</t>
  </si>
  <si>
    <t>Behrampur</t>
  </si>
  <si>
    <t>Defence Colony Neredmet</t>
  </si>
  <si>
    <t>Dt Mega Mall</t>
  </si>
  <si>
    <t>Sector 40</t>
  </si>
  <si>
    <t>Vijaynagar</t>
  </si>
  <si>
    <t>Cidco Nashik</t>
  </si>
  <si>
    <t>Jalgaon Midc</t>
  </si>
  <si>
    <t>Waluj</t>
  </si>
  <si>
    <t>Valluvar Salai Ramapuram</t>
  </si>
  <si>
    <t>Shevapet Salem</t>
  </si>
  <si>
    <t>Splendor Trade Tower</t>
  </si>
  <si>
    <t>New Sarawan Road</t>
  </si>
  <si>
    <t>Horamavu Bangalore</t>
  </si>
  <si>
    <t>Shahganj Agra</t>
  </si>
  <si>
    <t>Manik Chowk Jhansi</t>
  </si>
  <si>
    <t>Gorakhnath</t>
  </si>
  <si>
    <t>Malewadi</t>
  </si>
  <si>
    <t>Amnan Alinagar</t>
  </si>
  <si>
    <t>Chuna Mandi Paharganj</t>
  </si>
  <si>
    <t>Sunpharma</t>
  </si>
  <si>
    <t>Ulsoor II</t>
  </si>
  <si>
    <t>Sanjay Nagar</t>
  </si>
  <si>
    <t>Sasni Gate Aligarh</t>
  </si>
  <si>
    <t>Tatibandh Raipur</t>
  </si>
  <si>
    <t>Saket Indore</t>
  </si>
  <si>
    <t>Nehru Nagar Bhopal</t>
  </si>
  <si>
    <t>Shastripuram</t>
  </si>
  <si>
    <t>Kankanady Mangalore</t>
  </si>
  <si>
    <t>Sulah Kasba</t>
  </si>
  <si>
    <t>Bhaliabolkateni</t>
  </si>
  <si>
    <t>Panchsheel Park</t>
  </si>
  <si>
    <t>Sapna Sangita</t>
  </si>
  <si>
    <t>Bharuch Station Road</t>
  </si>
  <si>
    <t>Palam Vihar Iii</t>
  </si>
  <si>
    <t>Bahodapur</t>
  </si>
  <si>
    <t>B T Kawade Road</t>
  </si>
  <si>
    <t>Marda</t>
  </si>
  <si>
    <t>Dhokuta</t>
  </si>
  <si>
    <t>Brahmapura</t>
  </si>
  <si>
    <t>Nehru Place Ii</t>
  </si>
  <si>
    <t>Ganganagar</t>
  </si>
  <si>
    <t>Kammanahalli Bangalore</t>
  </si>
  <si>
    <t>Madan Mahal</t>
  </si>
  <si>
    <t>Narhe</t>
  </si>
  <si>
    <t>Khandagiri</t>
  </si>
  <si>
    <t>Cda Cuttack</t>
  </si>
  <si>
    <t>Tiruppur Dharapuram Road Branch</t>
  </si>
  <si>
    <t>Ansari Road - Old Saharanpur</t>
  </si>
  <si>
    <t>Shahpur Gujarat</t>
  </si>
  <si>
    <t>Kuvempunagar</t>
  </si>
  <si>
    <t>Madurai Andalpuram</t>
  </si>
  <si>
    <t>Sakuri</t>
  </si>
  <si>
    <t>Madhapur</t>
  </si>
  <si>
    <t>Sector 21</t>
  </si>
  <si>
    <t>Madhayam Marg</t>
  </si>
  <si>
    <t>Periyar Nagar Perumbur</t>
  </si>
  <si>
    <t>Thakurpukur</t>
  </si>
  <si>
    <t>Ghorad</t>
  </si>
  <si>
    <t>Kharangana</t>
  </si>
  <si>
    <t>Pimpalkhuta</t>
  </si>
  <si>
    <t>Uttam Nagar Dwarka More</t>
  </si>
  <si>
    <t>Kaggadaspura Bangalore</t>
  </si>
  <si>
    <t>Hsr Layout Ii</t>
  </si>
  <si>
    <t>Guduvanchery</t>
  </si>
  <si>
    <t>Mohammadpur</t>
  </si>
  <si>
    <t>Khorhansha</t>
  </si>
  <si>
    <t>Science City</t>
  </si>
  <si>
    <t>Chandankheda</t>
  </si>
  <si>
    <t>Souri</t>
  </si>
  <si>
    <t>Indora Square</t>
  </si>
  <si>
    <t>Vishwakarma Industrial Area</t>
  </si>
  <si>
    <t>Kottar Nagercoil</t>
  </si>
  <si>
    <t>Hydernagar</t>
  </si>
  <si>
    <t>Modhera Road Mehsana</t>
  </si>
  <si>
    <t>Thaltej</t>
  </si>
  <si>
    <t>Koramangal 4Th B Block</t>
  </si>
  <si>
    <t>Electronic City Phase 1 Branch</t>
  </si>
  <si>
    <t>Kasavanahalli</t>
  </si>
  <si>
    <t>Midc Dombivli</t>
  </si>
  <si>
    <t>Nehru Colony Dehradun</t>
  </si>
  <si>
    <t>Samda</t>
  </si>
  <si>
    <t>Financial District</t>
  </si>
  <si>
    <t>Gotri 2</t>
  </si>
  <si>
    <t>Cox Town Bangalore</t>
  </si>
  <si>
    <t>Neelangari</t>
  </si>
  <si>
    <t>Dilman</t>
  </si>
  <si>
    <t>Barfung Rabong</t>
  </si>
  <si>
    <t>Habsiguda</t>
  </si>
  <si>
    <t>Koel Nagar Rourkela</t>
  </si>
  <si>
    <t>Booty More</t>
  </si>
  <si>
    <t>Ranibarod</t>
  </si>
  <si>
    <t>Vikrant Khand Gomti Nagar</t>
  </si>
  <si>
    <t>Khasala</t>
  </si>
  <si>
    <t>Prestige Shantiniketan</t>
  </si>
  <si>
    <t>Holy Gate</t>
  </si>
  <si>
    <t>Indachhoi</t>
  </si>
  <si>
    <t>Dhapewada</t>
  </si>
  <si>
    <t>Kachewani</t>
  </si>
  <si>
    <t>Rajegaon</t>
  </si>
  <si>
    <t>Mahalaxmi Indore</t>
  </si>
  <si>
    <t>Jubilee Hills Road No 10</t>
  </si>
  <si>
    <t>Govind Marg Jaipur</t>
  </si>
  <si>
    <t>Montieth Road Egmore</t>
  </si>
  <si>
    <t>Soloni</t>
  </si>
  <si>
    <t>Mauli</t>
  </si>
  <si>
    <t>J P Nagar V Phase</t>
  </si>
  <si>
    <t>Koramangala 6Th B Block</t>
  </si>
  <si>
    <t>Burari</t>
  </si>
  <si>
    <t>Bahbari Gaon</t>
  </si>
  <si>
    <t>Panchkula Sector 7</t>
  </si>
  <si>
    <t>Jetpar Machhu</t>
  </si>
  <si>
    <t>Malkapur Kolhapur</t>
  </si>
  <si>
    <t>Lonkhairi</t>
  </si>
  <si>
    <t>Bhosari</t>
  </si>
  <si>
    <t>Beerpur</t>
  </si>
  <si>
    <t>Panampilly Nagar</t>
  </si>
  <si>
    <t>Bhiwani Ii</t>
  </si>
  <si>
    <t>Vijaypur</t>
  </si>
  <si>
    <t>Safdarjung Enclave</t>
  </si>
  <si>
    <t>Parigam</t>
  </si>
  <si>
    <t>Siyaganj</t>
  </si>
  <si>
    <t>Mendra Kala</t>
  </si>
  <si>
    <t>Sipri Bazar</t>
  </si>
  <si>
    <t>Banjara Hills Road No 14</t>
  </si>
  <si>
    <t>Bori Buzurg</t>
  </si>
  <si>
    <t>Bhagwanpur - Yamunanagar</t>
  </si>
  <si>
    <t>Sanghaur</t>
  </si>
  <si>
    <t>Takipur</t>
  </si>
  <si>
    <t>Vesu Surat</t>
  </si>
  <si>
    <t>Sec 56 Gurgaon</t>
  </si>
  <si>
    <t>Thane Hiranandani Meadows</t>
  </si>
  <si>
    <t>Sitapura Industrial Area Jaipur</t>
  </si>
  <si>
    <t>Hanuman Nagar</t>
  </si>
  <si>
    <t>Khewra</t>
  </si>
  <si>
    <t>Ahmadpur Branch</t>
  </si>
  <si>
    <t>S S Plaza</t>
  </si>
  <si>
    <t>Kulana</t>
  </si>
  <si>
    <t>Sonepat Iii</t>
  </si>
  <si>
    <t>Vasanth Nagar</t>
  </si>
  <si>
    <t>Domlur Layout</t>
  </si>
  <si>
    <t>Iyer Bunglow</t>
  </si>
  <si>
    <t>Tollygunge Circular Road</t>
  </si>
  <si>
    <t>Lig Square</t>
  </si>
  <si>
    <t>Chak Dabwala</t>
  </si>
  <si>
    <t>Roherian Wali</t>
  </si>
  <si>
    <t>Palanpur Ii</t>
  </si>
  <si>
    <t>Gopalpura</t>
  </si>
  <si>
    <t>Ring Road Paschim Vihar</t>
  </si>
  <si>
    <t>Dhurala</t>
  </si>
  <si>
    <t>Katraj</t>
  </si>
  <si>
    <t>Kishanpura</t>
  </si>
  <si>
    <t>Ratanpura</t>
  </si>
  <si>
    <t>Kamashpur</t>
  </si>
  <si>
    <t>Sola Road Naranpura</t>
  </si>
  <si>
    <t>St Xaviers College Road</t>
  </si>
  <si>
    <t>Vipul Square Center</t>
  </si>
  <si>
    <t>Dhoran Pardi</t>
  </si>
  <si>
    <t>Kabbur</t>
  </si>
  <si>
    <t>Rani</t>
  </si>
  <si>
    <t>Murtzapur</t>
  </si>
  <si>
    <t>Pondi</t>
  </si>
  <si>
    <t>Nagireddipalle</t>
  </si>
  <si>
    <t>Jagannath Pur, Bhadrak</t>
  </si>
  <si>
    <t>Rohini Sector -24 Delhi</t>
  </si>
  <si>
    <t>Solitaire Corporate Park Makarba</t>
  </si>
  <si>
    <t>Velachery Main Road</t>
  </si>
  <si>
    <t>Jabara</t>
  </si>
  <si>
    <t>Bewar</t>
  </si>
  <si>
    <t>Ghat Road</t>
  </si>
  <si>
    <t>Mole</t>
  </si>
  <si>
    <t>Jhotwara</t>
  </si>
  <si>
    <t>Akcha Kushmandi</t>
  </si>
  <si>
    <t>Jubilee Hills Check Post</t>
  </si>
  <si>
    <t>Kumbha Marg</t>
  </si>
  <si>
    <t>Btm Layout 2</t>
  </si>
  <si>
    <t>Munshipulia</t>
  </si>
  <si>
    <t>Shastri Nagar Kanpur</t>
  </si>
  <si>
    <t>Pathrala</t>
  </si>
  <si>
    <t>Bhu Varanasi</t>
  </si>
  <si>
    <t>Chikhali</t>
  </si>
  <si>
    <t>Jayabheri Enclave</t>
  </si>
  <si>
    <t>Udhyog Nagar Udhna Branch</t>
  </si>
  <si>
    <t>Nizampet</t>
  </si>
  <si>
    <t>Nadan Mahal Road</t>
  </si>
  <si>
    <t>Kiit University Bhubaneswar</t>
  </si>
  <si>
    <t>Bendri 1</t>
  </si>
  <si>
    <t>Juinagar Branch</t>
  </si>
  <si>
    <t>Vijay Nagar</t>
  </si>
  <si>
    <t>Harharmahadev Chowk Begusarai</t>
  </si>
  <si>
    <t>Tilkamanjhi Bhagalpur</t>
  </si>
  <si>
    <t>Laheriasarai</t>
  </si>
  <si>
    <t>Thane Makhmali Talao</t>
  </si>
  <si>
    <t>Gulabbagh Purnia</t>
  </si>
  <si>
    <t>Shugaunamore</t>
  </si>
  <si>
    <t>Epip</t>
  </si>
  <si>
    <t>Bedi Hadamatiya</t>
  </si>
  <si>
    <t>Vastrapur</t>
  </si>
  <si>
    <t>Shiv Nadar University Chithara</t>
  </si>
  <si>
    <t>Adarsh Nagar Jabalpur</t>
  </si>
  <si>
    <t>Film Nagar</t>
  </si>
  <si>
    <t>Enikepadu</t>
  </si>
  <si>
    <t>Mazgaon Branch</t>
  </si>
  <si>
    <t>Soami Nagar</t>
  </si>
  <si>
    <t>Sant Nagar</t>
  </si>
  <si>
    <t>Najafgarh Shivaji Marg</t>
  </si>
  <si>
    <t>Sarjapur Road 2</t>
  </si>
  <si>
    <t>Aundh 2</t>
  </si>
  <si>
    <t>Pimple Nilakh</t>
  </si>
  <si>
    <t>Tindivanam</t>
  </si>
  <si>
    <t>Asalwas</t>
  </si>
  <si>
    <t>Rudrapur Deoria</t>
  </si>
  <si>
    <t>Shakarpur</t>
  </si>
  <si>
    <t>Circular Road Ambala City</t>
  </si>
  <si>
    <t>Ramnagar Karnal</t>
  </si>
  <si>
    <t>Mvp Colony</t>
  </si>
  <si>
    <t>East Punjabi Bagh</t>
  </si>
  <si>
    <t>Baldev Nagar Ambala City</t>
  </si>
  <si>
    <t>Star Tower Gurgaon</t>
  </si>
  <si>
    <t>Kphb Colony Kukatpally</t>
  </si>
  <si>
    <t>Express Trade Towers</t>
  </si>
  <si>
    <t>Corporate Sewa Park</t>
  </si>
  <si>
    <t>Rajajinagar Dr Rajkumar Road</t>
  </si>
  <si>
    <t>Amalapuram Bus Complex S.O (2Nd Branch)</t>
  </si>
  <si>
    <t>Jawahar Nagar Cochin</t>
  </si>
  <si>
    <t>Naka Hindola</t>
  </si>
  <si>
    <t>Nawabganj Gonda</t>
  </si>
  <si>
    <t>Dc Road Cuddapah</t>
  </si>
  <si>
    <t>Seethammadhara</t>
  </si>
  <si>
    <t>Deralkatte Mangalore</t>
  </si>
  <si>
    <t>Infocity Bhubaneswar</t>
  </si>
  <si>
    <t>Kalikapur</t>
  </si>
  <si>
    <t>Bapulapadu Hanuman Junction</t>
  </si>
  <si>
    <t>Tirurangadi Chemmad</t>
  </si>
  <si>
    <t>Wadakkancherry</t>
  </si>
  <si>
    <t>Ramnagar Barabanki</t>
  </si>
  <si>
    <t>Ranipur Jhansi</t>
  </si>
  <si>
    <t>Airoli Ii Maharashtra</t>
  </si>
  <si>
    <t>Azad Market</t>
  </si>
  <si>
    <t>Shivalik</t>
  </si>
  <si>
    <t>Ramesh Nagar</t>
  </si>
  <si>
    <t>Sector 15 Panchkula</t>
  </si>
  <si>
    <t>Sector 4 Panchkula</t>
  </si>
  <si>
    <t>Thubarahalli</t>
  </si>
  <si>
    <t>Uttarahalli</t>
  </si>
  <si>
    <t>Itwari</t>
  </si>
  <si>
    <t>Quilandy</t>
  </si>
  <si>
    <t>Vaniyambadi</t>
  </si>
  <si>
    <t>Dhanipur</t>
  </si>
  <si>
    <t>Ramsnehi Ghat</t>
  </si>
  <si>
    <t>Lalganj Katghar</t>
  </si>
  <si>
    <t>Tinsukia Rangagora Road</t>
  </si>
  <si>
    <t>Occus Quantum</t>
  </si>
  <si>
    <t>Indiranagar Krishna Temple Road</t>
  </si>
  <si>
    <t>Kempapura</t>
  </si>
  <si>
    <t>Arakere</t>
  </si>
  <si>
    <t>Durgapur 3 Bidhannagar</t>
  </si>
  <si>
    <t>Bodinayakanur</t>
  </si>
  <si>
    <t>Dibrugarh Chowkidinghee</t>
  </si>
  <si>
    <t>Sakuntala Road Agartala</t>
  </si>
  <si>
    <t>Kozhencherry</t>
  </si>
  <si>
    <t>Nalanchira</t>
  </si>
  <si>
    <t>Botanical Garden Road</t>
  </si>
  <si>
    <t>Trimandir Adalaj</t>
  </si>
  <si>
    <t>Pukhraya</t>
  </si>
  <si>
    <t>Club Road Mithanpura</t>
  </si>
  <si>
    <t>Chetla Central Road</t>
  </si>
  <si>
    <t>Derawal Nagar</t>
  </si>
  <si>
    <t>Manyata Tech Park</t>
  </si>
  <si>
    <t>Jalahalli, Gangamma Circle</t>
  </si>
  <si>
    <t>Meenchanda</t>
  </si>
  <si>
    <t>Kphb Colony 6Th Phase</t>
  </si>
  <si>
    <t>Bagalur Cross</t>
  </si>
  <si>
    <t>Pithla Kumarganj</t>
  </si>
  <si>
    <t>Nuapada Cuttack</t>
  </si>
  <si>
    <t>Kalanaur Rohtak</t>
  </si>
  <si>
    <t>Hsr Layout Iii Bangalore</t>
  </si>
  <si>
    <t>Moula Ali Hyderabad</t>
  </si>
  <si>
    <t>Diamond Point Secunderabad</t>
  </si>
  <si>
    <t>Indiranagar Double Road</t>
  </si>
  <si>
    <t>Valmiki Nagar</t>
  </si>
  <si>
    <t>Kalpakkam</t>
  </si>
  <si>
    <t>Akkayyapalem</t>
  </si>
  <si>
    <t>Zamroodpur</t>
  </si>
  <si>
    <t>R K Puram 2</t>
  </si>
  <si>
    <t>Uttam Nagar</t>
  </si>
  <si>
    <t>Hastinapuram</t>
  </si>
  <si>
    <t>Defence Colony Market</t>
  </si>
  <si>
    <t>Ranjeet Nagar</t>
  </si>
  <si>
    <t>South Bopal</t>
  </si>
  <si>
    <t>Chotta Shimla</t>
  </si>
  <si>
    <t>Hulimavu Bangalore</t>
  </si>
  <si>
    <t>Singasandra</t>
  </si>
  <si>
    <t>Park Street Mallick Bazar</t>
  </si>
  <si>
    <t>Hosur Denkanikotta Road Branch</t>
  </si>
  <si>
    <t>Ava Road Rajahmundry 3</t>
  </si>
  <si>
    <t>Abids</t>
  </si>
  <si>
    <t>Chandwad</t>
  </si>
  <si>
    <t>Naini Allahabad</t>
  </si>
  <si>
    <t>Sector 31 Faridabad</t>
  </si>
  <si>
    <t>Hosakerehalli</t>
  </si>
  <si>
    <t>Ganapathy</t>
  </si>
  <si>
    <t>Trans Yamuna</t>
  </si>
  <si>
    <t>Star City Mall Mayur Vihar Phase 1</t>
  </si>
  <si>
    <t>J P Nagar 2Nd Phase Bangalore</t>
  </si>
  <si>
    <t>Grand Road Puri</t>
  </si>
  <si>
    <t>Siddhapudur</t>
  </si>
  <si>
    <t>Nagal Chaudhary</t>
  </si>
  <si>
    <t>Gandhi Chowk Khammam</t>
  </si>
  <si>
    <t>Defence Colony Ambala Cantt</t>
  </si>
  <si>
    <t>Kalanaur Yamuna Nagar</t>
  </si>
  <si>
    <t>Madhira</t>
  </si>
  <si>
    <t>Dlf Phase 5 Club</t>
  </si>
  <si>
    <t>Nagole Road Lb Nagar</t>
  </si>
  <si>
    <t>Shivmandir</t>
  </si>
  <si>
    <t>C Camp Center Kurnool</t>
  </si>
  <si>
    <t>Panipat Sector 13 17</t>
  </si>
  <si>
    <t>Athgaon</t>
  </si>
  <si>
    <t>Sea Port- Airport Road</t>
  </si>
  <si>
    <t>Punkunnam</t>
  </si>
  <si>
    <t>Budharaja Branch Sambalpur</t>
  </si>
  <si>
    <t>Ramanujan It City</t>
  </si>
  <si>
    <t>Shahpura Bhilwara</t>
  </si>
  <si>
    <t>Neb Sarai</t>
  </si>
  <si>
    <t>Chandi Chhak Cuttack</t>
  </si>
  <si>
    <t>Kphb Colony 5Th Phase</t>
  </si>
  <si>
    <t>Khariar Road</t>
  </si>
  <si>
    <t>Sector 12A Dwarka</t>
  </si>
  <si>
    <t>Nagarbhavi Bangalore</t>
  </si>
  <si>
    <t>Chalappuram</t>
  </si>
  <si>
    <t>Borakhedi</t>
  </si>
  <si>
    <t>Whitefield Main Road</t>
  </si>
  <si>
    <t>Jayanagar 5Th Block</t>
  </si>
  <si>
    <t>Totu Cheli Chounla</t>
  </si>
  <si>
    <t>Shevgaon</t>
  </si>
  <si>
    <t>Thadagam Road Somayampalayam Branch</t>
  </si>
  <si>
    <t>Salunkhe Vihar</t>
  </si>
  <si>
    <t>Madhurawada</t>
  </si>
  <si>
    <t>Vedayapalem</t>
  </si>
  <si>
    <t>Nangia Park</t>
  </si>
  <si>
    <t>Ashoka Park Main</t>
  </si>
  <si>
    <t>Hesaraghatta Main Road</t>
  </si>
  <si>
    <t>T C Palya</t>
  </si>
  <si>
    <t>Balanagar X Roads</t>
  </si>
  <si>
    <t>University Road</t>
  </si>
  <si>
    <t>Jigani Branch</t>
  </si>
  <si>
    <t>Igatpuri Branch</t>
  </si>
  <si>
    <t>Nagapur</t>
  </si>
  <si>
    <t>Vadgaon Kasba</t>
  </si>
  <si>
    <t>Sangariya</t>
  </si>
  <si>
    <t>Mulugu Road Warangal</t>
  </si>
  <si>
    <t>Vikarabad</t>
  </si>
  <si>
    <t>Charari Sharief</t>
  </si>
  <si>
    <t>Devli Road Khanpur</t>
  </si>
  <si>
    <t>B Narayanapura</t>
  </si>
  <si>
    <t>Hanumangarh Junction</t>
  </si>
  <si>
    <t>Kantatoli</t>
  </si>
  <si>
    <t>Dev Nagar</t>
  </si>
  <si>
    <t>Chennai One Thoraipakkam</t>
  </si>
  <si>
    <t>Hitech City 2</t>
  </si>
  <si>
    <t>Taramandal</t>
  </si>
  <si>
    <t>Bhangakuthi Burdwan</t>
  </si>
  <si>
    <t>Agara Junction Branch</t>
  </si>
  <si>
    <t>Villivakkam</t>
  </si>
  <si>
    <t>Karnawas</t>
  </si>
  <si>
    <t>Jalaram Mandir Paldi</t>
  </si>
  <si>
    <t>Yelahanka New Town</t>
  </si>
  <si>
    <t>Aska Road Brahmapur</t>
  </si>
  <si>
    <t>Genome Valley Biotech Park Turkapalle</t>
  </si>
  <si>
    <t>Ramkrishna Nagar</t>
  </si>
  <si>
    <t>Ashiyana Nagar Patna</t>
  </si>
  <si>
    <t>Pandesara Surat</t>
  </si>
  <si>
    <t>Narayanguda</t>
  </si>
  <si>
    <t>Phulbani</t>
  </si>
  <si>
    <t>Katra Lal Ganj</t>
  </si>
  <si>
    <t>Ram Nagar Ananthapur</t>
  </si>
  <si>
    <t>Hospital Road N S Avenue Silchar</t>
  </si>
  <si>
    <t>Hegde Nagar</t>
  </si>
  <si>
    <t>Ujjain Nikas Chouraha</t>
  </si>
  <si>
    <t>Shradhanand Gunj Nizamabad</t>
  </si>
  <si>
    <t>Magadi Road</t>
  </si>
  <si>
    <t>Laduka</t>
  </si>
  <si>
    <t>Panjkosi</t>
  </si>
  <si>
    <t>Bechraji</t>
  </si>
  <si>
    <t>Currency Nagar Vijayawada</t>
  </si>
  <si>
    <t>14Th Main Indira Nagar</t>
  </si>
  <si>
    <t>Yeshwanthpura Bangalore</t>
  </si>
  <si>
    <t>Ramanthapur</t>
  </si>
  <si>
    <t>Sector 61 Noida</t>
  </si>
  <si>
    <t>Sez Keeranatham</t>
  </si>
  <si>
    <t>Kothapet Guntur</t>
  </si>
  <si>
    <t>Manhendragarh</t>
  </si>
  <si>
    <t>Rmv Extension</t>
  </si>
  <si>
    <t>Deulgaonraja</t>
  </si>
  <si>
    <t>Kanjurmarg West</t>
  </si>
  <si>
    <t>Banashankari 100 Ft Ring Road</t>
  </si>
  <si>
    <t>Pattoor</t>
  </si>
  <si>
    <t>Ekdalia</t>
  </si>
  <si>
    <t>Madhapur Main Road</t>
  </si>
  <si>
    <t>Tri Nagar</t>
  </si>
  <si>
    <t>Patrapada</t>
  </si>
  <si>
    <t>Chanduali</t>
  </si>
  <si>
    <t>Baghajatin</t>
  </si>
  <si>
    <t>Amballur</t>
  </si>
  <si>
    <t>Pandharkawada</t>
  </si>
  <si>
    <t>Kathwada</t>
  </si>
  <si>
    <t>Banjara Hills Road No 7</t>
  </si>
  <si>
    <t>Tarnaka</t>
  </si>
  <si>
    <t>Kahalgaon Colgong</t>
  </si>
  <si>
    <t>Pipeline Road</t>
  </si>
  <si>
    <t>Nfc Mathura Road</t>
  </si>
  <si>
    <t>Adyar Gandhi Nagar</t>
  </si>
  <si>
    <t>Champapet</t>
  </si>
  <si>
    <t>Suncity</t>
  </si>
  <si>
    <t>Atmakur</t>
  </si>
  <si>
    <t>Madhapar Kutch</t>
  </si>
  <si>
    <t>Vishavadar</t>
  </si>
  <si>
    <t>Thanedar Barubagh</t>
  </si>
  <si>
    <t>Sivanandha Colony - Coimbatore</t>
  </si>
  <si>
    <t>Madiwala</t>
  </si>
  <si>
    <t>Begum Bazar</t>
  </si>
  <si>
    <t>Vip Road Ongole</t>
  </si>
  <si>
    <t>Kheri Lakha Singh</t>
  </si>
  <si>
    <t>Barsar</t>
  </si>
  <si>
    <t>Tihra Sujanpur</t>
  </si>
  <si>
    <t>Sri Madhopur Branch</t>
  </si>
  <si>
    <t>Patti Pratapgarh</t>
  </si>
  <si>
    <t>Katira</t>
  </si>
  <si>
    <t>Samaypur Badli</t>
  </si>
  <si>
    <t>Sector 20 Dwarka</t>
  </si>
  <si>
    <t>Ganeswarpur Balasore</t>
  </si>
  <si>
    <t>Moosarambagh Dilshuknagar</t>
  </si>
  <si>
    <t>Hatkot Kunihar</t>
  </si>
  <si>
    <t>Shadnagar Farooqnagar</t>
  </si>
  <si>
    <t>Geeta Press</t>
  </si>
  <si>
    <t>Rajapuri New Delhi</t>
  </si>
  <si>
    <t>Uttarpara Kotrung</t>
  </si>
  <si>
    <t>Maharajganj Bihar</t>
  </si>
  <si>
    <t>Bapuji Nagar</t>
  </si>
  <si>
    <t>Rama Krishna Puram</t>
  </si>
  <si>
    <t>B K Paul Avenue</t>
  </si>
  <si>
    <t>Howrah Panchanantala</t>
  </si>
  <si>
    <t>Bhagathnagar Karimnagar</t>
  </si>
  <si>
    <t>Kompally</t>
  </si>
  <si>
    <t>Ganeshguri</t>
  </si>
  <si>
    <t>Palam Colony New Delhi</t>
  </si>
  <si>
    <t>Chuliaganj</t>
  </si>
  <si>
    <t>Mangalabag</t>
  </si>
  <si>
    <t>Kalyan Nagar Hyderabad</t>
  </si>
  <si>
    <t>Noida Sec 119</t>
  </si>
  <si>
    <t>Belanganj Agra</t>
  </si>
  <si>
    <t>Kondagaon</t>
  </si>
  <si>
    <t>Dayal Bagh Agra</t>
  </si>
  <si>
    <t>Sirsaganj U P</t>
  </si>
  <si>
    <t>Muzaffarnagar Court Road</t>
  </si>
  <si>
    <t>Hiranandani Estate</t>
  </si>
  <si>
    <t>Vashi Satra Plaza</t>
  </si>
  <si>
    <t>Multan Nagar</t>
  </si>
  <si>
    <t>Tank Road</t>
  </si>
  <si>
    <t>Dwarka Sector 10</t>
  </si>
  <si>
    <t>Geeta Colony</t>
  </si>
  <si>
    <t>Junagadh Gidc</t>
  </si>
  <si>
    <t>Hrbr Layout Bangalore</t>
  </si>
  <si>
    <t>Purana Bazar Dimapur</t>
  </si>
  <si>
    <t>Asyst Park Sector V</t>
  </si>
  <si>
    <t>Amaravathi Road Guntur</t>
  </si>
  <si>
    <t>Jorhat At Road</t>
  </si>
  <si>
    <t>Taloja</t>
  </si>
  <si>
    <t>Faridpur U P</t>
  </si>
  <si>
    <t>Parikshitgarh</t>
  </si>
  <si>
    <t>Kalkaji 4</t>
  </si>
  <si>
    <t>Jc Road</t>
  </si>
  <si>
    <t>Hbr Layout Bangalore</t>
  </si>
  <si>
    <t>Beml Gate Circle</t>
  </si>
  <si>
    <t>Nandgoan</t>
  </si>
  <si>
    <t>Dhaniakhali</t>
  </si>
  <si>
    <t>Pandav Nagar</t>
  </si>
  <si>
    <t>Sec 62 Galaxy It Park</t>
  </si>
  <si>
    <t>Noida Sec 132</t>
  </si>
  <si>
    <t>Noida Sec 104</t>
  </si>
  <si>
    <t>Maddox Square</t>
  </si>
  <si>
    <t>Old Moti Nagar</t>
  </si>
  <si>
    <t>Adchini</t>
  </si>
  <si>
    <t>Gagan Vihar</t>
  </si>
  <si>
    <t>West Patel Nagar</t>
  </si>
  <si>
    <t>Gulabi Bagh</t>
  </si>
  <si>
    <t>Maharani Bagh</t>
  </si>
  <si>
    <t>Mahipalpur</t>
  </si>
  <si>
    <t>Outram Lane</t>
  </si>
  <si>
    <t>Shadipur Yamunanagar</t>
  </si>
  <si>
    <t>Shankuntala Park</t>
  </si>
  <si>
    <t>Bharwa Sumerpur</t>
  </si>
  <si>
    <t>Pocket 2 Jasola Vihar</t>
  </si>
  <si>
    <t>Model Town 1</t>
  </si>
  <si>
    <t>Kalkaji Extension</t>
  </si>
  <si>
    <t>Ramphal Chowk Dwarka Sec 7</t>
  </si>
  <si>
    <t>Rohtash Nagar</t>
  </si>
  <si>
    <t>South Ex D Block</t>
  </si>
  <si>
    <t>Kailash Corp Lounge Vikhroli W</t>
  </si>
  <si>
    <t>Faurrukhabad</t>
  </si>
  <si>
    <t>Vipul Khand Gomti Nagar</t>
  </si>
  <si>
    <t>Midnapore Town</t>
  </si>
  <si>
    <t>Mirganj Bihar</t>
  </si>
  <si>
    <t>Dadri Toe</t>
  </si>
  <si>
    <t>Dindori Nashik</t>
  </si>
  <si>
    <t>Nandgaon Peth</t>
  </si>
  <si>
    <t>Sangole</t>
  </si>
  <si>
    <t>Mati Road Akbarpur</t>
  </si>
  <si>
    <t>Sidhauli</t>
  </si>
  <si>
    <t>Bhagwanpur Roorkee</t>
  </si>
  <si>
    <t>Vikas Nagar</t>
  </si>
  <si>
    <t>Anchal</t>
  </si>
  <si>
    <t>Nerul West</t>
  </si>
  <si>
    <t>Ulubari</t>
  </si>
  <si>
    <t>Dwarka Sec 6</t>
  </si>
  <si>
    <t>Kashmere Gate Isbt</t>
  </si>
  <si>
    <t>Bahubali Enclave</t>
  </si>
  <si>
    <t>Sector 4 Dwarka</t>
  </si>
  <si>
    <t>Anand Vihar D Block</t>
  </si>
  <si>
    <t>Koramangala 1St Block Bangalore</t>
  </si>
  <si>
    <t>Kalyanpur</t>
  </si>
  <si>
    <t>Pilibhit Bypass Bareilly</t>
  </si>
  <si>
    <t>Jonawas</t>
  </si>
  <si>
    <t>Silhari Kandaghat</t>
  </si>
  <si>
    <t>Ner Chowk</t>
  </si>
  <si>
    <t>Subathu</t>
  </si>
  <si>
    <t>Chitaipur</t>
  </si>
  <si>
    <t>Sunni Seoni</t>
  </si>
  <si>
    <t>Dhami Tola Gaya</t>
  </si>
  <si>
    <t>Paonabazar</t>
  </si>
  <si>
    <t>Tembhurni</t>
  </si>
  <si>
    <t>Lajpat Nagar Central Market</t>
  </si>
  <si>
    <t>Ghatkesar</t>
  </si>
  <si>
    <t>Cossipore</t>
  </si>
  <si>
    <t>Ranipool Samdur</t>
  </si>
  <si>
    <t>Gondal Yard</t>
  </si>
  <si>
    <t>Bundala</t>
  </si>
  <si>
    <t>Rajpura Grain Market</t>
  </si>
  <si>
    <t>Bharwari</t>
  </si>
  <si>
    <t>Jaydev Vihar</t>
  </si>
  <si>
    <t>Vikas Nagar Lucknow</t>
  </si>
  <si>
    <t>Loni Bk</t>
  </si>
  <si>
    <t>Maholi</t>
  </si>
  <si>
    <t>Thana Bhawan</t>
  </si>
  <si>
    <t>Ramdaspeth</t>
  </si>
  <si>
    <t>Sulem Sarai</t>
  </si>
  <si>
    <t>Sathiala</t>
  </si>
  <si>
    <t>Mangalagiri 2</t>
  </si>
  <si>
    <t>Ramalaxman Junction</t>
  </si>
  <si>
    <t>Tenali 3 (Devi Chowk)</t>
  </si>
  <si>
    <t>Pendra 2</t>
  </si>
  <si>
    <t>Palasia Indore</t>
  </si>
  <si>
    <t>Vishalakshinagar</t>
  </si>
  <si>
    <t>MVP Colony 2</t>
  </si>
  <si>
    <t>Kancheepuram H.O</t>
  </si>
  <si>
    <t>Airport Road Rajahmundry</t>
  </si>
  <si>
    <t>Bellary Road, Anantapur</t>
  </si>
  <si>
    <t>Lankelapalem</t>
  </si>
  <si>
    <t>CHOKKIKULAM</t>
  </si>
  <si>
    <t>Joura (A)</t>
  </si>
  <si>
    <t>Loni Kalbhor</t>
  </si>
  <si>
    <t>Sreebhumi Branch</t>
  </si>
  <si>
    <t>Salt Lake GD Island</t>
  </si>
  <si>
    <t>Kolkasib</t>
  </si>
  <si>
    <t>Kanjikode</t>
  </si>
  <si>
    <t>Irumpanam refinery road, SN jn, Thripunithura</t>
  </si>
  <si>
    <t>Muddebihal - Vijayapura District</t>
  </si>
  <si>
    <t>Vidhyadhar Nagar</t>
  </si>
  <si>
    <t>Madri  ,Udaipur</t>
  </si>
  <si>
    <t>Bank House</t>
  </si>
  <si>
    <t>Hirapur Loisinga</t>
  </si>
  <si>
    <t>Anandwalli Branch</t>
  </si>
  <si>
    <t>Naya Katra</t>
  </si>
  <si>
    <t>Shakti Nagar</t>
  </si>
  <si>
    <t>Shastri Nagar Chennai</t>
  </si>
  <si>
    <t>Kolar Road Bhopal</t>
  </si>
  <si>
    <t>Bangur Avenue</t>
  </si>
  <si>
    <t>Indiranagar Veer Sawarkar Chowk</t>
  </si>
  <si>
    <t>Etmadpur</t>
  </si>
  <si>
    <t>D D Nagar Gwalior</t>
  </si>
  <si>
    <t>Thevara</t>
  </si>
  <si>
    <t>Panbazar</t>
  </si>
  <si>
    <t>Joraphatak</t>
  </si>
  <si>
    <t>Electronic City Phase 2</t>
  </si>
  <si>
    <t>Gandhidham Oslo</t>
  </si>
  <si>
    <t>Allwyn Cross Road Miyapur</t>
  </si>
  <si>
    <t>Kandivali Link Road Branch</t>
  </si>
  <si>
    <t>Dabhoi Ring Road</t>
  </si>
  <si>
    <t>Sama Savli Road</t>
  </si>
  <si>
    <t>Bodhale Nagar</t>
  </si>
  <si>
    <t>Thallakulam</t>
  </si>
  <si>
    <t>Nanded City</t>
  </si>
  <si>
    <t>Sarthana Chokdi Branch</t>
  </si>
  <si>
    <t>Chauri Chaura</t>
  </si>
  <si>
    <t>Padgha</t>
  </si>
  <si>
    <t>Bilagi Bagalkot District</t>
  </si>
  <si>
    <t>Chintamani Branch</t>
  </si>
  <si>
    <t>Ambari</t>
  </si>
  <si>
    <t>Surya Nagar</t>
  </si>
  <si>
    <t>Damana Square</t>
  </si>
  <si>
    <t>Shivam Road</t>
  </si>
  <si>
    <t>Paltan Bazar</t>
  </si>
  <si>
    <t>Rajguru Nagar</t>
  </si>
  <si>
    <t>Mahendru</t>
  </si>
  <si>
    <t>Malcha Marg</t>
  </si>
  <si>
    <t>Gangapurcity</t>
  </si>
  <si>
    <t>Shivalik Nagar Haridwar</t>
  </si>
  <si>
    <t>Sec 50 Amrapali</t>
  </si>
  <si>
    <t>Noida Sec 29 Ganga Shopping Complex</t>
  </si>
  <si>
    <t>C V Raman Nagar</t>
  </si>
  <si>
    <t>Siliguri Sevoke Road</t>
  </si>
  <si>
    <t>Hirapur Dhanbad</t>
  </si>
  <si>
    <t>Sanganer Circle Jaipur</t>
  </si>
  <si>
    <t>Bawana</t>
  </si>
  <si>
    <t>Madhusudan Nagar</t>
  </si>
  <si>
    <t>Dolamundai Cuttack</t>
  </si>
  <si>
    <t>Dattapur Dhamangaon</t>
  </si>
  <si>
    <t>Meghalaya Secretariat</t>
  </si>
  <si>
    <t>Khatla</t>
  </si>
  <si>
    <t>Tronica City Loni</t>
  </si>
  <si>
    <t>Mawlai</t>
  </si>
  <si>
    <t>Govindpuram</t>
  </si>
  <si>
    <t>Koregaon Satara</t>
  </si>
  <si>
    <t>Okhla Industrial Area Phase Ii</t>
  </si>
  <si>
    <t>Lado Sarai</t>
  </si>
  <si>
    <t>Angul Ii Nalco Nagar</t>
  </si>
  <si>
    <t>Harraiya</t>
  </si>
  <si>
    <t>Medical College</t>
  </si>
  <si>
    <t>Nagole</t>
  </si>
  <si>
    <t>Chingmeirong</t>
  </si>
  <si>
    <t>Kohima Secretariat</t>
  </si>
  <si>
    <t>Kohand</t>
  </si>
  <si>
    <t>Nagarkurnool</t>
  </si>
  <si>
    <t>Gautam Nagar</t>
  </si>
  <si>
    <t>Kalameshwar</t>
  </si>
  <si>
    <t>Bijapur Branch Boriguma</t>
  </si>
  <si>
    <t>Dwarka Sector 17</t>
  </si>
  <si>
    <t>Munka Bagicha Chowk</t>
  </si>
  <si>
    <t>Jhandewalan Ii</t>
  </si>
  <si>
    <t>Delhi Darwaja</t>
  </si>
  <si>
    <t>Kalpana Square</t>
  </si>
  <si>
    <t>Pandeypur</t>
  </si>
  <si>
    <t>Matihi</t>
  </si>
  <si>
    <t>Dabardhuapatna</t>
  </si>
  <si>
    <t>Betiahata</t>
  </si>
  <si>
    <t>Pirthla</t>
  </si>
  <si>
    <t>Ramnagar Panchwati Road</t>
  </si>
  <si>
    <t>Vikas Marg Shakarpur</t>
  </si>
  <si>
    <t>Sp Dental College Raibareilly Road</t>
  </si>
  <si>
    <t>Biswan</t>
  </si>
  <si>
    <t>Ambabari</t>
  </si>
  <si>
    <t>Bhusari Colony</t>
  </si>
  <si>
    <t xml:space="preserve">Petlad Road, Nadiad </t>
  </si>
  <si>
    <t>Ambedkar Chowk Branch</t>
  </si>
  <si>
    <t>Melapalayam</t>
  </si>
  <si>
    <t>Satyanarayapuram - Gudivada</t>
  </si>
  <si>
    <t>Kadapakkada</t>
  </si>
  <si>
    <t>Newada Samogar</t>
  </si>
  <si>
    <t>Kunjuri</t>
  </si>
  <si>
    <t>Rohini Sector 15</t>
  </si>
  <si>
    <t>Panki</t>
  </si>
  <si>
    <t>Maharajganj Raebareli</t>
  </si>
  <si>
    <t>Noida Sec 121</t>
  </si>
  <si>
    <t>Deshapriya Park</t>
  </si>
  <si>
    <t>Kursi</t>
  </si>
  <si>
    <t>Saidpur Uttar Pradesh</t>
  </si>
  <si>
    <t>Sec 46 Tulip Mall</t>
  </si>
  <si>
    <t>Pancard Club Road</t>
  </si>
  <si>
    <t>Sampurna Nagar Forest Block</t>
  </si>
  <si>
    <t>Dum Dum Park</t>
  </si>
  <si>
    <t>Thullur</t>
  </si>
  <si>
    <t>Kolhapur Mahadwar Road</t>
  </si>
  <si>
    <t>Chota Gamahria</t>
  </si>
  <si>
    <t>Stonehousepet Nellore</t>
  </si>
  <si>
    <t>Infospace Sez</t>
  </si>
  <si>
    <t>Vibhuti Khand</t>
  </si>
  <si>
    <t>Malihabad</t>
  </si>
  <si>
    <t>Shivpur Varanasi</t>
  </si>
  <si>
    <t>New Railway Road Gurgaon</t>
  </si>
  <si>
    <t>Sector 46 Gurgaon</t>
  </si>
  <si>
    <t>Chandrakona Road</t>
  </si>
  <si>
    <t>Arya Nagar</t>
  </si>
  <si>
    <t>Sector 18 Gurgaon</t>
  </si>
  <si>
    <t>Railway Road Aligarh</t>
  </si>
  <si>
    <t>Makarpura Branch</t>
  </si>
  <si>
    <t>Subhash Nagar</t>
  </si>
  <si>
    <t>Kachnar Rajatalab</t>
  </si>
  <si>
    <t>Sadashivanagar 15Th Main</t>
  </si>
  <si>
    <t>Vayalur Main Road</t>
  </si>
  <si>
    <t>Virugambakkam</t>
  </si>
  <si>
    <t>Perumbakkam</t>
  </si>
  <si>
    <t>Saykheda</t>
  </si>
  <si>
    <t>Dehu Road</t>
  </si>
  <si>
    <t>Panchkula Sector 6</t>
  </si>
  <si>
    <t>Lohiya Nagar</t>
  </si>
  <si>
    <t>Sikandarpur</t>
  </si>
  <si>
    <t>Mainpuri City</t>
  </si>
  <si>
    <t>Shinde</t>
  </si>
  <si>
    <t>Amruthahalli</t>
  </si>
  <si>
    <t>MANNAR</t>
  </si>
  <si>
    <t>Narsapura Kolar District</t>
  </si>
  <si>
    <t>Maduravoyal</t>
  </si>
  <si>
    <t>Dommasandra</t>
  </si>
  <si>
    <t>Model Town Bathinda</t>
  </si>
  <si>
    <t>Railway Workshop Vishnu Nagar</t>
  </si>
  <si>
    <t>Banda Uttar Pradesh</t>
  </si>
  <si>
    <t>Dhangarwadi</t>
  </si>
  <si>
    <t>Olavakkode</t>
  </si>
  <si>
    <t>Durg Padmanabhpur</t>
  </si>
  <si>
    <t>Pragati Nagar</t>
  </si>
  <si>
    <t>Raja Bazar Balua Tal Motihari</t>
  </si>
  <si>
    <t>Kosa</t>
  </si>
  <si>
    <t>Guskara</t>
  </si>
  <si>
    <t>Watika</t>
  </si>
  <si>
    <t>Vijai Mukundpura Hirawala</t>
  </si>
  <si>
    <t>Abrama</t>
  </si>
  <si>
    <t>Falauli</t>
  </si>
  <si>
    <t>Jaspur</t>
  </si>
  <si>
    <t>Kichha</t>
  </si>
  <si>
    <t>Jasraur</t>
  </si>
  <si>
    <t>Khui Khera</t>
  </si>
  <si>
    <t>Sandoha</t>
  </si>
  <si>
    <t>Sector 142 Noida</t>
  </si>
  <si>
    <t>Vip Road Zirakpur</t>
  </si>
  <si>
    <t>Muralinagar</t>
  </si>
  <si>
    <t>Nagarabhavi 2Nd Stage</t>
  </si>
  <si>
    <t>Digwadih</t>
  </si>
  <si>
    <t>Janakpuri Dilli Haat Branch</t>
  </si>
  <si>
    <t>Patel Nagar Dehradun</t>
  </si>
  <si>
    <t>Motipura Himatnagar</t>
  </si>
  <si>
    <t>Machavaram</t>
  </si>
  <si>
    <t>Ankleshwar City</t>
  </si>
  <si>
    <t>Hinjewadi 2 Blue Ridge</t>
  </si>
  <si>
    <t>Shalimar</t>
  </si>
  <si>
    <t>Gudimalkapur</t>
  </si>
  <si>
    <t>Wakad</t>
  </si>
  <si>
    <t>Dhayari Branch</t>
  </si>
  <si>
    <t>Talipady Kinnigoli</t>
  </si>
  <si>
    <t>Chandkheda Gandhi Nagar Road</t>
  </si>
  <si>
    <t>Prashanthnagar Bangalore</t>
  </si>
  <si>
    <t>Mokila</t>
  </si>
  <si>
    <t>Bachpalle</t>
  </si>
  <si>
    <t>Ramnagar Roorkee</t>
  </si>
  <si>
    <t>Khora</t>
  </si>
  <si>
    <t>Sidlaghatta</t>
  </si>
  <si>
    <t>Kancharapalem, 104 Area</t>
  </si>
  <si>
    <t>Pollachi II</t>
  </si>
  <si>
    <t>Egmore 3</t>
  </si>
  <si>
    <t>White Town Pondicherry</t>
  </si>
  <si>
    <t>Bypass Road, Sangareddy</t>
  </si>
  <si>
    <t>Divyasree NSL Orion</t>
  </si>
  <si>
    <t>Nagaram Dammaiguda</t>
  </si>
  <si>
    <t>Mallapur</t>
  </si>
  <si>
    <t>Badabazar , Deulasahi</t>
  </si>
  <si>
    <t>Thirumala</t>
  </si>
  <si>
    <t>Jagannadhapuram</t>
  </si>
  <si>
    <t>Maujpur</t>
  </si>
  <si>
    <t>Naroli Road, Silvassa</t>
  </si>
  <si>
    <t>Cuffe Parade</t>
  </si>
  <si>
    <t>Santoshi Nagar, Raipur</t>
  </si>
  <si>
    <t>Vardhankahnd, Gomtinagar Ext.</t>
  </si>
  <si>
    <t xml:space="preserve">Bharat Nagar </t>
  </si>
  <si>
    <t>Malbazar Branch</t>
  </si>
  <si>
    <t>J P Nagar 6th Phase</t>
  </si>
  <si>
    <t>Yagappa Nagar,Thanjavur</t>
  </si>
  <si>
    <t>Hospital Junction, Kundara</t>
  </si>
  <si>
    <t>Hirekerur</t>
  </si>
  <si>
    <t>SAINIK COLONY</t>
  </si>
  <si>
    <t>Madho Nagar Saharanpur</t>
  </si>
  <si>
    <t>Chirala 2</t>
  </si>
  <si>
    <t>Tower Circle, Karimnagar</t>
  </si>
  <si>
    <t>Kumbakonam Four Road</t>
  </si>
  <si>
    <t>Rohit Nagar Bhopal</t>
  </si>
  <si>
    <t>Shankar Chowmani</t>
  </si>
  <si>
    <t>Alamganj</t>
  </si>
  <si>
    <t>Safipur (Np)</t>
  </si>
  <si>
    <t>Hebbal-Mysore</t>
  </si>
  <si>
    <t>James Long Sarani</t>
  </si>
  <si>
    <t>CARNIVAL INFOPARK</t>
  </si>
  <si>
    <t>Medical College Road-Thanjavur</t>
  </si>
  <si>
    <t>Univercity Road Patan</t>
  </si>
  <si>
    <t>Miryalaguda 2</t>
  </si>
  <si>
    <t>Moolapalayam</t>
  </si>
  <si>
    <t>LB Nagar</t>
  </si>
  <si>
    <t>Isnapur, Patancheru</t>
  </si>
  <si>
    <t>Old Alwal</t>
  </si>
  <si>
    <t>Sikandra Rao</t>
  </si>
  <si>
    <t xml:space="preserve">TRP Mall - Bopal </t>
  </si>
  <si>
    <t>Tragad</t>
  </si>
  <si>
    <t>Mannivakkam</t>
  </si>
  <si>
    <t>Singjamei</t>
  </si>
  <si>
    <t>Srinivasa Nagar Colony, Ongole</t>
  </si>
  <si>
    <t>Kachiguda</t>
  </si>
  <si>
    <t>Dindigul RM Colony</t>
  </si>
  <si>
    <t>Gayathri Nagar, Kharmanghat</t>
  </si>
  <si>
    <t>Gandhi Park Branch</t>
  </si>
  <si>
    <t>Motera</t>
  </si>
  <si>
    <t>Raysan</t>
  </si>
  <si>
    <t>Jaitaran (M)</t>
  </si>
  <si>
    <t>Kumaraswamy Layout</t>
  </si>
  <si>
    <t>Kishore Ganj</t>
  </si>
  <si>
    <t>Telibandha</t>
  </si>
  <si>
    <t>GIDC NARODA</t>
  </si>
  <si>
    <t>AMLA</t>
  </si>
  <si>
    <t>Nalgonda 3</t>
  </si>
  <si>
    <t>Trimbak Road</t>
  </si>
  <si>
    <t>Greenlands, Begumpet</t>
  </si>
  <si>
    <t>Santhapet, Ongole</t>
  </si>
  <si>
    <t>Navalur</t>
  </si>
  <si>
    <t>Journalist Colony - Jubilee Hills</t>
  </si>
  <si>
    <t>Shanti Para</t>
  </si>
  <si>
    <t>Padao</t>
  </si>
  <si>
    <t>Balesar</t>
  </si>
  <si>
    <t>Purna Das Road</t>
  </si>
  <si>
    <t>Nagamangala Branch</t>
  </si>
  <si>
    <t>Kuri Bhagtasani, Jodhpur</t>
  </si>
  <si>
    <t>Khajuwala</t>
  </si>
  <si>
    <t>SmartCity</t>
  </si>
  <si>
    <t>Thycaud</t>
  </si>
  <si>
    <t>Ramleela Chownk</t>
  </si>
  <si>
    <t>Mahaveer Nagar 2</t>
  </si>
  <si>
    <t>Motilal Gupta Road</t>
  </si>
  <si>
    <t>Sky Garden, Greater Noida</t>
  </si>
  <si>
    <t>Rustom Cama Road</t>
  </si>
  <si>
    <t>Shobha Bazar</t>
  </si>
  <si>
    <t>Machilipatnam - 2</t>
  </si>
  <si>
    <t>Taloja Phase 1</t>
  </si>
  <si>
    <t>Gorantla 2</t>
  </si>
  <si>
    <t>Annavaram Devasthanam</t>
  </si>
  <si>
    <t>Shipra Path, Mansarovar</t>
  </si>
  <si>
    <t>Dhar Road</t>
  </si>
  <si>
    <t xml:space="preserve">Mhowgaon </t>
  </si>
  <si>
    <t>Central Avenue</t>
  </si>
  <si>
    <t>Pratap Nagar-Udaipur</t>
  </si>
  <si>
    <t>Begamganj</t>
  </si>
  <si>
    <t>Rannapark</t>
  </si>
  <si>
    <t>RAKHIAL</t>
  </si>
  <si>
    <t>Vengikkal</t>
  </si>
  <si>
    <t>Vastral</t>
  </si>
  <si>
    <t>Ratanada - Jodhpur</t>
  </si>
  <si>
    <t>Shivdhara</t>
  </si>
  <si>
    <t>Kavali 2</t>
  </si>
  <si>
    <t>Chowk</t>
  </si>
  <si>
    <t>Paruthipattu</t>
  </si>
  <si>
    <t>Shri Peddamma Temple, Jubilee Hills</t>
  </si>
  <si>
    <t>Sichey</t>
  </si>
  <si>
    <t>Balewadi</t>
  </si>
  <si>
    <t>Muhana Mandi Road</t>
  </si>
  <si>
    <t>Kabardanga</t>
  </si>
  <si>
    <t>Pundalik Nagar</t>
  </si>
  <si>
    <t>Sanganeri Gate, Bhilwara</t>
  </si>
  <si>
    <t>Upper Bazar</t>
  </si>
  <si>
    <t>Sai Nagar-Amravati</t>
  </si>
  <si>
    <t>Trimurti Nagar</t>
  </si>
  <si>
    <t>Pallimukku </t>
  </si>
  <si>
    <t>Vysial Street</t>
  </si>
  <si>
    <t>Kesarganj, Ajmer</t>
  </si>
  <si>
    <t>New Gota</t>
  </si>
  <si>
    <t>Murliwala Tower, Kishangarh-3</t>
  </si>
  <si>
    <t>Girnare</t>
  </si>
  <si>
    <t>Gaur City 1</t>
  </si>
  <si>
    <t>Rani Sati Road, Sikar</t>
  </si>
  <si>
    <t>Nangloi Road, Najafgarh Extension</t>
  </si>
  <si>
    <t>Six Mile</t>
  </si>
  <si>
    <t>Koppa, Chikmangalur</t>
  </si>
  <si>
    <t>Mission Veng</t>
  </si>
  <si>
    <t xml:space="preserve">Jatiya Bazar, Kotwali Road </t>
  </si>
  <si>
    <t>Tankapani Road</t>
  </si>
  <si>
    <t>Pappanamcode</t>
  </si>
  <si>
    <t>RWF West Colony, Yelahanka New Town</t>
  </si>
  <si>
    <t>Verna</t>
  </si>
  <si>
    <t>Kanjikuzhy</t>
  </si>
  <si>
    <t>Enchakkal</t>
  </si>
  <si>
    <t>Sector 26 Chandigarh</t>
  </si>
  <si>
    <t>Derebail</t>
  </si>
  <si>
    <t>Nakkhas</t>
  </si>
  <si>
    <t>Bandar, Manglore</t>
  </si>
  <si>
    <t>HIRAN MAGRI SEC 4</t>
  </si>
  <si>
    <t>Pimpale Saudagar II</t>
  </si>
  <si>
    <t>Kokapet</t>
  </si>
  <si>
    <t>Neyveli Township</t>
  </si>
  <si>
    <t>Manguli</t>
  </si>
  <si>
    <t>Shaberi</t>
  </si>
  <si>
    <t>Yercaud Road, Salem</t>
  </si>
  <si>
    <t>Jainagar</t>
  </si>
  <si>
    <t>Tirumala Tirupati Devasthanams (TTD)</t>
  </si>
  <si>
    <t>Kala Ghanupur</t>
  </si>
  <si>
    <t>Indirapuram 2</t>
  </si>
  <si>
    <t>Moulivakkam</t>
  </si>
  <si>
    <t>Badeban,Basti</t>
  </si>
  <si>
    <t>Vadasery Nagercoil</t>
  </si>
  <si>
    <t>Kurudampalayam - Vadamadurai</t>
  </si>
  <si>
    <t>Radhanpur Road - Mahesana</t>
  </si>
  <si>
    <t>Dergaon</t>
  </si>
  <si>
    <t>HYDE PARK</t>
  </si>
  <si>
    <t>Adhartal Jabalpur</t>
  </si>
  <si>
    <t>Godrej Garden City Road</t>
  </si>
  <si>
    <t>Indirapuram-3</t>
  </si>
  <si>
    <t>Chhapraula</t>
  </si>
  <si>
    <t>Narol</t>
  </si>
  <si>
    <t>Delhi Road, Hapur</t>
  </si>
  <si>
    <t>Nirman Nagar</t>
  </si>
  <si>
    <t>Gandimaisamma</t>
  </si>
  <si>
    <t>East Tambaram</t>
  </si>
  <si>
    <t>TATA NAGAR</t>
  </si>
  <si>
    <t>Vilankudi</t>
  </si>
  <si>
    <t>Moinabad</t>
  </si>
  <si>
    <t>Station Bazaar</t>
  </si>
  <si>
    <t xml:space="preserve">Kummananchavadi </t>
  </si>
  <si>
    <t>Thiruverkadu</t>
  </si>
  <si>
    <t>Hazra Road</t>
  </si>
  <si>
    <t>Bhosari Gaon</t>
  </si>
  <si>
    <t>Gandhi Path - Vaishali Nagar</t>
  </si>
  <si>
    <t>Thondamuthur</t>
  </si>
  <si>
    <t>Kesarganj Mandi Chownk</t>
  </si>
  <si>
    <t>Proof Road</t>
  </si>
  <si>
    <t>Sambalpur-Khetrajpur</t>
  </si>
  <si>
    <t>Nandanam</t>
  </si>
  <si>
    <t>Tangellamudi</t>
  </si>
  <si>
    <t>Valencia</t>
  </si>
  <si>
    <t>Anakaputhur</t>
  </si>
  <si>
    <t>Jakkur</t>
  </si>
  <si>
    <t>Sum Hospital - Bhubaneswar</t>
  </si>
  <si>
    <t>Narkeldanga</t>
  </si>
  <si>
    <t>Udit Nagar-Rourkela</t>
  </si>
  <si>
    <t>Somwarpeth</t>
  </si>
  <si>
    <t>Gandipet</t>
  </si>
  <si>
    <t>Arni Road - Yavatmal</t>
  </si>
  <si>
    <t xml:space="preserve">Brodipet </t>
  </si>
  <si>
    <t>Kalyan East</t>
  </si>
  <si>
    <t>Dombivli West</t>
  </si>
  <si>
    <t>Vishnupuri , Jaipur</t>
  </si>
  <si>
    <t>Alanganallur</t>
  </si>
  <si>
    <t>KK Nagar Panneer Selvam Salai</t>
  </si>
  <si>
    <t>Clock Tower-Udaipur</t>
  </si>
  <si>
    <t>Mystic Hills - Moosapet</t>
  </si>
  <si>
    <t>Sathuvachari, Vellore</t>
  </si>
  <si>
    <t>Nandur Shingote</t>
  </si>
  <si>
    <t>Champasari</t>
  </si>
  <si>
    <t>Rana Pratap Marg</t>
  </si>
  <si>
    <t>Mambakkam</t>
  </si>
  <si>
    <t>Turbhe MIDC</t>
  </si>
  <si>
    <t>Gunthakal</t>
  </si>
  <si>
    <t>Ekattuthangal</t>
  </si>
  <si>
    <t>Peer Muchalla - Zirakpur, Punjab</t>
  </si>
  <si>
    <t>Sunam 2</t>
  </si>
  <si>
    <t>RMZ Sky View 20</t>
  </si>
  <si>
    <t>Royapettah, TTK Road</t>
  </si>
  <si>
    <t>Vani</t>
  </si>
  <si>
    <t>Maruti Kunj</t>
  </si>
  <si>
    <t>Bhupatwala</t>
  </si>
  <si>
    <t>Jalanagar-Vijayapura</t>
  </si>
  <si>
    <t>Theatre Road</t>
  </si>
  <si>
    <t>Varthur</t>
  </si>
  <si>
    <t>Mihinpurwa</t>
  </si>
  <si>
    <t>Jagjeetpur</t>
  </si>
  <si>
    <t>Greater Kailesh</t>
  </si>
  <si>
    <t>Mancherial 2</t>
  </si>
  <si>
    <t>Muvattupuzha Town</t>
  </si>
  <si>
    <t>Sitamau</t>
  </si>
  <si>
    <t>Nakshatrawadi</t>
  </si>
  <si>
    <t xml:space="preserve">Adajan Hazira Road </t>
  </si>
  <si>
    <t>Durgabadi, Gorakhpur</t>
  </si>
  <si>
    <t>Rehabari</t>
  </si>
  <si>
    <t>Mukund Nagar</t>
  </si>
  <si>
    <t>RAM MANDIR ROAD</t>
  </si>
  <si>
    <t>Sus Pashan Road</t>
  </si>
  <si>
    <t>Haflong 2</t>
  </si>
  <si>
    <t>Raghogarh - Vijaypur</t>
  </si>
  <si>
    <t>Maneja</t>
  </si>
  <si>
    <t>Renapur</t>
  </si>
  <si>
    <t>Kolaras (Np)</t>
  </si>
  <si>
    <t>Jirapur</t>
  </si>
  <si>
    <t>Ultadanga</t>
  </si>
  <si>
    <t>Thrissur, Town Branch</t>
  </si>
  <si>
    <t>Jawad</t>
  </si>
  <si>
    <t>Sancoale</t>
  </si>
  <si>
    <t>Nangli</t>
  </si>
  <si>
    <t>Badharghat</t>
  </si>
  <si>
    <t>Bhola Nath Nagar</t>
  </si>
  <si>
    <t>Pattalam</t>
  </si>
  <si>
    <t>Mylasandra</t>
  </si>
  <si>
    <t>Karatagi -Koppal District</t>
  </si>
  <si>
    <t>Rajanukunte</t>
  </si>
  <si>
    <t>Chitapur</t>
  </si>
  <si>
    <t>Kamaluwa Ganja</t>
  </si>
  <si>
    <t>Rampur Maniharan </t>
  </si>
  <si>
    <t>Rampally Cross, Nagaram</t>
  </si>
  <si>
    <t>Dubrajpur</t>
  </si>
  <si>
    <t>Attibele</t>
  </si>
  <si>
    <t>Mohaddipur</t>
  </si>
  <si>
    <t>Peerbagh</t>
  </si>
  <si>
    <t>Boduppal</t>
  </si>
  <si>
    <t>Court Road-Palakkad</t>
  </si>
  <si>
    <t>Dharmagarh</t>
  </si>
  <si>
    <t xml:space="preserve">BAUXITE ROAD </t>
  </si>
  <si>
    <t>Baragaon</t>
  </si>
  <si>
    <t>East Sambandham Road - R S Puram</t>
  </si>
  <si>
    <t>Sangamner 2</t>
  </si>
  <si>
    <t>Pudur-Madurai</t>
  </si>
  <si>
    <t>Kothanur</t>
  </si>
  <si>
    <t>Hatigaon</t>
  </si>
  <si>
    <t>Kudal Nagar</t>
  </si>
  <si>
    <t>Hanuman Chowk</t>
  </si>
  <si>
    <t>Senthi</t>
  </si>
  <si>
    <t>Vapi GIDC 2</t>
  </si>
  <si>
    <t>Manikpur, Southern Byepass</t>
  </si>
  <si>
    <t>Perumbavoor Town</t>
  </si>
  <si>
    <r>
      <t>Tiro</t>
    </r>
    <r>
      <rPr>
        <sz val="11"/>
        <color rgb="FF000000"/>
        <rFont val="Calibri"/>
        <family val="2"/>
        <scheme val="minor"/>
      </rPr>
      <t>r</t>
    </r>
    <r>
      <rPr>
        <sz val="11"/>
        <color rgb="FF201F1E"/>
        <rFont val="Calibri"/>
        <family val="2"/>
        <scheme val="minor"/>
      </rPr>
      <t>a</t>
    </r>
  </si>
  <si>
    <t>Katraj Kondhwa</t>
  </si>
  <si>
    <t>Rajabazar</t>
  </si>
  <si>
    <t>Aero City</t>
  </si>
  <si>
    <t>Bhinmal Road-Jalore</t>
  </si>
  <si>
    <t>Amity University Noida</t>
  </si>
  <si>
    <t>Soraba</t>
  </si>
  <si>
    <t>JNV Colony</t>
  </si>
  <si>
    <t>Payakaraopeta</t>
  </si>
  <si>
    <t>Khanpur-Jhalawar</t>
  </si>
  <si>
    <t>Vasai West, Bhabola Naka.</t>
  </si>
  <si>
    <t>MG Road- Ernakulam</t>
  </si>
  <si>
    <t>Satrampadu</t>
  </si>
  <si>
    <t>Madhavdhara</t>
  </si>
  <si>
    <t>Vidyanagar Colony</t>
  </si>
  <si>
    <t>Elamakkara</t>
  </si>
  <si>
    <t>Kondalampatti</t>
  </si>
  <si>
    <t>Singh More</t>
  </si>
  <si>
    <t>Bijli Ghar Chorahaya- Bharatpur</t>
  </si>
  <si>
    <t>Xavier Square Branch</t>
  </si>
  <si>
    <t>Kazipet Road</t>
  </si>
  <si>
    <t>Sholinganallur</t>
  </si>
  <si>
    <t>DAVANGERE PB ROAD</t>
  </si>
  <si>
    <t>Bhawarna</t>
  </si>
  <si>
    <t>NJP - Main road, Siliguri</t>
  </si>
  <si>
    <t>Kavanadu</t>
  </si>
  <si>
    <t>Algon Kothi</t>
  </si>
  <si>
    <t>Kogilu Cross</t>
  </si>
  <si>
    <t>Somwarpet</t>
  </si>
  <si>
    <t>VIP Road - Vesu</t>
  </si>
  <si>
    <t>Hassan Salagame Road</t>
  </si>
  <si>
    <t>Jehangipura</t>
  </si>
  <si>
    <t>Lathi Road</t>
  </si>
  <si>
    <t>LaJpat Road, Jagraon</t>
  </si>
  <si>
    <t>Sec 12, C Block</t>
  </si>
  <si>
    <t>Chinhat</t>
  </si>
  <si>
    <t>Seethaphalmandi</t>
  </si>
  <si>
    <t>Abu Highway, Palanpur</t>
  </si>
  <si>
    <t>Tumkur SIT Main Road</t>
  </si>
  <si>
    <t>Upnager</t>
  </si>
  <si>
    <t>Kuniyamuthur</t>
  </si>
  <si>
    <t>Salumbar</t>
  </si>
  <si>
    <t>Uthangarai</t>
  </si>
  <si>
    <t>Sagar Society, Banjara Hills</t>
  </si>
  <si>
    <t>Niharika</t>
  </si>
  <si>
    <t>VANDAVASI</t>
  </si>
  <si>
    <t>Annamaya Circle</t>
  </si>
  <si>
    <t>J K C College Road</t>
  </si>
  <si>
    <t>Madippakkam (CT)</t>
  </si>
  <si>
    <t>Rajmahal</t>
  </si>
  <si>
    <t>Mavdi Road - Rajkot</t>
  </si>
  <si>
    <t>Someshwar Textile Market</t>
  </si>
  <si>
    <t>STC Road branch</t>
  </si>
  <si>
    <t>Katteden</t>
  </si>
  <si>
    <t>Omalur</t>
  </si>
  <si>
    <t>Dharmavaram </t>
  </si>
  <si>
    <t>Bagbahra</t>
  </si>
  <si>
    <t>Kapodara</t>
  </si>
  <si>
    <t>Badalalpur</t>
  </si>
  <si>
    <t>Baghpat Road</t>
  </si>
  <si>
    <t>TD Road , Kochi</t>
  </si>
  <si>
    <t>Ranjitsagar Road</t>
  </si>
  <si>
    <t>Zirad</t>
  </si>
  <si>
    <t>Zanzarda Road Branch</t>
  </si>
  <si>
    <t>Chowringhee Road</t>
  </si>
  <si>
    <t>Tilak Nagar Nagpur</t>
  </si>
  <si>
    <t>Subhash Road</t>
  </si>
  <si>
    <t>Water Tank Road-Karelibaug</t>
  </si>
  <si>
    <t>Beawer 2</t>
  </si>
  <si>
    <t>Pragathi Nagar Road</t>
  </si>
  <si>
    <t>APHB colony (DLF),Gachibowli</t>
  </si>
  <si>
    <t>Balapur</t>
  </si>
  <si>
    <t>Subash Chowk</t>
  </si>
  <si>
    <t>Fatehpura , Udaipur</t>
  </si>
  <si>
    <t>Parvati</t>
  </si>
  <si>
    <t>Sonari-Charaideo</t>
  </si>
  <si>
    <t>Shivane</t>
  </si>
  <si>
    <t>P O Road, Thrissur</t>
  </si>
  <si>
    <t>Memko</t>
  </si>
  <si>
    <t>Dumas Road</t>
  </si>
  <si>
    <t>Tagore Nagar Pali 3</t>
  </si>
  <si>
    <t>Amanora T-Square - Hadapsar</t>
  </si>
  <si>
    <t>Vyasanagar</t>
  </si>
  <si>
    <t>Khagra Branch</t>
  </si>
  <si>
    <t>Jadubabu Bazar Branch</t>
  </si>
  <si>
    <t>Vizianagaram Bazaar</t>
  </si>
  <si>
    <t>Edappally Toll</t>
  </si>
  <si>
    <t>Solapur Road - Hadapsar</t>
  </si>
  <si>
    <t>Mahidharpura</t>
  </si>
  <si>
    <t>Sector 11 Faridabad</t>
  </si>
  <si>
    <t>Belur</t>
  </si>
  <si>
    <t>Gorai, Borivali West</t>
  </si>
  <si>
    <t>Vayupuri Colony</t>
  </si>
  <si>
    <t>Bellary Chowrastha, Kurnool</t>
  </si>
  <si>
    <t>Makhmalabad</t>
  </si>
  <si>
    <t>Gandhi Chowk</t>
  </si>
  <si>
    <t>Mokdumpur</t>
  </si>
  <si>
    <t>Borisana Road</t>
  </si>
  <si>
    <t>Fort Road</t>
  </si>
  <si>
    <t>Suryapet -2</t>
  </si>
  <si>
    <t>Kalali</t>
  </si>
  <si>
    <t>Khed Shivapur</t>
  </si>
  <si>
    <t>Moshi Pradhikaran</t>
  </si>
  <si>
    <t>Yeyaadi</t>
  </si>
  <si>
    <t>RIICO Industrial Area, Bhilwara</t>
  </si>
  <si>
    <t>Brucepet</t>
  </si>
  <si>
    <t>Vidyanagari Hubli</t>
  </si>
  <si>
    <t>Poynad</t>
  </si>
  <si>
    <t>Parnasree Pally</t>
  </si>
  <si>
    <t>Titwala</t>
  </si>
  <si>
    <t>KHAIRABAD</t>
  </si>
  <si>
    <t>Ganjpara, Durg</t>
  </si>
  <si>
    <t>Thodupuzha Town</t>
  </si>
  <si>
    <t>Maradu</t>
  </si>
  <si>
    <t>Palayam</t>
  </si>
  <si>
    <t xml:space="preserve"> Nagalpur Road Mehsana</t>
  </si>
  <si>
    <t>Jawahar Nagar - Sri Ganganagar</t>
  </si>
  <si>
    <t>Old Jewargi Road, Kalaburgi</t>
  </si>
  <si>
    <t>Kunnamangalam</t>
  </si>
  <si>
    <t>Kankroli</t>
  </si>
  <si>
    <t>Southern Avenue</t>
  </si>
  <si>
    <t>Ambernath Additional MIDC</t>
  </si>
  <si>
    <t>Ranigunj</t>
  </si>
  <si>
    <t>Maddilapalem</t>
  </si>
  <si>
    <t>AOC Centre, Secunderabad</t>
  </si>
  <si>
    <t>Kongaon</t>
  </si>
  <si>
    <t>Nanak Nagar</t>
  </si>
  <si>
    <t>Bakrol Road Anand</t>
  </si>
  <si>
    <t>Akbarpur-2</t>
  </si>
  <si>
    <t>Sarwal</t>
  </si>
  <si>
    <t>Bharti City</t>
  </si>
  <si>
    <t>Kalher</t>
  </si>
  <si>
    <t>Mira Road Silver Park (Kashimira)</t>
  </si>
  <si>
    <t>Sarkhej</t>
  </si>
  <si>
    <t>Victoria Layout</t>
  </si>
  <si>
    <t>Mauganj (M)</t>
  </si>
  <si>
    <t>Bhosale Nagar</t>
  </si>
  <si>
    <t>Gokul Road - Hubli</t>
  </si>
  <si>
    <t>DAVANGERE HADADI ROAD</t>
  </si>
  <si>
    <t>Kankarbagh Colony More</t>
  </si>
  <si>
    <t>Vasna Bhayli 2- Priya Cinema Road</t>
  </si>
  <si>
    <t>LIC Colony</t>
  </si>
  <si>
    <t>Maurya Lok</t>
  </si>
  <si>
    <t>Sachin Tendulkar Road</t>
  </si>
  <si>
    <t>Gopal Gawda Ext. Shimoga</t>
  </si>
  <si>
    <t>Infantry Road, Ballari</t>
  </si>
  <si>
    <t>Somarasampettai</t>
  </si>
  <si>
    <t xml:space="preserve">Pudur-Ambattur </t>
  </si>
  <si>
    <t>Kaptanganj -2</t>
  </si>
  <si>
    <t>Kasaragod Town</t>
  </si>
  <si>
    <t>Sahakara Nagar 2</t>
  </si>
  <si>
    <t>LDA Colony Kanpur Road </t>
  </si>
  <si>
    <t>Old Anaj Mandi Jind</t>
  </si>
  <si>
    <t>Chatterjeehat</t>
  </si>
  <si>
    <t>Siripuram</t>
  </si>
  <si>
    <t>Saroor Nagar – Dilsukhnagar Road</t>
  </si>
  <si>
    <t>Rupani Circle, Bhavnagar</t>
  </si>
  <si>
    <t>Deoria 2</t>
  </si>
  <si>
    <t>Dorangla</t>
  </si>
  <si>
    <t>Speed Well Party Plot Chowk</t>
  </si>
  <si>
    <t>Rotary Nagar</t>
  </si>
  <si>
    <t>Bated, Barotiwala</t>
  </si>
  <si>
    <t>Naka, Faizabad</t>
  </si>
  <si>
    <t>RAJGARH (Np)</t>
  </si>
  <si>
    <t>Kurmannapalem - Vizag Steel</t>
  </si>
  <si>
    <t>Karamchari Nagar</t>
  </si>
  <si>
    <t>BC Road - Gajuwaka</t>
  </si>
  <si>
    <t>Karond, Bhopal</t>
  </si>
  <si>
    <t xml:space="preserve">TV Center Aurangabad </t>
  </si>
  <si>
    <t>Palavanthangal</t>
  </si>
  <si>
    <t>Adilabad 2</t>
  </si>
  <si>
    <t>Kakinada Ashok Nagar</t>
  </si>
  <si>
    <t xml:space="preserve">Scheme 114, Indore </t>
  </si>
  <si>
    <t>Thambu Chetty Street</t>
  </si>
  <si>
    <t>Patan Jabalpur</t>
  </si>
  <si>
    <t>Vidisha 2</t>
  </si>
  <si>
    <t>Nehru Nagar Kurnool</t>
  </si>
  <si>
    <t>Nausenabagh</t>
  </si>
  <si>
    <t>Panagar , Jabalpur</t>
  </si>
  <si>
    <t>Milak</t>
  </si>
  <si>
    <t>Sanganer Bazar, Jaipur</t>
  </si>
  <si>
    <t>Murlipura</t>
  </si>
  <si>
    <t>Paras Trinity</t>
  </si>
  <si>
    <t>3 Roads </t>
  </si>
  <si>
    <t>Medical Square</t>
  </si>
  <si>
    <t>Atarra (Npp)</t>
  </si>
  <si>
    <t>Bhattarahalli</t>
  </si>
  <si>
    <t>Chhata</t>
  </si>
  <si>
    <t>Talap</t>
  </si>
  <si>
    <t>Gandhiganj Chhindwara</t>
  </si>
  <si>
    <t>TNGOs Colony, Financial District</t>
  </si>
  <si>
    <t>Subedari</t>
  </si>
  <si>
    <t>The Mall</t>
  </si>
  <si>
    <t>Babarpur Ajitmal(Np)</t>
  </si>
  <si>
    <t>Chandpole</t>
  </si>
  <si>
    <t>Rash Mela Ground Branch</t>
  </si>
  <si>
    <t>Kidwaipuri</t>
  </si>
  <si>
    <t>BTM Layout 3</t>
  </si>
  <si>
    <t>Konankunte Cross</t>
  </si>
  <si>
    <t>Deonar</t>
  </si>
  <si>
    <t>Airport road Aurangabad</t>
  </si>
  <si>
    <t>Sevasi</t>
  </si>
  <si>
    <t>Bairia</t>
  </si>
  <si>
    <t>Honnali</t>
  </si>
  <si>
    <t>J P Nagar, Mysore</t>
  </si>
  <si>
    <t>Hosadurga</t>
  </si>
  <si>
    <t>Khagaul</t>
  </si>
  <si>
    <t>Vyapar Vihar - Bilaspur</t>
  </si>
  <si>
    <t>Jubilee Hills MCHRD</t>
  </si>
  <si>
    <t>Silwani (Np)</t>
  </si>
  <si>
    <t>Samadevi Galli</t>
  </si>
  <si>
    <t>Civil Lines, Raipur</t>
  </si>
  <si>
    <t>6,Circular Road, Abohar</t>
  </si>
  <si>
    <t>Dhuri 2</t>
  </si>
  <si>
    <t>S P Ring Road</t>
  </si>
  <si>
    <t>Indi-Vijayapura District</t>
  </si>
  <si>
    <t>Deshabimani Road Branch</t>
  </si>
  <si>
    <t>Chitradurga 2</t>
  </si>
  <si>
    <t>P &amp; T Nagar, Madurai</t>
  </si>
  <si>
    <t>Kasna</t>
  </si>
  <si>
    <t>Alipore</t>
  </si>
  <si>
    <t>Mahim Branch</t>
  </si>
  <si>
    <t>Kolkata High Court</t>
  </si>
  <si>
    <t>Nandikotkur</t>
  </si>
  <si>
    <t>Proddattur 2</t>
  </si>
  <si>
    <t>Sri Ramgiri Bypass Road</t>
  </si>
  <si>
    <t>Vijay Path</t>
  </si>
  <si>
    <t>Errum Manzil</t>
  </si>
  <si>
    <t>Keskal</t>
  </si>
  <si>
    <t>Surdhara Circle</t>
  </si>
  <si>
    <t>Patta Bohri</t>
  </si>
  <si>
    <t>Bhadwasiya</t>
  </si>
  <si>
    <t>Ulwe</t>
  </si>
  <si>
    <t>BARGUR</t>
  </si>
  <si>
    <t>Gaurav Tower Road - Malviya Nagar</t>
  </si>
  <si>
    <t>Agrasen Circle, Kishangarh</t>
  </si>
  <si>
    <t>Nanavati Chowk</t>
  </si>
  <si>
    <t>Shobhagpura</t>
  </si>
  <si>
    <t>Kulasekaram</t>
  </si>
  <si>
    <t>Sikar Road</t>
  </si>
  <si>
    <t>Charkhari (Npp)</t>
  </si>
  <si>
    <t>Saraiya II</t>
  </si>
  <si>
    <t>Thatipur</t>
  </si>
  <si>
    <t>Shyampur</t>
  </si>
  <si>
    <t>VISHWAKARMA CIRCLE</t>
  </si>
  <si>
    <t>Triveni Nagar, Jaipur</t>
  </si>
  <si>
    <t>Shastri Nagar, Ajmer</t>
  </si>
  <si>
    <t>Chandra Shekhar Azad Nagar</t>
  </si>
  <si>
    <t>Gokavaram Bus Stand</t>
  </si>
  <si>
    <t>Kabir Marg</t>
  </si>
  <si>
    <t>Mahaveer Bazar, Beawer</t>
  </si>
  <si>
    <t>Governor Pet</t>
  </si>
  <si>
    <t>Manikonda Pipe line Road</t>
  </si>
  <si>
    <t>Pital Factory, Main Jhotawara Road</t>
  </si>
  <si>
    <t>Civil Lines</t>
  </si>
  <si>
    <t>Alwar III</t>
  </si>
  <si>
    <t>Anna Nagar 18 Main Road</t>
  </si>
  <si>
    <t>Barnala Road, SIRSA</t>
  </si>
  <si>
    <t>Khajuraho</t>
  </si>
  <si>
    <t>Perumbakkam Nookampalayam Road</t>
  </si>
  <si>
    <t xml:space="preserve">GAR IT Park, Kokapet </t>
  </si>
  <si>
    <t>Udaipura (Np)</t>
  </si>
  <si>
    <t>Y N Road, Indore</t>
  </si>
  <si>
    <t>Ring Road - 2</t>
  </si>
  <si>
    <t>GMS Road</t>
  </si>
  <si>
    <t>DPS Circle ,Pal Gaon</t>
  </si>
  <si>
    <t>Sector 6, Karnal</t>
  </si>
  <si>
    <t>Bommasandra</t>
  </si>
  <si>
    <t>AVM Nagar Saligramam</t>
  </si>
  <si>
    <t>Ponneri</t>
  </si>
  <si>
    <t>Ambattur Industrial Estate</t>
  </si>
  <si>
    <t>Avadi- Market Road</t>
  </si>
  <si>
    <t>DLF Cyber Park Branch</t>
  </si>
  <si>
    <t>Industrial Area, Hathras</t>
  </si>
  <si>
    <t>Rawatpur Allahabad</t>
  </si>
  <si>
    <t>Jahu Khurd</t>
  </si>
  <si>
    <t>Garhmukteshwar - Hapur</t>
  </si>
  <si>
    <t>Saidabad Colony</t>
  </si>
  <si>
    <t>Shrinathpuram</t>
  </si>
  <si>
    <t>Gahmar</t>
  </si>
  <si>
    <t>Manglaur</t>
  </si>
  <si>
    <t>Jaihindpuram</t>
  </si>
  <si>
    <t>Abohar Road, Fazilka</t>
  </si>
  <si>
    <t>Barsana</t>
  </si>
  <si>
    <t>Gangoli</t>
  </si>
  <si>
    <t>Kottivakkam - SRP Tools</t>
  </si>
  <si>
    <t>Kaptanganj,Azamgarh</t>
  </si>
  <si>
    <t>Woraiyur</t>
  </si>
  <si>
    <t>Upperpally</t>
  </si>
  <si>
    <t>Jagtial 2</t>
  </si>
  <si>
    <t>Peenya 2</t>
  </si>
  <si>
    <t>Osmangunj</t>
  </si>
  <si>
    <t>Gobindpur</t>
  </si>
  <si>
    <t>Dhanupali, Sambalpur</t>
  </si>
  <si>
    <t>Ganesh Colony,Jalgaon</t>
  </si>
  <si>
    <t>Nohar</t>
  </si>
  <si>
    <t>Pratap Vihar</t>
  </si>
  <si>
    <t>Savina - Udaipur</t>
  </si>
  <si>
    <t>Barshi Road, Latur</t>
  </si>
  <si>
    <t>Golf View, Nanakramguda</t>
  </si>
  <si>
    <t>Bulandshahr 2</t>
  </si>
  <si>
    <t>Lahartara</t>
  </si>
  <si>
    <t>Jwalapur </t>
  </si>
  <si>
    <t>Dudhrej Road</t>
  </si>
  <si>
    <t>Maheshtala</t>
  </si>
  <si>
    <t>Atmakur - Kurnool</t>
  </si>
  <si>
    <t>Kota Junction</t>
  </si>
  <si>
    <t>Church Corner Branch, Karur</t>
  </si>
  <si>
    <t>Kumbalagodu Industrial Area</t>
  </si>
  <si>
    <t>Raja Cycle Circle -Ajmer</t>
  </si>
  <si>
    <t xml:space="preserve">Eroor North </t>
  </si>
  <si>
    <t>Choti Sadri</t>
  </si>
  <si>
    <t>KINATHUKADAVU</t>
  </si>
  <si>
    <t>Inner Ring Road</t>
  </si>
  <si>
    <t>Erragadda</t>
  </si>
  <si>
    <t>Poorna Market</t>
  </si>
  <si>
    <t>Jadhua</t>
  </si>
  <si>
    <t>Tirumulgherry</t>
  </si>
  <si>
    <t>Nagrota Surian</t>
  </si>
  <si>
    <t>Gossaingaon</t>
  </si>
  <si>
    <t>Mankamma Thota</t>
  </si>
  <si>
    <t>Srinagar Colony, Vijayawada</t>
  </si>
  <si>
    <t>Mallampet Road, Bachupally</t>
  </si>
  <si>
    <t>Gangori Bazar, Jaipur</t>
  </si>
  <si>
    <t>Nanakheda, Ujjain</t>
  </si>
  <si>
    <t>Asarwa</t>
  </si>
  <si>
    <t>Siwan II</t>
  </si>
  <si>
    <t>Nirala Nagar</t>
  </si>
  <si>
    <t>Chandni Chowk Ratlam</t>
  </si>
  <si>
    <t>Kalwar Road</t>
  </si>
  <si>
    <t>Dewas Mandi</t>
  </si>
  <si>
    <t>TOT MALL ,Sector  62 Noida</t>
  </si>
  <si>
    <t>Pali Maharashtra</t>
  </si>
  <si>
    <t>First Puliya, CHB Road</t>
  </si>
  <si>
    <t>Palavakkam</t>
  </si>
  <si>
    <t>Masjid Banda</t>
  </si>
  <si>
    <t>Sarai Amanat Khan</t>
  </si>
  <si>
    <t>Kothi-Raopura</t>
  </si>
  <si>
    <t>Sitamarhi II</t>
  </si>
  <si>
    <t>Khasa</t>
  </si>
  <si>
    <t>Tidel Park</t>
  </si>
  <si>
    <t>Gandhi Path West , Jaipur</t>
  </si>
  <si>
    <t>Madhyam Marg</t>
  </si>
  <si>
    <t>ICON Ahmednagar</t>
  </si>
  <si>
    <t>Sector 22, Faridabad</t>
  </si>
  <si>
    <t>Udhanwal</t>
  </si>
  <si>
    <t>Aliwal</t>
  </si>
  <si>
    <t>Maharani Farm</t>
  </si>
  <si>
    <t>Kursi Road</t>
  </si>
  <si>
    <t>Venkata Ramana Colony - Kurnool</t>
  </si>
  <si>
    <t>Samta Colony, Raipur</t>
  </si>
  <si>
    <t>Nandagiri Hills</t>
  </si>
  <si>
    <t xml:space="preserve">Manipal County </t>
  </si>
  <si>
    <t>Mangyawas Road</t>
  </si>
  <si>
    <t>Madhoganj</t>
  </si>
  <si>
    <t>Jasol</t>
  </si>
  <si>
    <t>Alagesan Road</t>
  </si>
  <si>
    <t>Budhabar</t>
  </si>
  <si>
    <t>KARUMATHAMPATTI</t>
  </si>
  <si>
    <t>Gumthala Rao</t>
  </si>
  <si>
    <t>Perumanallur</t>
  </si>
  <si>
    <t>IT College Road</t>
  </si>
  <si>
    <t>Pandri, Raipur</t>
  </si>
  <si>
    <t>Udaipur City</t>
  </si>
  <si>
    <t>Transport Nagar, Gorakhpur</t>
  </si>
  <si>
    <t>Arsavalli Temple Road</t>
  </si>
  <si>
    <t>Longowal</t>
  </si>
  <si>
    <t>Raibareilly City</t>
  </si>
  <si>
    <t>Little Mount, Annasalai</t>
  </si>
  <si>
    <t>K R PETE</t>
  </si>
  <si>
    <t>Afzalpur</t>
  </si>
  <si>
    <t>Gomti Nagar Extension- 2</t>
  </si>
  <si>
    <t>Bapu Bazar</t>
  </si>
  <si>
    <t>Dahod Road, Banswara</t>
  </si>
  <si>
    <t>Chinniampalayam</t>
  </si>
  <si>
    <t>Wkad Pavillion 79</t>
  </si>
  <si>
    <t>Sikri</t>
  </si>
  <si>
    <t>Dev Nagar - Tonk Road</t>
  </si>
  <si>
    <t>Pakhowal</t>
  </si>
  <si>
    <t>HUDA Market, Sector 7 Faridabad</t>
  </si>
  <si>
    <t>Kumarapalayam Branch</t>
  </si>
  <si>
    <t>Peer Gate</t>
  </si>
  <si>
    <t>Sainik Colony, Sector 49 Faridabad</t>
  </si>
  <si>
    <t>CIDCO</t>
  </si>
  <si>
    <t>Dhangu Road, Pathankot</t>
  </si>
  <si>
    <t>BVB College Road</t>
  </si>
  <si>
    <t>Baja Khana</t>
  </si>
  <si>
    <t>Kandhala Jattan</t>
  </si>
  <si>
    <t xml:space="preserve">Bopal Ambali Road </t>
  </si>
  <si>
    <t>Shastri Circle</t>
  </si>
  <si>
    <t>Belaisa</t>
  </si>
  <si>
    <t>Tilahari</t>
  </si>
  <si>
    <t>Bhanwarkua</t>
  </si>
  <si>
    <t>Haldwani-3</t>
  </si>
  <si>
    <t>Officers Campus, Khatipura,Jaipur</t>
  </si>
  <si>
    <t>Shilaj</t>
  </si>
  <si>
    <t>LALGANJ - Mirzapur</t>
  </si>
  <si>
    <t>Dhanvantari Nagar Jabalpur</t>
  </si>
  <si>
    <t>Nallur</t>
  </si>
  <si>
    <t>Medavakkam</t>
  </si>
  <si>
    <t>Rudrapur-3</t>
  </si>
  <si>
    <t>Mangalam</t>
  </si>
  <si>
    <t>Krishnapuram</t>
  </si>
  <si>
    <t>Jawahar Nagar</t>
  </si>
  <si>
    <t>Walajabad</t>
  </si>
  <si>
    <t>Anandbagh</t>
  </si>
  <si>
    <t>Gayatri Nagar</t>
  </si>
  <si>
    <t>Jhok Hari Har</t>
  </si>
  <si>
    <t>Amboli Andheri</t>
  </si>
  <si>
    <t>Nona Chandanpukur</t>
  </si>
  <si>
    <t>Tifra - Bilaspur</t>
  </si>
  <si>
    <t>Berasia Road, Bhopal</t>
  </si>
  <si>
    <t>KARGIL SQUARE, BETUL</t>
  </si>
  <si>
    <t>Harpanahalli</t>
  </si>
  <si>
    <t>Scheme 54, Indore</t>
  </si>
  <si>
    <t>Kailashahar</t>
  </si>
  <si>
    <t xml:space="preserve">Kamatwade </t>
  </si>
  <si>
    <t>Thanthania</t>
  </si>
  <si>
    <t>Kishanpur Kalan</t>
  </si>
  <si>
    <t>Mohol</t>
  </si>
  <si>
    <t>Suraram</t>
  </si>
  <si>
    <t>Chatta Bazar, Daresi</t>
  </si>
  <si>
    <t>Kharkhoda (Np)</t>
  </si>
  <si>
    <t>Village Karhera Loni</t>
  </si>
  <si>
    <t>Bharatganj</t>
  </si>
  <si>
    <t>Maihar Raod, Katni</t>
  </si>
  <si>
    <t>Ziro</t>
  </si>
  <si>
    <t>Lawsons Bay Colony</t>
  </si>
  <si>
    <t>Mudichur</t>
  </si>
  <si>
    <t>Bakultala</t>
  </si>
  <si>
    <t>Amadalavalasa</t>
  </si>
  <si>
    <t>Childrens Park, Nellore</t>
  </si>
  <si>
    <t>Simhachalam Temple Road</t>
  </si>
  <si>
    <t>NGO's Colony-Hanamkonda</t>
  </si>
  <si>
    <t>SHEOPUR</t>
  </si>
  <si>
    <t>Rotary Circle branch</t>
  </si>
  <si>
    <t>Gandhi Nagar - Dharwad</t>
  </si>
  <si>
    <t>D D Colony</t>
  </si>
  <si>
    <t>RK Beach</t>
  </si>
  <si>
    <t>Seethammadhara - 2</t>
  </si>
  <si>
    <t>Mahesh Nagar ,Jaipur</t>
  </si>
  <si>
    <t>Punnen Road, Palayam</t>
  </si>
  <si>
    <t>Vidya Nagar</t>
  </si>
  <si>
    <t>Mahalingpur - Bagalkot</t>
  </si>
  <si>
    <t>Lingsugur</t>
  </si>
  <si>
    <t>Lasur Station</t>
  </si>
  <si>
    <t>Fazilnagar</t>
  </si>
  <si>
    <t>Kannod</t>
  </si>
  <si>
    <t>Hudkeshwar</t>
  </si>
  <si>
    <t>Maninagar 3</t>
  </si>
  <si>
    <t>Vinay Khand</t>
  </si>
  <si>
    <t>Allwn Colony Road</t>
  </si>
  <si>
    <t>Ballygunge Circular Road</t>
  </si>
  <si>
    <t>Regent Park</t>
  </si>
  <si>
    <t>Metropolitan</t>
  </si>
  <si>
    <t>Mukundapur</t>
  </si>
  <si>
    <t>Kashipur 3</t>
  </si>
  <si>
    <t>Maneklal Estate, Ghatkopar West</t>
  </si>
  <si>
    <t>Milap Nagar, Jaipur</t>
  </si>
  <si>
    <t>Kolathur</t>
  </si>
  <si>
    <t>Karpagam Academy </t>
  </si>
  <si>
    <t>Morabadi</t>
  </si>
  <si>
    <t>Anupparpalayam - Tiruppur</t>
  </si>
  <si>
    <t>MTH Road, Villivakkam</t>
  </si>
  <si>
    <t>Kurla West</t>
  </si>
  <si>
    <t xml:space="preserve">VIP Road Kurukshetra </t>
  </si>
  <si>
    <t>Minjur (Tp)</t>
  </si>
  <si>
    <t>Sultanpur 2</t>
  </si>
  <si>
    <t>RTO Circle branch</t>
  </si>
  <si>
    <t>Khajuri Khurd</t>
  </si>
  <si>
    <t>Fatehabad 2</t>
  </si>
  <si>
    <t>I E Nacharam</t>
  </si>
  <si>
    <t>Kalachowki</t>
  </si>
  <si>
    <t>Sector 13, Karnal</t>
  </si>
  <si>
    <t>Ghantaghar Bahraich</t>
  </si>
  <si>
    <t>Jaora Compound</t>
  </si>
  <si>
    <t>Town Junction Road</t>
  </si>
  <si>
    <t>Kasturibaipet</t>
  </si>
  <si>
    <t>Sukhia Pokhari</t>
  </si>
  <si>
    <t>Jharsuguda-Beheramal</t>
  </si>
  <si>
    <t>Sarpavaram Junction</t>
  </si>
  <si>
    <t>Rajeev Gandhi Nagar</t>
  </si>
  <si>
    <t>Vidhan Sabha Road</t>
  </si>
  <si>
    <t>MLA-MPs Colony, Jubilee Hills</t>
  </si>
  <si>
    <t>Kutch Kala Road</t>
  </si>
  <si>
    <t>Sherpur</t>
  </si>
  <si>
    <t>Mysore Road</t>
  </si>
  <si>
    <t>Jagatpura , Jaipur</t>
  </si>
  <si>
    <t>Venpalavattom</t>
  </si>
  <si>
    <t>Vandalur</t>
  </si>
  <si>
    <t>Kathrikadavu</t>
  </si>
  <si>
    <t>Brindavan Gardens</t>
  </si>
  <si>
    <t>KARERA (NP)</t>
  </si>
  <si>
    <t>Phillaur 2</t>
  </si>
  <si>
    <t>West Tower Street</t>
  </si>
  <si>
    <t>Cauvery Road Karungalpalayam</t>
  </si>
  <si>
    <t>Metpally 2</t>
  </si>
  <si>
    <t>Nagrota</t>
  </si>
  <si>
    <t>Keshar Bagh Road</t>
  </si>
  <si>
    <t>Ayapakkam</t>
  </si>
  <si>
    <t>Bhatpar Rani</t>
  </si>
  <si>
    <t>Airport Road, Jagdalpur</t>
  </si>
  <si>
    <t>Vyttila NH Bypass</t>
  </si>
  <si>
    <t>Nandlalpura - Indore</t>
  </si>
  <si>
    <t>NSR Road</t>
  </si>
  <si>
    <r>
      <t>Huda Market -</t>
    </r>
    <r>
      <rPr>
        <sz val="11"/>
        <color indexed="63"/>
        <rFont val="Calibri"/>
        <family val="2"/>
        <scheme val="minor"/>
      </rPr>
      <t>Sector 37 Faridabad</t>
    </r>
  </si>
  <si>
    <t>Vivek Vihar, Jaipur</t>
  </si>
  <si>
    <t xml:space="preserve">Thoothukudi Palai Road </t>
  </si>
  <si>
    <t>Verka</t>
  </si>
  <si>
    <t>Dakpathar</t>
  </si>
  <si>
    <t>Manas Nagar, Indranagar</t>
  </si>
  <si>
    <t>Vallabh Nagar Kota</t>
  </si>
  <si>
    <t>Suryaraopet</t>
  </si>
  <si>
    <t>Sakher Bazar</t>
  </si>
  <si>
    <t xml:space="preserve">Nagod </t>
  </si>
  <si>
    <t>Sirsi Road, Jaipur</t>
  </si>
  <si>
    <t>Gorakund Chouraha</t>
  </si>
  <si>
    <t>Meerut (M Corp.) Partapur</t>
  </si>
  <si>
    <t>Harsa Chinna</t>
  </si>
  <si>
    <t>Alandi- Chikhli Road</t>
  </si>
  <si>
    <t>Bankra</t>
  </si>
  <si>
    <t>Tulasi Nagar</t>
  </si>
  <si>
    <t>New Cuffe Parade, Wadala</t>
  </si>
  <si>
    <t>Raichur 2</t>
  </si>
  <si>
    <t>Railmangra</t>
  </si>
  <si>
    <t>Kotkapura 2</t>
  </si>
  <si>
    <t>Chanderiya</t>
  </si>
  <si>
    <t>Neelambur</t>
  </si>
  <si>
    <t>Sahas Pur</t>
  </si>
  <si>
    <t>Kewzing</t>
  </si>
  <si>
    <t>Gollagudem center, Tadepallegudem</t>
  </si>
  <si>
    <t>Pakhanjur</t>
  </si>
  <si>
    <t>Ajnala 2</t>
  </si>
  <si>
    <t>Jaunpur 2</t>
  </si>
  <si>
    <t>Avinashi Road - Nava India</t>
  </si>
  <si>
    <t>Sector -11 - Gandhinagar</t>
  </si>
  <si>
    <t>Secretariate Colony</t>
  </si>
  <si>
    <t>Chanderi (M)</t>
  </si>
  <si>
    <t>New Barrackpore</t>
  </si>
  <si>
    <t>Rajendra Nagar</t>
  </si>
  <si>
    <t>Vidyavihar</t>
  </si>
  <si>
    <t>Tadigadapa</t>
  </si>
  <si>
    <t>Tarn Taran Road - Amritsar</t>
  </si>
  <si>
    <t>Urapakkam</t>
  </si>
  <si>
    <t>Mookandapalli- NTR Nagar, Hosur</t>
  </si>
  <si>
    <t>Botanical Garden</t>
  </si>
  <si>
    <t>Kodad - 2</t>
  </si>
  <si>
    <t>Fortune Business Hub - Science City</t>
  </si>
  <si>
    <t>Beltala</t>
  </si>
  <si>
    <t>Nagpur Road Chhindwara</t>
  </si>
  <si>
    <t>Putlighar Chowk- Amritsar</t>
  </si>
  <si>
    <t>Nagarpalika Road Branch</t>
  </si>
  <si>
    <t>New Bridge Road</t>
  </si>
  <si>
    <t>Station Road, Rewa</t>
  </si>
  <si>
    <t>Kakinada Main Road</t>
  </si>
  <si>
    <t>KPHB 1st phase</t>
  </si>
  <si>
    <t>Villianur</t>
  </si>
  <si>
    <t>Hafeezpet</t>
  </si>
  <si>
    <t xml:space="preserve">Harrington Road </t>
  </si>
  <si>
    <t>Chittur</t>
  </si>
  <si>
    <t>Akhol</t>
  </si>
  <si>
    <t>Udupi 2</t>
  </si>
  <si>
    <t>HB Colony, Bhimavaram</t>
  </si>
  <si>
    <t>Line Tank Road</t>
  </si>
  <si>
    <t>Aluva Town </t>
  </si>
  <si>
    <t xml:space="preserve">Guna 2 mandi road guna </t>
  </si>
  <si>
    <t>Ranjhi</t>
  </si>
  <si>
    <t>Rajnandgaon 2</t>
  </si>
  <si>
    <t>Haldauni Greater Noida</t>
  </si>
  <si>
    <t>Panchavati Colony,Manikonda</t>
  </si>
  <si>
    <t>Pakaha, Pathardeva</t>
  </si>
  <si>
    <t>T Nagar Bazullah Road</t>
  </si>
  <si>
    <t>100 Feet Road Bathinda</t>
  </si>
  <si>
    <t>Vallabhnagar</t>
  </si>
  <si>
    <t>Bengali Square</t>
  </si>
  <si>
    <t>Transport Nagar</t>
  </si>
  <si>
    <t>Shastri Nagar, Kawatiya Circle</t>
  </si>
  <si>
    <t>Mothrowala, Haridwar Bypass Road</t>
  </si>
  <si>
    <t>Nawa</t>
  </si>
  <si>
    <t>Nungambakkam High Road</t>
  </si>
  <si>
    <t>Mahabubnagar 2</t>
  </si>
  <si>
    <t>Narengi</t>
  </si>
  <si>
    <t>Sumel Business Park – 3</t>
  </si>
  <si>
    <t>Sindhi colony</t>
  </si>
  <si>
    <t>Ananth Nagar</t>
  </si>
  <si>
    <t>Shela</t>
  </si>
  <si>
    <t>Vidhyut Nagar</t>
  </si>
  <si>
    <t>Karanjade, Sector 04 Navi Mumbai (M Corp.)</t>
  </si>
  <si>
    <t>Fafadih</t>
  </si>
  <si>
    <t>BK Circle J P Nagar 8th Phase</t>
  </si>
  <si>
    <t>Vinayak Nagar</t>
  </si>
  <si>
    <t>Somajiguda</t>
  </si>
  <si>
    <t>Mainpur III</t>
  </si>
  <si>
    <t>Chikkadpally</t>
  </si>
  <si>
    <t xml:space="preserve">	Gayatri Estates Circle - Kurnool</t>
  </si>
  <si>
    <t>Hospet Dam Road</t>
  </si>
  <si>
    <t>Azad Nagar</t>
  </si>
  <si>
    <t>Jaripatka</t>
  </si>
  <si>
    <t>Marrichettu-Manikonda</t>
  </si>
  <si>
    <t>Vemagiri Junction</t>
  </si>
  <si>
    <t>Hari Nagar, Clock Tower</t>
  </si>
  <si>
    <t>Parimal Garden, Ellis Bridge</t>
  </si>
  <si>
    <t>G Square Rayadurgam</t>
  </si>
  <si>
    <t>Kodambakkam Vellalar Street</t>
  </si>
  <si>
    <t>Kotwali Road, Shivpuri</t>
  </si>
  <si>
    <t>Satpuli Sain</t>
  </si>
  <si>
    <t>Ashoka Road</t>
  </si>
  <si>
    <t>Badapashi Branch, Asanpat</t>
  </si>
  <si>
    <t>Dadabari</t>
  </si>
  <si>
    <t>Gomtinagar Ext Sec-7</t>
  </si>
  <si>
    <t>Gola Road, Patna</t>
  </si>
  <si>
    <t>Penthapal</t>
  </si>
  <si>
    <t>Conscient One - Sector 109</t>
  </si>
  <si>
    <t>Nandurbar II</t>
  </si>
  <si>
    <t>Balaji Nagar- Nellore</t>
  </si>
  <si>
    <t xml:space="preserve">Morigaon </t>
  </si>
  <si>
    <t>Orbit Mall A.B. Road Indore</t>
  </si>
  <si>
    <t>Shamti</t>
  </si>
  <si>
    <t>Pondy Bazaar</t>
  </si>
  <si>
    <t>Ausa Road Latur</t>
  </si>
  <si>
    <t>Chamba 2</t>
  </si>
  <si>
    <t>Hatta</t>
  </si>
  <si>
    <t>Nallagandla2</t>
  </si>
  <si>
    <t>Kaikaluru</t>
  </si>
  <si>
    <t>Karaparamba</t>
  </si>
  <si>
    <t>Secretariat</t>
  </si>
  <si>
    <t>Ibrahimpatnam - 1</t>
  </si>
  <si>
    <t xml:space="preserve">NGO Colony Cuddapah </t>
  </si>
  <si>
    <t>CHIRGAON CHAUHARA</t>
  </si>
  <si>
    <t>Begur Road</t>
  </si>
  <si>
    <t>TTK Road</t>
  </si>
  <si>
    <t>MP Nagar Zone 1, Bhopal</t>
  </si>
  <si>
    <t>Kankipadu</t>
  </si>
  <si>
    <t>Udaipole</t>
  </si>
  <si>
    <t>Jankipuram Extension</t>
  </si>
  <si>
    <t>Thindal</t>
  </si>
  <si>
    <t>Thennampalayam - Tiruppur</t>
  </si>
  <si>
    <t>Saki Vihar Road</t>
  </si>
  <si>
    <t>Juhu Gulmohar Road</t>
  </si>
  <si>
    <t>Namakkal-Paramathi Road</t>
  </si>
  <si>
    <t>Mamangalam</t>
  </si>
  <si>
    <t>Dhamtari 2</t>
  </si>
  <si>
    <t>Shastradhara</t>
  </si>
  <si>
    <t>Forest Park, Bhubaneswar</t>
  </si>
  <si>
    <t>Mandiya Road  - Pali, Rajasthan</t>
  </si>
  <si>
    <t xml:space="preserve">Rishikesh-2 </t>
  </si>
  <si>
    <t>Veterinary Colony</t>
  </si>
  <si>
    <t>Arundalpet</t>
  </si>
  <si>
    <t>INDORA</t>
  </si>
  <si>
    <t>Chenchupeta, Tenali</t>
  </si>
  <si>
    <t>Sapphire 90</t>
  </si>
  <si>
    <t>Pappanaiken Puthur</t>
  </si>
  <si>
    <t>Pavgada</t>
  </si>
  <si>
    <t xml:space="preserve">Morampudi Junction,  Rajahmundry - 4 </t>
  </si>
  <si>
    <t>Sodala, Jaipur</t>
  </si>
  <si>
    <t>V E Road</t>
  </si>
  <si>
    <t>Taranagar</t>
  </si>
  <si>
    <t>Krishnarajanagara Mysore</t>
  </si>
  <si>
    <t>P D Nagar Unnao</t>
  </si>
  <si>
    <t>Khatipura Road</t>
  </si>
  <si>
    <t>P M Palem</t>
  </si>
  <si>
    <t>Synergy Circle, Rajkot</t>
  </si>
  <si>
    <t>Bhatni</t>
  </si>
  <si>
    <t>Jaja Chowk Tanda Urmar</t>
  </si>
  <si>
    <t>Nallapadu</t>
  </si>
  <si>
    <t xml:space="preserve">Race Course </t>
  </si>
  <si>
    <t>Chittoor-Town</t>
  </si>
  <si>
    <t>Udalguri</t>
  </si>
  <si>
    <t>Punawale</t>
  </si>
  <si>
    <t>Bawdhan Budruk</t>
  </si>
  <si>
    <t>S Kota</t>
  </si>
  <si>
    <t>Thirumullaivoyal</t>
  </si>
  <si>
    <t>Vijapur Road</t>
  </si>
  <si>
    <t>DBU Kumrakhali, Sonarpur Station Road</t>
  </si>
  <si>
    <t>DBU Haridwar</t>
  </si>
  <si>
    <t>DBU Faridabad</t>
  </si>
  <si>
    <t>DBU DHANAS </t>
  </si>
  <si>
    <t>Charkhi Dadri-2</t>
  </si>
  <si>
    <t>Zakura</t>
  </si>
  <si>
    <t>Sarswati Nagar, Sawra</t>
  </si>
  <si>
    <t>Raboun</t>
  </si>
  <si>
    <t>Vijayrajnagar</t>
  </si>
  <si>
    <t>Dharmabad</t>
  </si>
  <si>
    <t>Ladhowal - Jalandhar Road</t>
  </si>
  <si>
    <t>Kanchan Bagh</t>
  </si>
  <si>
    <t>Tarabai Park</t>
  </si>
  <si>
    <t>Udyambagh</t>
  </si>
  <si>
    <t>Kizhkattalai, Chennai</t>
  </si>
  <si>
    <t>Shibani Pith, Baruipur</t>
  </si>
  <si>
    <t>Agaram Road</t>
  </si>
  <si>
    <t>Mirjanhat</t>
  </si>
  <si>
    <t>Kaikhali</t>
  </si>
  <si>
    <t>Housing Board Colony</t>
  </si>
  <si>
    <t>Bhatli Chowk, Bargarh</t>
  </si>
  <si>
    <t>Kotegate</t>
  </si>
  <si>
    <t>Kodungaiyur</t>
  </si>
  <si>
    <t>Uravakonda</t>
  </si>
  <si>
    <t>Badlapur West</t>
  </si>
  <si>
    <t>Gangasahar</t>
  </si>
  <si>
    <t>Anni - Kullu</t>
  </si>
  <si>
    <t>Officers Training Academy</t>
  </si>
  <si>
    <t>Zamin Pallavaram</t>
  </si>
  <si>
    <t>Malumitchampatti</t>
  </si>
  <si>
    <t>Shyam Nagar, Jaipur</t>
  </si>
  <si>
    <t>Mangadu</t>
  </si>
  <si>
    <t>Vasant Vihar Anurag Chowk</t>
  </si>
  <si>
    <t>Cuddalore OT</t>
  </si>
  <si>
    <t>Bhangel, Noida</t>
  </si>
  <si>
    <t>GIDC Road, Veraval</t>
  </si>
  <si>
    <t>1st Main Road – Ambattur Industrial Estate</t>
  </si>
  <si>
    <t>Perinthalmanna 2</t>
  </si>
  <si>
    <t>Sector 91, Mohali</t>
  </si>
  <si>
    <t>IIM Road, Lucknow</t>
  </si>
  <si>
    <t>Nandini Layout</t>
  </si>
  <si>
    <t>Peddar Road</t>
  </si>
  <si>
    <t xml:space="preserve">Hebri </t>
  </si>
  <si>
    <t>Thottapalayam-Vellore City</t>
  </si>
  <si>
    <t>Hindu College</t>
  </si>
  <si>
    <t>BK Kaul Nagar, Ajmer</t>
  </si>
  <si>
    <t>Kazhakkoottam</t>
  </si>
  <si>
    <t xml:space="preserve">Cheema Chowk </t>
  </si>
  <si>
    <t>Autonagar - Gajuwaka 2</t>
  </si>
  <si>
    <t>Akota</t>
  </si>
  <si>
    <t>Nawalgarh Road, Sikar 4</t>
  </si>
  <si>
    <t>Moraiya Changodar</t>
  </si>
  <si>
    <t>Scheme No 113</t>
  </si>
  <si>
    <t>Pundag</t>
  </si>
  <si>
    <t xml:space="preserve">Peelamedu - Bharthi Colony </t>
  </si>
  <si>
    <t>Patamata, Pantakaluva Road</t>
  </si>
  <si>
    <t>EAST VELI STREET</t>
  </si>
  <si>
    <t>Tagarapuvalasa</t>
  </si>
  <si>
    <t>Kamarajar Road</t>
  </si>
  <si>
    <t>Salai Road </t>
  </si>
  <si>
    <t>DB Road</t>
  </si>
  <si>
    <t>Dewas Naka</t>
  </si>
  <si>
    <t>Peenya 3</t>
  </si>
  <si>
    <t>Hiran Magri - Sector 14</t>
  </si>
  <si>
    <t>Navanagar Hubli</t>
  </si>
  <si>
    <t>Makarpura GIDC</t>
  </si>
  <si>
    <t>ANNUR</t>
  </si>
  <si>
    <t>Chakur</t>
  </si>
  <si>
    <t>Meja Road</t>
  </si>
  <si>
    <t>JJ Nagar, Mogappair</t>
  </si>
  <si>
    <t>Balbera , Patiala</t>
  </si>
  <si>
    <t>DCM, Ajmer Road, Jaipur</t>
  </si>
  <si>
    <t>Jhunjhunu 2</t>
  </si>
  <si>
    <t>Sanjeet Road Mandsaur</t>
  </si>
  <si>
    <t>Chrompet</t>
  </si>
  <si>
    <t>Malwani, Malad West</t>
  </si>
  <si>
    <t>Barkat Nagar</t>
  </si>
  <si>
    <t>Aliganj 2 - Near Mr Brown</t>
  </si>
  <si>
    <t>Lodha Amara</t>
  </si>
  <si>
    <t>7Tombs Road, Tolichowki</t>
  </si>
  <si>
    <t>Dahisar East Ashokvan</t>
  </si>
  <si>
    <t>Mahaveer Nagar</t>
  </si>
  <si>
    <t>Sultanul Uloom Road, Banjara Hills</t>
  </si>
  <si>
    <t>AR line</t>
  </si>
  <si>
    <t>SRM Institute of Science &amp; Technology</t>
  </si>
  <si>
    <t>Narayanpur MZ</t>
  </si>
  <si>
    <t>Patrakar Colony</t>
  </si>
  <si>
    <t>Jhalwa</t>
  </si>
  <si>
    <t>Bhamashah Mandi</t>
  </si>
  <si>
    <t>Ramakrishnapuram</t>
  </si>
  <si>
    <t>Raja Street</t>
  </si>
  <si>
    <t>Clement Town</t>
  </si>
  <si>
    <t>Chail Chowk</t>
  </si>
  <si>
    <t>Lakhimpur 2</t>
  </si>
  <si>
    <t>Shakespear Sarani</t>
  </si>
  <si>
    <t>K P Road</t>
  </si>
  <si>
    <t>Paper Mills Road, Peravallur</t>
  </si>
  <si>
    <t>Mandi Road</t>
  </si>
  <si>
    <t>Dholpur 2</t>
  </si>
  <si>
    <t>Mini Secretariat, Patiala</t>
  </si>
  <si>
    <t>Vasai West - Parnaka</t>
  </si>
  <si>
    <t>Puppalaguda Village</t>
  </si>
  <si>
    <t>Kakkalur</t>
  </si>
  <si>
    <t>Kovilpalayam</t>
  </si>
  <si>
    <t>Cherooty Road</t>
  </si>
  <si>
    <t>Nemmara</t>
  </si>
  <si>
    <t>Brahmapur Town</t>
  </si>
  <si>
    <t>Gulariha</t>
  </si>
  <si>
    <t>Dhaiyaa</t>
  </si>
  <si>
    <t>South Masi Street -Madurai</t>
  </si>
  <si>
    <t>Channasandra</t>
  </si>
  <si>
    <t>Lake Gardens</t>
  </si>
  <si>
    <t>Kochadai-Madurai</t>
  </si>
  <si>
    <t>Srikrushnasaranapur</t>
  </si>
  <si>
    <t>Kottara</t>
  </si>
  <si>
    <t>MERCY COLLEGE JUNCTION</t>
  </si>
  <si>
    <t>Kwarasi</t>
  </si>
  <si>
    <t>Lashkari Nangal</t>
  </si>
  <si>
    <t>Ajay Enclave</t>
  </si>
  <si>
    <t>Nezia Khera</t>
  </si>
  <si>
    <t>Kambala</t>
  </si>
  <si>
    <t>Bakshi Ka Talaab</t>
  </si>
  <si>
    <t>Cyberabad</t>
  </si>
  <si>
    <t>Kuriachira</t>
  </si>
  <si>
    <t>Adibatla</t>
  </si>
  <si>
    <t>Ashoka Garden Bhopal</t>
  </si>
  <si>
    <t>Khandwa Road Indore</t>
  </si>
  <si>
    <t>Keshoraipatan</t>
  </si>
  <si>
    <t>Tatarpur</t>
  </si>
  <si>
    <t>Kherliganj</t>
  </si>
  <si>
    <t>Sahara Darwaja</t>
  </si>
  <si>
    <t>150Ft Ring Road</t>
  </si>
  <si>
    <t>Lalganj Bihar</t>
  </si>
  <si>
    <t>Chirkunda</t>
  </si>
  <si>
    <t>Zeromile</t>
  </si>
  <si>
    <t>Venkat Nagar </t>
  </si>
  <si>
    <t>Samastipur Mohanpur Road</t>
  </si>
  <si>
    <t>Sector 19 Chandigarh</t>
  </si>
  <si>
    <t>Kattupakkam</t>
  </si>
  <si>
    <t>Sector 9A Gurgaon</t>
  </si>
  <si>
    <t>N M Joshi Marg Branch</t>
  </si>
  <si>
    <t>Swasthya Vihar</t>
  </si>
  <si>
    <t>Peekay Arcade Malapuram</t>
  </si>
  <si>
    <t>Siruseri</t>
  </si>
  <si>
    <t>Tirunagar Madurai</t>
  </si>
  <si>
    <t>Jalalabad Shahjahanpur</t>
  </si>
  <si>
    <t>Bijwasan</t>
  </si>
  <si>
    <t>Laksar</t>
  </si>
  <si>
    <t>Alipur Jalandhar</t>
  </si>
  <si>
    <t>Jangipur - Ghazipur</t>
  </si>
  <si>
    <t>Jamalpur Sure Kalna</t>
  </si>
  <si>
    <t>Dandaharipur</t>
  </si>
  <si>
    <t>Baradwari</t>
  </si>
  <si>
    <t>Gurunanak Colony</t>
  </si>
  <si>
    <t>Mahanagar</t>
  </si>
  <si>
    <t>Mkb Nagar</t>
  </si>
  <si>
    <t>Balisira</t>
  </si>
  <si>
    <t>Jilundi</t>
  </si>
  <si>
    <t>Uchiyarda Jodhpur</t>
  </si>
  <si>
    <t>Shiva Nagar</t>
  </si>
  <si>
    <t>Arcot Road Kodambakam</t>
  </si>
  <si>
    <t>Mahlan</t>
  </si>
  <si>
    <t>Geetanjali Talkies Square</t>
  </si>
  <si>
    <t>Jharsa Chowk Sector 31 Gurgaon</t>
  </si>
  <si>
    <t>Kasba Bansur</t>
  </si>
  <si>
    <t>Akkarai</t>
  </si>
  <si>
    <t>Marar Road Thrissur</t>
  </si>
  <si>
    <t>Janakpuri District Center Branch</t>
  </si>
  <si>
    <t>Brahmapur More</t>
  </si>
  <si>
    <t>Parsudih Haludbani</t>
  </si>
  <si>
    <t>Jamalpur Village</t>
  </si>
  <si>
    <t>Jalkhera</t>
  </si>
  <si>
    <t>Narsapur Medak</t>
  </si>
  <si>
    <t>S R Nagar</t>
  </si>
  <si>
    <t>Satyanarayanpuram</t>
  </si>
  <si>
    <t>Chickpet</t>
  </si>
  <si>
    <t>Sector 55 Gurgaon</t>
  </si>
  <si>
    <t>Shivsinghpura</t>
  </si>
  <si>
    <t>Basai Road Gurgaon</t>
  </si>
  <si>
    <t>Raheja Mindspace</t>
  </si>
  <si>
    <t>Iocl Township Mathura</t>
  </si>
  <si>
    <t>Ramdevnagar</t>
  </si>
  <si>
    <t>Jeevan Nagar</t>
  </si>
  <si>
    <t>Vip Road Balaji Nagar</t>
  </si>
  <si>
    <t>East Abhiramapuram</t>
  </si>
  <si>
    <t>Kudasan</t>
  </si>
  <si>
    <t>Rori</t>
  </si>
  <si>
    <t>Marine Drive Cochin</t>
  </si>
  <si>
    <t>Pushkar Rajasthan</t>
  </si>
  <si>
    <t>Kharadi 2</t>
  </si>
  <si>
    <t>Phulwarisharif</t>
  </si>
  <si>
    <t>Palm Square Sector 66</t>
  </si>
  <si>
    <t>Ulhasnagar 3 Furniture Bazaar</t>
  </si>
  <si>
    <t>Sindhubhavan</t>
  </si>
  <si>
    <t>Old Judicial Complex</t>
  </si>
  <si>
    <t>Beliaghata</t>
  </si>
  <si>
    <t>Bassi Jaipur</t>
  </si>
  <si>
    <t>Akurdi</t>
  </si>
  <si>
    <t>Vasant Kunj Presidential Business Park</t>
  </si>
  <si>
    <t>Marathahalli Outer Ring Road</t>
  </si>
  <si>
    <t>Sector 5 Gurgaon</t>
  </si>
  <si>
    <t>Sodepur</t>
  </si>
  <si>
    <t>Vatva Gidc Phase 1</t>
  </si>
  <si>
    <t>Jorhat Tarajan</t>
  </si>
  <si>
    <t>Gatapar Jungle</t>
  </si>
  <si>
    <t>Vasna Bhayli Road</t>
  </si>
  <si>
    <t>Sector 74A</t>
  </si>
  <si>
    <t>Koraon</t>
  </si>
  <si>
    <t>Nijampur Malhor</t>
  </si>
  <si>
    <t>Mugalivakkam</t>
  </si>
  <si>
    <t>Trichy Road Namakkal</t>
  </si>
  <si>
    <t>Nichibagh</t>
  </si>
  <si>
    <t>Pindra</t>
  </si>
  <si>
    <t>Amaria</t>
  </si>
  <si>
    <t>Millennium Plaza</t>
  </si>
  <si>
    <t>Althan</t>
  </si>
  <si>
    <t>Central Market Sivasagar</t>
  </si>
  <si>
    <t>Ameenpur Medak</t>
  </si>
  <si>
    <t>Ponnagar Trichy</t>
  </si>
  <si>
    <t>Nana Pondha</t>
  </si>
  <si>
    <t>Mariahu</t>
  </si>
  <si>
    <t>Nichlaul</t>
  </si>
  <si>
    <t>H B Colony</t>
  </si>
  <si>
    <t>Chatai (Khajni)</t>
  </si>
  <si>
    <t>One Town Eluru</t>
  </si>
  <si>
    <t>Bailbazar Kalyan</t>
  </si>
  <si>
    <t>Savli Branch</t>
  </si>
  <si>
    <t>Raja Nagar Thanjavur</t>
  </si>
  <si>
    <t>Anandnagar Cross Road</t>
  </si>
  <si>
    <t>Kaimganj</t>
  </si>
  <si>
    <t>Manchar</t>
  </si>
  <si>
    <t>Kukatpally Village</t>
  </si>
  <si>
    <t>Temple Street Kakinada</t>
  </si>
  <si>
    <t>Singhpur Kachhar</t>
  </si>
  <si>
    <t>Iscon X Roads</t>
  </si>
  <si>
    <t>Bharwara</t>
  </si>
  <si>
    <t>Indira Nagar 3</t>
  </si>
  <si>
    <t>Sector 1 Manesar</t>
  </si>
  <si>
    <t>Sarai Akil</t>
  </si>
  <si>
    <t>Zilla Parishad</t>
  </si>
  <si>
    <t>Pattabhipuram Guntur</t>
  </si>
  <si>
    <t>Khairatabad</t>
  </si>
  <si>
    <t>Nehtaur</t>
  </si>
  <si>
    <t>M G Road Warangal</t>
  </si>
  <si>
    <t>Banthara Sikanderpur</t>
  </si>
  <si>
    <t>Kiratpur</t>
  </si>
  <si>
    <t>Gaddopur Phaphamau</t>
  </si>
  <si>
    <t>Aterna</t>
  </si>
  <si>
    <t>Adarsh Nagar Ajmer</t>
  </si>
  <si>
    <t>Chhani Road Vadodara</t>
  </si>
  <si>
    <t>Haralur Road Sarjapura</t>
  </si>
  <si>
    <t>Harippad</t>
  </si>
  <si>
    <t>Mahal Pandhari Ner</t>
  </si>
  <si>
    <t>Tirupathur Sivagangai</t>
  </si>
  <si>
    <t>Palayapalayam</t>
  </si>
  <si>
    <t>Nasvadi Branch</t>
  </si>
  <si>
    <t>Farmana</t>
  </si>
  <si>
    <t>Iic Mkt Faridkot</t>
  </si>
  <si>
    <t>Sector 21 Panchkula</t>
  </si>
  <si>
    <t>Janjgir</t>
  </si>
  <si>
    <t>Kalol Panchmahal</t>
  </si>
  <si>
    <t>Mota Varachha</t>
  </si>
  <si>
    <t>Pal</t>
  </si>
  <si>
    <t>Singanpore</t>
  </si>
  <si>
    <t>Alandur</t>
  </si>
  <si>
    <t>Mankoli</t>
  </si>
  <si>
    <t>Ashok Nagar Nashik</t>
  </si>
  <si>
    <t>Chandabali</t>
  </si>
  <si>
    <t>Garkheda</t>
  </si>
  <si>
    <t>City Post Shukrawar Peth</t>
  </si>
  <si>
    <t>Vijay Cross Road</t>
  </si>
  <si>
    <t>Prem Darwaza</t>
  </si>
  <si>
    <t>Veerwara</t>
  </si>
  <si>
    <t>Crossing Republic Ghaziabad</t>
  </si>
  <si>
    <t>Beach Road</t>
  </si>
  <si>
    <t>Nazira</t>
  </si>
  <si>
    <t>Vapi Bazaar</t>
  </si>
  <si>
    <t>Dairy Circle Road</t>
  </si>
  <si>
    <t>Sheoraphuli</t>
  </si>
  <si>
    <t>Shivranjani Cross Road</t>
  </si>
  <si>
    <t>Noida Sector 135</t>
  </si>
  <si>
    <t>Noida Sector 45</t>
  </si>
  <si>
    <t>Ganguly Bagan</t>
  </si>
  <si>
    <t>Hatigarh Chariali</t>
  </si>
  <si>
    <t>Burnpur Road</t>
  </si>
  <si>
    <t>Medical Road</t>
  </si>
  <si>
    <t>Jayaprakash Nagar</t>
  </si>
  <si>
    <t>Samta Nagar Bikaner</t>
  </si>
  <si>
    <t>Sec 78 Noida</t>
  </si>
  <si>
    <t>Nagaon Mission Market</t>
  </si>
  <si>
    <t>Tezpur Kacharigaon</t>
  </si>
  <si>
    <t>Harish Mukherjee Road</t>
  </si>
  <si>
    <t>Nehru Bridge Ashram Road</t>
  </si>
  <si>
    <t>Mhasrul</t>
  </si>
  <si>
    <t>Old Mondha Jalna</t>
  </si>
  <si>
    <t>Akshay Nagar</t>
  </si>
  <si>
    <t>Boisar East</t>
  </si>
  <si>
    <t>Hansalpur</t>
  </si>
  <si>
    <t>Hatibagan</t>
  </si>
  <si>
    <t>M V 37</t>
  </si>
  <si>
    <t>Sonale</t>
  </si>
  <si>
    <t>Boring Canal Road</t>
  </si>
  <si>
    <t>Nilaje Guravali</t>
  </si>
  <si>
    <t>Mundhal Khurd</t>
  </si>
  <si>
    <t>Fursungi</t>
  </si>
  <si>
    <t>Urbana Sec 67</t>
  </si>
  <si>
    <t>Vipul Plaza Suncity,Gurgaon</t>
  </si>
  <si>
    <t>West Fort Branch, Palakkad</t>
  </si>
  <si>
    <t>Sangam Char Rasta</t>
  </si>
  <si>
    <t>Ratan Khand</t>
  </si>
  <si>
    <t>Jawaharlal Nehru Road</t>
  </si>
  <si>
    <t>Badepur Colony Gulbarga</t>
  </si>
  <si>
    <t>Koorkanchery</t>
  </si>
  <si>
    <t xml:space="preserve">N R Mohalla </t>
  </si>
  <si>
    <t>Haltu</t>
  </si>
  <si>
    <t>Sector 58 Gurgaon</t>
  </si>
  <si>
    <t xml:space="preserve">Bagmane Constellation Tech Park </t>
  </si>
  <si>
    <t>Nathnagar</t>
  </si>
  <si>
    <t>Chakraberia</t>
  </si>
  <si>
    <t>Magob</t>
  </si>
  <si>
    <t>Mawana Road, Ganga Nagar</t>
  </si>
  <si>
    <t>Clock Tower,Dehradun</t>
  </si>
  <si>
    <t>Achutapuram</t>
  </si>
  <si>
    <t>Bantalab</t>
  </si>
  <si>
    <t>Kadamkuan</t>
  </si>
  <si>
    <t>Sardar Patel Stadium Road</t>
  </si>
  <si>
    <t>Perundurai</t>
  </si>
  <si>
    <t>Yogi Chowk</t>
  </si>
  <si>
    <t>Sriharikota-SHAR Project</t>
  </si>
  <si>
    <t>Swaminarayan Mandir - Shahibaug</t>
  </si>
  <si>
    <t>Amin Marg</t>
  </si>
  <si>
    <t>Ajay Nagar</t>
  </si>
  <si>
    <t>Tuljapur ( Osmanabad)</t>
  </si>
  <si>
    <t>Rakhi (Naya Raipur)</t>
  </si>
  <si>
    <t>Adabari</t>
  </si>
  <si>
    <t>Chinar Park</t>
  </si>
  <si>
    <t>Kaithal 2</t>
  </si>
  <si>
    <t>Kodoli ( Peth Vadgaon )</t>
  </si>
  <si>
    <t>Shiroli</t>
  </si>
  <si>
    <t>Dhanori</t>
  </si>
  <si>
    <t>Khed (Ratnagiri)</t>
  </si>
  <si>
    <t>Station Road Aurangabad</t>
  </si>
  <si>
    <t>Peth Bhag Sangli</t>
  </si>
  <si>
    <t>Hoshiarpur-3</t>
  </si>
  <si>
    <t> Daspalla Hills- Pandurangapuram</t>
  </si>
  <si>
    <t>Fraser Road</t>
  </si>
  <si>
    <t>Helmet Cross Road</t>
  </si>
  <si>
    <t>Sanala Road Branch, Morvi</t>
  </si>
  <si>
    <t>Mannuthy</t>
  </si>
  <si>
    <t>Pritech Park</t>
  </si>
  <si>
    <t>Manawar Branch</t>
  </si>
  <si>
    <t>Wagholi</t>
  </si>
  <si>
    <t>Peroorkada</t>
  </si>
  <si>
    <t>Sardar chowk-Jetpur</t>
  </si>
  <si>
    <t>P N Road Tirupur</t>
  </si>
  <si>
    <t>Bhagwanpur Chowk</t>
  </si>
  <si>
    <t>Akkalkot Road-Solapur</t>
  </si>
  <si>
    <t>KACHI CHAWNI</t>
  </si>
  <si>
    <t>ITC Road</t>
  </si>
  <si>
    <t>Selaqui</t>
  </si>
  <si>
    <t>Naubasta</t>
  </si>
  <si>
    <t>Ataria</t>
  </si>
  <si>
    <t>Vadgaon Sheri</t>
  </si>
  <si>
    <t>Hanuman Road, Vile Parle East</t>
  </si>
  <si>
    <t>Ajith Singh Nagar</t>
  </si>
  <si>
    <t>SRMS Bhojipura</t>
  </si>
  <si>
    <t>Sonarpur</t>
  </si>
  <si>
    <t>MIDC Andheri East</t>
  </si>
  <si>
    <t>Diwalipura Road </t>
  </si>
  <si>
    <t>L H ROAD</t>
  </si>
  <si>
    <t>Vesu II</t>
  </si>
  <si>
    <t>Kayabandha Branch</t>
  </si>
  <si>
    <t>Barra Karrahi Road</t>
  </si>
  <si>
    <t>Daliganj</t>
  </si>
  <si>
    <t>Malhar Point, O P Road</t>
  </si>
  <si>
    <t>New Avadi Road</t>
  </si>
  <si>
    <t>Krishna Nagar,Lucknow</t>
  </si>
  <si>
    <t>Swaminarayan Chowk, Rajkot</t>
  </si>
  <si>
    <t>Saki Naka</t>
  </si>
  <si>
    <t>Mundwa-Pune</t>
  </si>
  <si>
    <t>Kanur</t>
  </si>
  <si>
    <t>Trichy Road - Perks</t>
  </si>
  <si>
    <t>Malad West S V Road</t>
  </si>
  <si>
    <t>Brindavan Nagar, Adambakkam</t>
  </si>
  <si>
    <t>Patel Nagar</t>
  </si>
  <si>
    <t>Pedda Waltair</t>
  </si>
  <si>
    <t>Salarpur Sattvva</t>
  </si>
  <si>
    <t>Subhash Marg</t>
  </si>
  <si>
    <t>Hebatpur Road - Thaltej 2</t>
  </si>
  <si>
    <t>Besant Road</t>
  </si>
  <si>
    <t>Sigra</t>
  </si>
  <si>
    <t>Pioneer Urban Square , Sector - 62</t>
  </si>
  <si>
    <t>Nanakramguda</t>
  </si>
  <si>
    <t>Delhi Road, Moradabad</t>
  </si>
  <si>
    <t>Indira Circle, Rajkot</t>
  </si>
  <si>
    <t>Ayodhya Bypass</t>
  </si>
  <si>
    <t>PIPLIYAHANA, INDORE</t>
  </si>
  <si>
    <t>E7 Arera Colony Bhopal</t>
  </si>
  <si>
    <t>M G ROAD JUNAGADH</t>
  </si>
  <si>
    <t>Bestech Centre Point, Sushant Lok 1</t>
  </si>
  <si>
    <t>Gandhi Colony</t>
  </si>
  <si>
    <t>Spaze Platinum Tower, Sohna Road</t>
  </si>
  <si>
    <t>Nikol</t>
  </si>
  <si>
    <t>Tolichowki</t>
  </si>
  <si>
    <t>Noonepalli , Nandyal</t>
  </si>
  <si>
    <t>Yendada</t>
  </si>
  <si>
    <t>Shahgunj, Aurangabad</t>
  </si>
  <si>
    <t>Embassy Tech Village</t>
  </si>
  <si>
    <t>Vittal Rao Nagar</t>
  </si>
  <si>
    <t>Bhudian</t>
  </si>
  <si>
    <t xml:space="preserve">Sanwer Road </t>
  </si>
  <si>
    <t>Damoh Naka Jabalpur</t>
  </si>
  <si>
    <t>Sadhuvaswani Marg, Rajkot</t>
  </si>
  <si>
    <t>RGA Tech Park</t>
  </si>
  <si>
    <t>Siddhartha Layout</t>
  </si>
  <si>
    <t>Paradise Mall, Sector - 49</t>
  </si>
  <si>
    <t>Sola Science City Road</t>
  </si>
  <si>
    <t>Sant Hirdaram Nagar</t>
  </si>
  <si>
    <t>Gumasta Nagar</t>
  </si>
  <si>
    <t>MANAYATA TECH PARK EMBASSY BLOCK</t>
  </si>
  <si>
    <t>Journalist Colony – Financial District</t>
  </si>
  <si>
    <t>Loha Mandi, Ghaziabad</t>
  </si>
  <si>
    <t>Banjara Hills Road No 2</t>
  </si>
  <si>
    <t>Chandigarh University, Gharuan</t>
  </si>
  <si>
    <t>Dondaparthy</t>
  </si>
  <si>
    <t>Bosepukur</t>
  </si>
  <si>
    <t>Alkapur Township</t>
  </si>
  <si>
    <t>Beedbypass</t>
  </si>
  <si>
    <t>Chakgaria</t>
  </si>
  <si>
    <t>Bagmane Tech Park</t>
  </si>
  <si>
    <t>Dairy Farm Road</t>
  </si>
  <si>
    <t>S P Marg</t>
  </si>
  <si>
    <t>Kapad market</t>
  </si>
  <si>
    <t>Station Road, Bhuj</t>
  </si>
  <si>
    <t>Spaze Palazo, Sector - 69</t>
  </si>
  <si>
    <t>Chevayoor</t>
  </si>
  <si>
    <t>Trichy Road - Ramanathapuram</t>
  </si>
  <si>
    <t>Town Branch Thalassery</t>
  </si>
  <si>
    <t>Tansen Nagar, Gwalior</t>
  </si>
  <si>
    <t>Snehlataganj Indore</t>
  </si>
  <si>
    <t>Madurdaha</t>
  </si>
  <si>
    <t>Lakshmi Nagar Porur  - 2</t>
  </si>
  <si>
    <t>Hoodi</t>
  </si>
  <si>
    <t>Ideal Homes Township, Rajarajeshwari Nagar</t>
  </si>
  <si>
    <t>Bhaktinagar Station Plot, Rajkot</t>
  </si>
  <si>
    <t>Sindhubhavn Road II</t>
  </si>
  <si>
    <t>Panposh Chowk</t>
  </si>
  <si>
    <t>Mahabaleshwar</t>
  </si>
  <si>
    <t>Sane Guruji Vasahat</t>
  </si>
  <si>
    <t>DMCH - Tagore Nagar Ludhiana</t>
  </si>
  <si>
    <t>Tidke Colony - Nashik</t>
  </si>
  <si>
    <t>New VIP Road</t>
  </si>
  <si>
    <t>Kalyanpur, Lucknow</t>
  </si>
  <si>
    <t>Wakad 2</t>
  </si>
  <si>
    <t>Bhelupur, Varanasi</t>
  </si>
  <si>
    <t>Municipal Corporation, Raipur</t>
  </si>
  <si>
    <t>Bawngkawn</t>
  </si>
  <si>
    <t>Satellite 100 Feet Road</t>
  </si>
  <si>
    <t>KOWDIAR</t>
  </si>
  <si>
    <t>Goregaon SV Road,A.K Plaza Branch</t>
  </si>
  <si>
    <t>Alkapuri-Ratlam</t>
  </si>
  <si>
    <t>Stadium Link Road</t>
  </si>
  <si>
    <t>One Horizon Center, Gurugram</t>
  </si>
  <si>
    <t>LAMPHELPAT</t>
  </si>
  <si>
    <t>Alandi Road</t>
  </si>
  <si>
    <t>Bharalumukh</t>
  </si>
  <si>
    <t>Trikuta Nagar Branch</t>
  </si>
  <si>
    <t>Dombivli GymKhana Branch</t>
  </si>
  <si>
    <t>Kasarvadavli</t>
  </si>
  <si>
    <t>Tarsali</t>
  </si>
  <si>
    <t>Garia More</t>
  </si>
  <si>
    <t>Kovilambakkam</t>
  </si>
  <si>
    <t xml:space="preserve">SECTOR 107 NOIDA </t>
  </si>
  <si>
    <t>Bahadrabad</t>
  </si>
  <si>
    <t xml:space="preserve">Raj Nagar Extension </t>
  </si>
  <si>
    <t>G.T Road, Bathinda</t>
  </si>
  <si>
    <t>Demthring</t>
  </si>
  <si>
    <t>Gosaninuagaon, Brahmapur</t>
  </si>
  <si>
    <t xml:space="preserve">KALLI PASHCHIM </t>
  </si>
  <si>
    <t>Fort Kochi</t>
  </si>
  <si>
    <t>Divyashree Technopolis</t>
  </si>
  <si>
    <t>Khandari Agra</t>
  </si>
  <si>
    <t>Kankaria Circle - Maninagar</t>
  </si>
  <si>
    <t>Khodiyar Colony</t>
  </si>
  <si>
    <t>Mukhani Chowk, Haldwani</t>
  </si>
  <si>
    <t>Byramji Town Nagpur</t>
  </si>
  <si>
    <t>Kharsiya Road Branch</t>
  </si>
  <si>
    <t>Coimbatore - Race Course</t>
  </si>
  <si>
    <t>Poojapura</t>
  </si>
  <si>
    <t>Embassy Golf Links</t>
  </si>
  <si>
    <t>Vapi Chala 2</t>
  </si>
  <si>
    <t>Charutar Vidya Mandal, New V V Nagar</t>
  </si>
  <si>
    <t>Sandip Foundation, Mahirawani</t>
  </si>
  <si>
    <t>Veena Nagar</t>
  </si>
  <si>
    <t>Lalbaug Lucknow</t>
  </si>
  <si>
    <t>Vineet khand</t>
  </si>
  <si>
    <t>Amaniganj, Ayodhaya</t>
  </si>
  <si>
    <t>Nagar Road</t>
  </si>
  <si>
    <t>Pimpri Camp</t>
  </si>
  <si>
    <t>Bathu Basti</t>
  </si>
  <si>
    <t>Balaganj Lucknow</t>
  </si>
  <si>
    <t>BIJNOR</t>
  </si>
  <si>
    <t>Runwal Greens Nahur</t>
  </si>
  <si>
    <t>Sushant Plaza A - Block</t>
  </si>
  <si>
    <t>Vashi Sector 28</t>
  </si>
  <si>
    <t>Satara City</t>
  </si>
  <si>
    <t>Chamoli Gopeshwar</t>
  </si>
  <si>
    <t>VIP ROAD Branch</t>
  </si>
  <si>
    <t>Adgaon Nashik</t>
  </si>
  <si>
    <t>Mishrikh, Sitapur</t>
  </si>
  <si>
    <t>BURDWAN ROAD</t>
  </si>
  <si>
    <t>Omaxe World Street Faridabad</t>
  </si>
  <si>
    <t>Sama</t>
  </si>
  <si>
    <t>Sakkardara</t>
  </si>
  <si>
    <t>Pant Nagar Ghatkopar</t>
  </si>
  <si>
    <t>Undri</t>
  </si>
  <si>
    <t xml:space="preserve">SECTOR 70 NOIDA </t>
  </si>
  <si>
    <t>Davangere MCC B Block</t>
  </si>
  <si>
    <t>Shahapur - Belagavi</t>
  </si>
  <si>
    <t>Durgapura Jaipur</t>
  </si>
  <si>
    <t xml:space="preserve">Bahadarke </t>
  </si>
  <si>
    <t>Moradabad Road, Kashipur</t>
  </si>
  <si>
    <t>Strand Road</t>
  </si>
  <si>
    <t>Baladiya</t>
  </si>
  <si>
    <t>BYADAGI</t>
  </si>
  <si>
    <t>Meharbaan</t>
  </si>
  <si>
    <t>Bakshi Nagar</t>
  </si>
  <si>
    <t>G B BAZAR</t>
  </si>
  <si>
    <t>Kudghat</t>
  </si>
  <si>
    <t>Savda</t>
  </si>
  <si>
    <t>SAWARGAON</t>
  </si>
  <si>
    <t>Bhavani-Erode</t>
  </si>
  <si>
    <t xml:space="preserve">ERANDOL </t>
  </si>
  <si>
    <t>VINCHUR</t>
  </si>
  <si>
    <t>Sarsawan</t>
  </si>
  <si>
    <t>Peeli Kothi, Varanasi</t>
  </si>
  <si>
    <t xml:space="preserve">Kakori </t>
  </si>
  <si>
    <t>Gola Bazar</t>
  </si>
  <si>
    <t xml:space="preserve"> Maharaj Bada</t>
  </si>
  <si>
    <t xml:space="preserve"> JP Nagar Dollars Colony, Bangalore</t>
  </si>
  <si>
    <t>Moulsari Avenue, DLF Phase III</t>
  </si>
  <si>
    <t>Mulanthuruthy</t>
  </si>
  <si>
    <t>Sithalapakkam</t>
  </si>
  <si>
    <t>Mangli Nichi</t>
  </si>
  <si>
    <t>Pakur</t>
  </si>
  <si>
    <t>SASVAD</t>
  </si>
  <si>
    <t>Dispur Secretariat</t>
  </si>
  <si>
    <t>Piravam</t>
  </si>
  <si>
    <t>Kavuri Hills road, Madhapur</t>
  </si>
  <si>
    <t>Roorkee Civil Lines</t>
  </si>
  <si>
    <t>Sompura Branch</t>
  </si>
  <si>
    <t>Sulur Branch</t>
  </si>
  <si>
    <t>Sembakkam</t>
  </si>
  <si>
    <t>BKC BANDRA EAST</t>
  </si>
  <si>
    <t xml:space="preserve">Keshavpuram </t>
  </si>
  <si>
    <t>Latouche Road, Kanpur</t>
  </si>
  <si>
    <t>Basti - 2</t>
  </si>
  <si>
    <t>Kishangarh II</t>
  </si>
  <si>
    <t>Moghalrajpuram</t>
  </si>
  <si>
    <t>Amroha Gate, Moradabad</t>
  </si>
  <si>
    <t>Atrauli, Aligarh</t>
  </si>
  <si>
    <t>Pendurthi</t>
  </si>
  <si>
    <t>Bhavanipuram</t>
  </si>
  <si>
    <t>Ravet</t>
  </si>
  <si>
    <t>HiTec City 3</t>
  </si>
  <si>
    <t>Dilshuknagar PNT Colony</t>
  </si>
  <si>
    <t>Bandlaguda</t>
  </si>
  <si>
    <t>RingRoad Vizianagaram</t>
  </si>
  <si>
    <t>Kapra Circle</t>
  </si>
  <si>
    <t>Atladara</t>
  </si>
  <si>
    <t>Narthaki Center, Nellore</t>
  </si>
  <si>
    <t>Renigunta Road, Tirupati </t>
  </si>
  <si>
    <t>Phoolpur</t>
  </si>
  <si>
    <t>Ratan Lal Nagar</t>
  </si>
  <si>
    <t>P Road</t>
  </si>
  <si>
    <t>Prem Nagar- Dehradun</t>
  </si>
  <si>
    <t>Shyam Nagar</t>
  </si>
  <si>
    <t>Tikhampur</t>
  </si>
  <si>
    <t>Mundera</t>
  </si>
  <si>
    <t>Avadhan, Dhule</t>
  </si>
  <si>
    <t>Salisbury Park </t>
  </si>
  <si>
    <t>Genda Circle</t>
  </si>
  <si>
    <t>Darbar Chowkdi</t>
  </si>
  <si>
    <t>Hitex, Kondapur</t>
  </si>
  <si>
    <t>Sector 143</t>
  </si>
  <si>
    <t>R C Vyas Colony</t>
  </si>
  <si>
    <t>Topsia</t>
  </si>
  <si>
    <t>HT Road - Petbasheerabad</t>
  </si>
  <si>
    <t>Taramani Velachery Road</t>
  </si>
  <si>
    <t>11th Avenue, Ashok Nagar</t>
  </si>
  <si>
    <t>Peelamedu - Coimbatore</t>
  </si>
  <si>
    <t>Seepat Road Bilaspur</t>
  </si>
  <si>
    <t>BL Shah Road</t>
  </si>
  <si>
    <t>Kovaipudur Branch</t>
  </si>
  <si>
    <t>Nadesar</t>
  </si>
  <si>
    <t>Madhavaram</t>
  </si>
  <si>
    <t xml:space="preserve">Kotma </t>
  </si>
  <si>
    <t>MALL</t>
  </si>
  <si>
    <t>Akhaliya Circle</t>
  </si>
  <si>
    <t>Kathua industrial Area</t>
  </si>
  <si>
    <t xml:space="preserve">Miran Sahib </t>
  </si>
  <si>
    <t>Raiwala</t>
  </si>
  <si>
    <t>Kalyani Devi</t>
  </si>
  <si>
    <t>ROUND NORTH BRANCH</t>
  </si>
  <si>
    <t>MOHALI - PHASE 5</t>
  </si>
  <si>
    <t>MANSA 2</t>
  </si>
  <si>
    <t>Vadaj</t>
  </si>
  <si>
    <t>Ghodasar</t>
  </si>
  <si>
    <t>Jakhan</t>
  </si>
  <si>
    <t>Wakdewadi</t>
  </si>
  <si>
    <t>Corporate Road</t>
  </si>
  <si>
    <t>Gadchandur</t>
  </si>
  <si>
    <t>Bhurawav Chowkdi-Godhra</t>
  </si>
  <si>
    <t>Yapral</t>
  </si>
  <si>
    <t>Devarakonda Rd, Nalgonda</t>
  </si>
  <si>
    <t>Station Road-Dahod</t>
  </si>
  <si>
    <t>YMCA CROSS ROAD</t>
  </si>
  <si>
    <t>Ramganj, Ajmer</t>
  </si>
  <si>
    <t>Yerwada</t>
  </si>
  <si>
    <t>Narayannagar</t>
  </si>
  <si>
    <t>Beta Plaza Greater Noida</t>
  </si>
  <si>
    <t>Paramount Emotions</t>
  </si>
  <si>
    <t>Shapath 4 - S G Road</t>
  </si>
  <si>
    <t>PPN Market</t>
  </si>
  <si>
    <t>A P Colony</t>
  </si>
  <si>
    <t>Manu Marg</t>
  </si>
  <si>
    <t xml:space="preserve">Saman Naka </t>
  </si>
  <si>
    <t xml:space="preserve">Sausar </t>
  </si>
  <si>
    <t>SHRIVARDHAN</t>
  </si>
  <si>
    <t>Bank Colony, Karimnagar</t>
  </si>
  <si>
    <t>Bhagwan Bazar Chhapra</t>
  </si>
  <si>
    <t>BANDEL</t>
  </si>
  <si>
    <t>Ahwa, Dangs</t>
  </si>
  <si>
    <t>Gaur City 2 Greater Noida</t>
  </si>
  <si>
    <t>Shree Gopal Nagar, Jaipur</t>
  </si>
  <si>
    <t xml:space="preserve"> Sakti</t>
  </si>
  <si>
    <t>SITABULDI</t>
  </si>
  <si>
    <t>Teka Naka</t>
  </si>
  <si>
    <t>Kochi Bypass</t>
  </si>
  <si>
    <t>Thiruvambadi Alappuzha town</t>
  </si>
  <si>
    <t>Nallagandla</t>
  </si>
  <si>
    <t>Kazhakootam ByePass Road</t>
  </si>
  <si>
    <t>Nrupathunga</t>
  </si>
  <si>
    <t>Mohali IT City</t>
  </si>
  <si>
    <t>Bank House, Banjara Hills</t>
  </si>
  <si>
    <t>Branch address</t>
  </si>
  <si>
    <t>101-104 TULSIANI CHAMBERS, FREE PRESS JOURNAL MARG, NARIMAN POINT, MUMBAI, MAHARASHTRA</t>
  </si>
  <si>
    <t>PLOT NO 124,  VIRAJ, S V ROAD, KHAR WEST, MUMBAI, MAHARASHTRA</t>
  </si>
  <si>
    <t>209 - 214, KAILASH BUILDING, 26,  KASTURBA GANDHI MARG, NEW DELHI, DELHI</t>
  </si>
  <si>
    <t>759,  ITC CENTRE, ANNA SALAI, OPP.T.V.S, CHENNAI, TAMIL NADU</t>
  </si>
  <si>
    <t>HDFC BANK LTD, 36,  VALLABH APTS,  87, BHULABHAI DESAI ROAD,  MUMBAI, MUMBAI, MAHARASHTRA</t>
  </si>
  <si>
    <t>ASTRAL TOWERS, OPP RELIANCE GEN.INSU, NEAR MITHAKALI SIX ROAD, NAVRANGPURA, AHMEDABAD, GUJARAT</t>
  </si>
  <si>
    <t>LAUKIK APARTMENTS, GROUND FLOOR, PLOT NO 3,  CTS NO 870, BHANDARKAR ROAD, PUNE, MAHARASHTRA</t>
  </si>
  <si>
    <t>HDFC BANK LTD., STEPHEN HOUSE, 4 B.B.D. BAG - EAST, KOLKATA, WEST BENGAL</t>
  </si>
  <si>
    <t>24/3 HDFC HOUSE, NO. 51 KASTURBA ROAD, KASTURBA ROAD, BANGALORE, KARNATAKA</t>
  </si>
  <si>
    <t>T-31, 7TH AVENUE, MG ROAD, BESANT NAGAR, CHENNAI, TAMIL NADU</t>
  </si>
  <si>
    <t>D-1, SHOPPING CENTRE NO 2, VASANT VIHAR, NEW DELHI, DELHI</t>
  </si>
  <si>
    <t>386, VEER SAVARKAR MARG, OPP.SIDDHIVINAYAK TEMPLE, PRABHADEVI, MUMBAI, MAHARASHTRA</t>
  </si>
  <si>
    <t>ANCHORAGE  BUILDING, 170/171 CENTRAL  AVENUE, CHEMBUR, MUMBAI, MAHARASHTRA</t>
  </si>
  <si>
    <t>HDFC BANK LTD, 2/6,  SARAT BOSE ROAD, CENTRAL PLAZA, KOLKATA, WEST BENGAL</t>
  </si>
  <si>
    <t xml:space="preserve">Ground Floor, Vikas Palazzo, Jn of JN Road &amp; Valji Ladha Road, Mulund West, Mumbai, Maharashtra
</t>
  </si>
  <si>
    <t>LANDMARK BUILDING, PALI NAKA, PALI HILL, BANDRA -WEST, MUMBAI, MAHARASHTRA</t>
  </si>
  <si>
    <t>AG 21/23,  4TH AVENUE, SHANTHI COLONY, ANNA NAGAR, CHENNAI, TAMIL NADU</t>
  </si>
  <si>
    <t>BB-22, SECTOR 1, SALT LAKE CITY, KOLKATA, WEST BENGAL</t>
  </si>
  <si>
    <t>THE AMALTAS CO-OP HSG.SOC.LTD, JUHU-VERSOVA LINK ROAD, WARD-K (WEST)  ANDHERI WEST, MUMBAI, MAHARASHTRA</t>
  </si>
  <si>
    <t>ELMAR SQUARE, 39/4157,  M.G.ROAD, RAVIPURAM, KOCHI, KERALA</t>
  </si>
  <si>
    <t>6-1-73 GR AND 3RD FLR, SAEED PLAZA, LAKDIKAPUL, HYDERABAD, TELANGANA</t>
  </si>
  <si>
    <t>132/A SOUTHERN AVENUE, DR.MEGHNAD SAHA SARANI, GOL PARK,  DHAKURIA, KOLKATA, WEST BENGAL</t>
  </si>
  <si>
    <t>HDFC BANK LTD, ROHINI-SODEPUR ROAD, MADHYAMGRAM, KOLKATA, WEST BENGAL</t>
  </si>
  <si>
    <t>HDFC Bank Ltd, Sindur Pushapam, No 3 Arcot Road, Near La Chatelaine School, Valasaravakkam, Chennai</t>
  </si>
  <si>
    <t>JAIN POLICLINIC,  MIDC COLONY, PLOT NO. P - 25, MOHOPADA,  RASAYANI, RAIGAD, MAHARASHTRA</t>
  </si>
  <si>
    <t>13-B PUSA ROAD, BAZAR MARG, RAJINDER NAGAR, NEW DELHI, DELHI</t>
  </si>
  <si>
    <t>E-6,  LOCAL SHOPPING CENTRE, MASJID MOTH, GREATER KAILASH - 2, NEW DELHI, DELHI</t>
  </si>
  <si>
    <t>DHARIWAL HOUSE,  ON VIP ROAD, RAGHUNATHPUR, DIST 24 PARGANAS(NORTH), KOLKATA, WEST BENGAL</t>
  </si>
  <si>
    <t>GROUND FLR SHOWROOM NO 1, KONARK INDRAYU MALL , KONDHWE KHURD ,  PUNE, PUNE, MAHARASHTRA</t>
  </si>
  <si>
    <t>HDFC BANK LTD, SAI NARAYAN COMPLEX, OPP HOTEL LORDS ECO INN, DAHEJ, GUJARAT</t>
  </si>
  <si>
    <t>CLASSIC TOWERS, 1547,  TRICHY ROAD, ., COIMBATORE, TAMIL NADU</t>
  </si>
  <si>
    <t>HDFC BANK LTD, C-5/32, SAFDARJUNG DEVELOPMENT AREA ( SDA ), NEW DELHI, DELHI</t>
  </si>
  <si>
    <t>HDFC BANK LTD, GROUND FLOOR,  KANHA CAPITAL, R C DUTT ROAD,  VADODARA, VADODARA, GUJARAT</t>
  </si>
  <si>
    <t>PLOT B19 65 SE THE MALL LGF 1, 1ST MALL, LUDHIANA, LUDHIANA, PUNJAB</t>
  </si>
  <si>
    <t>HDFC BANK LTD, SCO SITE NO 371 AND 372, SECTOR 35 B, CHANDIGARH, CHANDIGARH</t>
  </si>
  <si>
    <t>UG-1 AND 2, TRADE HOUSE, SOUTH TUKOGANJ, INDORE, MADHYA PRADESH</t>
  </si>
  <si>
    <t>RANGAVI, OPPOSITE MUNICIPALITY, PRASA DE GEORGE BARETTO, MARGAON, GOA</t>
  </si>
  <si>
    <t>SHOP NO. 30 TO 32 AND 34 TO 36, VRUNDAVAN SHOPPING CENTRE, NEAR EVERSHINE GATE,  VASAI EAST, MUMBAI, MAHARASHTRA</t>
  </si>
  <si>
    <t>9/2, KALPATARU GARDENS, BOAT CLUB ROAD, PUNE, MAHARASHTRA</t>
  </si>
  <si>
    <t>174A,  GR FLOOR, NEW ALIPORE, BLOCK - G, KOLKATA, WEST BENGAL</t>
  </si>
  <si>
    <t>NO.47,  MARGOSA ROAD, NEXT TO BSNL OFFICE,  15TH CROSS, MALLESHWARAM,   BANGALORE, BANGALORE, KARNATAKA</t>
  </si>
  <si>
    <t>USHA KIRAN COMPLEX,  GR FLOOR, PARADISE CIRCLE, SAROJINI DEVI ROAD, SECUNDERABAD, TELANGANA</t>
  </si>
  <si>
    <t>E - 143, SAKET, ., NEW DELHI, DELHI</t>
  </si>
  <si>
    <t>A-12, THE SHOPPING MALL, DLF QUTUB ENCLAVE, PHASE 1 , GURGAON, HARYANA</t>
  </si>
  <si>
    <t>PLOT NO : 1&amp;2,  , SURVEY NO.-30 (P), CHANDANAGAR MAIN ROAD, HYDERABAD, TELANGANA</t>
  </si>
  <si>
    <t>HDFC BANK LTD, PLOT NO 911 G T ROAD, NEAR NARINDER CINEMA, JALANDHAR, PUNJAB</t>
  </si>
  <si>
    <t>ARBOUR ,  180-A, MARVE ROAD, ORLEM, MALAD - WEST, MUMBAI, MAHARASHTRA</t>
  </si>
  <si>
    <t>HDFC Bank Ltd, Ground Floor, Shop No 4 , 5 and 6, Shivalik Shilp 2 , Near Keshavbaug , Vastrapur - Ahmedabad</t>
  </si>
  <si>
    <t>HDFC BANK LTD, SUMANGALAM CO-OP HSG SOCIETY, OPP.DRIVE-IN-THEATRE, BODAKDEO, AHMEDABAD, GUJARAT</t>
  </si>
  <si>
    <t>POTLURI CASTLE,  1ST FLOOR, ABOVE RAYMOND SHOW ROOM, 48-14-9,  DWARAKA NAGAR, VISAKHAPATNAM, ANDHRA PRADESH</t>
  </si>
  <si>
    <t>HDFC BANK LTD, GR FLR,  SURVEY NO 265,  MHATRE WADI, NEAR VIRAR RAILWAY STATION,  VIRAR W, VIRAR, MAHARASHTRA</t>
  </si>
  <si>
    <t>93 ANAND PARK,  RAJYOG CREATIONS, OFF ITI ROAD, AUNDH, PUNE, MAHARASHTRA</t>
  </si>
  <si>
    <t>HDFC Bank LTD, Site no 6/B, 20th Main, 7th block, Kormangala ,Bangalore, Karnataka</t>
  </si>
  <si>
    <t>HDFC BANK LTD, O 10,  ASHOSK MARG, C SCHEME JAIPUR, JAIPUR, RAJASTHAN</t>
  </si>
  <si>
    <t>HDFC BANK LTD, RAILWAY ROAD, PHAGWARA, PHAGWARA, PUNJAB</t>
  </si>
  <si>
    <t>HDFC BANK LTD, K M S BUILDING,  PALACE ROAD, NEAR GOVT MODEL BOYS HIGH SCHOOL, THRISSUR, KERALA</t>
  </si>
  <si>
    <t>HDFC BANK,  THILLAI NAGAR BRANCH, NO. 8-B,  11TH CROSS,  , THILLAI NAGAR,  TRICHY, TRICHY, TAMIL NADU</t>
  </si>
  <si>
    <t>18th JUNE ROAD, NEAR MATHAIS PLAZA, ., PANJIM, GOA</t>
  </si>
  <si>
    <t>HDFC BANK LTD.,  GROUND FLOOR,  , JEHANGIR BUILDING, M G ROAD, FORT,  MUMBAI, MUMBAI, MAHARASHTRA</t>
  </si>
  <si>
    <t>HDFC BANK LTD, SCO 52,  SECTOR 11, PANCHKULA,  HARYANA., PANCHKULA, HARYANA</t>
  </si>
  <si>
    <t>E-1/57, ARERA COLONY, SCHEME OF CAPITAL PROJECT, BHOPAL, MADHYA PRADESH</t>
  </si>
  <si>
    <t>1ST FLOOR,  KENTON TOWER, NEAR KALABHAVAN THEATRE, VAZHUTHACAUD, TRIVANDRUM, KERALA</t>
  </si>
  <si>
    <t>VASTUSHRI No.3, THATTE NAGAR, GANGAPUR COLLEGE,  LINK ROAD, NASHIK, MAHARASHTRA</t>
  </si>
  <si>
    <t>GROUND FLOOR,  MYTHRI ARCADE, KANTHARAJE URS ROAD - FIRST MAIN, SARASWATHIPURAM, MYSORE, KARNATAKA</t>
  </si>
  <si>
    <t>CHAITANYA JYOTI, MASKATI PLOT - VIBHAG 2,  PLOT NO 32, OPP, RAYMONDS SHOWROOM, DUMAS ROAD, SURAT, GUJARAT</t>
  </si>
  <si>
    <t>HDFC BANK LTD, 127 ALFA SOCIETY, LINK ROAD, BHARUCH, GUJARAT</t>
  </si>
  <si>
    <t>SHILP-II, NEXT TO VIKRAM CHAMBERS, ASHRAM ROAD, AHMEDABAD, GUJARAT</t>
  </si>
  <si>
    <t>UNITY BUILDINGS, NEAR COLLECTORATE, OPP. M.D.C. CENTRE,  K K ROAD, KOTTAYAM, KERALA</t>
  </si>
  <si>
    <t>DAMODAR BUILDING,  GR FLR, SWATANTRA PATH, ., VASCO-DA-GAMA, GOA</t>
  </si>
  <si>
    <t>1-16,  JAYPEE HOUSE, OPP. PATEL PETROL PUMP, VAPI - SILVASSA ROAD, SILVASSA, DADRA NAGAR HAVELI</t>
  </si>
  <si>
    <t>HDFC Bank Ltd, The Ascent No 28, Murugeshpalya, Old Airport Road, Bangalore, Karnataka</t>
  </si>
  <si>
    <t>POST BOX 5106, SHANKARNARAYAN BLDG, 25/1,  M G ROAD, BANGALORE, KARNATAKA</t>
  </si>
  <si>
    <t>G-O1 DISCOVERER BLDG, I.T. PARK, WHITEFIELD ROAD, BANGALORE, KARNATAKA</t>
  </si>
  <si>
    <t>31/31,  M.G.ROAD, HAZRAT GUNJ, ., LUCKNOW, UTTAR PRADESH</t>
  </si>
  <si>
    <t>S'ANA BUILDING, LINKING ROAD, SANTACRUZ (W), MUMBAI, MAHARASHTRA</t>
  </si>
  <si>
    <t>FMR BUILDING, 84 A,  R.G.THADANI MARG, WORLI, MUMBAI, MAHARASHTRA</t>
  </si>
  <si>
    <t>GROUND FLOOR,  KALPAVRUSKHA, ADJ LAXMI HYUNDAI SHOW ROOM, HIMAYATNAGAR MAIN ROAD, HYDERABAD, TELANGANA</t>
  </si>
  <si>
    <t>NO.40, NUNGAMBAKKAM HIGH ROAD, (N.H.ROAD), CHENNAI, TAMIL NADU</t>
  </si>
  <si>
    <t>IMPERIAL MAHAL,  GR FLOOR, KHODADAD CIRCLE, DADAR TT, MUMBAI, MAHARASHTRA</t>
  </si>
  <si>
    <t>HDFC BANK LTD, REGAL CINEMA BUILDING, SHAHID BHAGATSINGH ROAD., MUMBAI, MAHARASHTRA</t>
  </si>
  <si>
    <t>VISHAL SHOPPING CENTRE, SIR M.V. ROAD OPP. GYMKHANA, ANDHERI (E), MUMBAI, MAHARASHTRA</t>
  </si>
  <si>
    <t>MITHILA MOTORS, NEAR RAM MANDIR MAIN ROAD, BISTUPUR, JAMSHEDPUR, JHARKHAND</t>
  </si>
  <si>
    <t>ANSALS FORTUNE ARCADE, K - BLOCK,  SECTOR - 18, NOIDA, NOIDA, UTTAR PRADESH</t>
  </si>
  <si>
    <t>D-965, NEW FRIENDS COLONY, OPP MATA KA MANDIR, NEW DELHI, DELHI</t>
  </si>
  <si>
    <t>HDFC BANK LTD, SCO 36, SECTOR 14, GURGAON, HARYANA</t>
  </si>
  <si>
    <t>HDFC BANK LTD, 27,  WEST AVENUE ROAD, WEST PUNJABI BAGH, NEW DELHI, DELHI</t>
  </si>
  <si>
    <t>B-54A, GREATER KAILASH - 1, ., NEW DELHI, DELHI</t>
  </si>
  <si>
    <t>5 - R/2,  BADSHAH KHAN CHOWK, N.I.T, ., FARIDABAD, HARYANA</t>
  </si>
  <si>
    <t>GROUND FLOOR, M N TOWERS, KADRI, MANGALORE, KARNATAKA</t>
  </si>
  <si>
    <t>HDFC BANK HOUSE, NEAR PRAMUKH SWAMI ARCADE, DR. YAGNIK ROAD, RAJKOT, GUJARAT</t>
  </si>
  <si>
    <t>204,  MASHURAWALA BAUG, DHARAMPETH EXTN, SHANKAR NAGAR ROAD, NAGPUR, MAHARASHTRA</t>
  </si>
  <si>
    <t>B U BHANDARI PREMISES, 1182 /13 FC ROAD, OPP HOTEL LALIT MAHAL, PUNE, MAHARASHTRA</t>
  </si>
  <si>
    <t>OSWAL BANDHU SAMAJ BLDG., OPP HOTEL SEVEN LOVE, SHANKAR SETH RD, PUNE, MAHARASHTRA</t>
  </si>
  <si>
    <t>CONSTANTIA BLDG, 11, DR.U.N.BRAHMACHARI STREET, KOLKATA, WEST BENGAL</t>
  </si>
  <si>
    <t>63/2, DR.S.P MUKHERJEE ROAD, DUMDUM CANTONMENT, KOLKATA, WEST BENGAL</t>
  </si>
  <si>
    <t>HDFC BANK LTD, S C O 74-75, SECTOR 8 C,  CHANDIGARH, CHANDIGARH, CHANDIGARH</t>
  </si>
  <si>
    <t>SCO 409, SECTOR - 8, ., PANCHKULA, HARYANA</t>
  </si>
  <si>
    <t>NO.40-1-129,  GROUND FLOOR, NEAR BENZ CIRCLE, M.G.ROAD, VIJAYAWADA, ANDHRA PRADESH</t>
  </si>
  <si>
    <t>NO.5 SABARI SALAI, MADIPAKKAM, MADIPAKKAM, CHENNAI, TAMIL NADU</t>
  </si>
  <si>
    <t>RANI EYE HOSPITAL, OPP BUS STAND, G. T. ROAD, KHANNA, PUNJAB</t>
  </si>
  <si>
    <t>SHIVANI CHAMBERS, OPP. AKASHWANI,  MANJIT NAGAR, JALNA ROAD, AURANGABAD, MAHARASHTRA</t>
  </si>
  <si>
    <t xml:space="preserve">Sanghavi Villa, S V Road, Opposite Andheri fire station, Andheri west </t>
  </si>
  <si>
    <t>HDFC BANK LTD., PLOT NO 1120,  MALL ROAD, AMRITSAR, AMRITSAR, PUNJAB</t>
  </si>
  <si>
    <t>HDFC BANK LTD, LEELA BHAWAN, PATIALA, PATIALA, PUNJAB</t>
  </si>
  <si>
    <t>HDFC BANK LTD, CHANDRANAGAR, PALAKKAD - TRICHUR BYPASS ROAD, PALAKKAD, KERALA</t>
  </si>
  <si>
    <t>SHOP NO.1 AND SHOP NO.2, GROUND FLOOR,  FP NO. 25, CTS NO 5953, BHAVESHWAR BLDG NO.3, BHAVESHWAR LAN, MUMBAI, MAHARASHTRA</t>
  </si>
  <si>
    <t>GROUND FLOOR,  CHETAK COMPLEX, NEAR CHETAK CIRCLE, POST OFFICE ROAD,  UDAIPUR, UDAIPUR, RAJASTHAN</t>
  </si>
  <si>
    <t>GF 01, 02 03, LAXMI DEEP BUILDING, LAXMI NAGAR DIST CENTRE,  VIKAS MARG, NEW DELHI, DELHI</t>
  </si>
  <si>
    <t>SHOP NOS 3, 4, 11 GROUND FLOOR, BLOCK NO 17/2/4 FRIENDS PLAZA, SANJAY PLACE, AGRA, UTTAR PRADESH</t>
  </si>
  <si>
    <t>PLOT NO 381/5/A &amp; 381/5/C, UNIT-3,  JANPATH,  KHARVEL NAGAR, BHUBNESWAR, BHUBANESWAR, ODISHA</t>
  </si>
  <si>
    <t>SRI NITHYA KALYANI TOWERS, NO 34 KRISHNARAYAR TANK STREET, NORTH VELI STREET, MADURAI, TAMIL NADU</t>
  </si>
  <si>
    <t>OLD NO 6 NEW NO 11, BALFOUR ROAD,  , KILPAUK, CHENNAI, TAMIL NADU</t>
  </si>
  <si>
    <t>HDFC BANK LTD, TECHNO TOP BUILDING, VAIKKOM MUHAMMED BASHEER ROAD, CALICUT, KERALA</t>
  </si>
  <si>
    <t>MANU'S AROHA CHAMBERS,  PLOT NO.A-16, II RUKIMIPURI ABOVE SPENCERS, SAINIKPURI MAIN ROAD, HYDERABAD, TELANGANA</t>
  </si>
  <si>
    <t>KRISHNA TOWER,  15/63 CIVIL LINES, KANPUR, ., KANPUR, UTTAR PRADESH</t>
  </si>
  <si>
    <t>PLOT NO. 28, BLOCK B, COMMUNITY, CENTRE , JANAKPURI,  NEW DELHI, JANAKPURI, NEW DELHI, DELHI</t>
  </si>
  <si>
    <t>DEEP COMPLEX,  GROUND FLOOR , TEEN BATTI, NANI DAMAN, DAMAN, DAMAN AND DIU</t>
  </si>
  <si>
    <t>SHINGAR PALACE COMPLEX, NICHOLSON ROAD, AMBALA CANTONMENT, AMBALA CANTT, HARYANA</t>
  </si>
  <si>
    <t>PLOT-D 1/5, MAHAVIR ENCLAVE, PALAM, NEW DELHI, DELHI</t>
  </si>
  <si>
    <t>NO. 37/953,  24TH MAIN,  J. P. NAGAR, II PHASE,  BANGALORE, KARNATAKA, BANGALORE, KARNATAKA</t>
  </si>
  <si>
    <t>D-23, DEFENCE COLONY, NEW DELHI, ., NEW DELHI, DELHI</t>
  </si>
  <si>
    <t>NANDINI COMPLEX, SANDHA KUWA, STATION ROAD, NAVSARI, GUJARAT</t>
  </si>
  <si>
    <t>NO.53,  PLOT NO.B-41, IVTH AVENUE, ASHOK NAGAR, CHENNAI, TAMIL NADU</t>
  </si>
  <si>
    <t>HDFC BANK LTD., G 1-2, GROUND FLOOR, STERLING POINT, WAGHAWADI ROAD, BHAVNAGAR, GUJARAT</t>
  </si>
  <si>
    <t>M.G.N PUBILC SCHOOL, THE MALL, ., KAPURTHALA, PUNJAB</t>
  </si>
  <si>
    <t>1/72, GOPINATH BAZAR, DELHI CANTONEMENT, ., NEW DELHI, DELHI</t>
  </si>
  <si>
    <t>HDFC BANK LTD,  GROUND FLOOR, NO.178-A, MATADAHALLI (NEXT TO KFC), RT NAGAR MAIN ROAD,  BANGALORE, BANGALORE, KARNATAKA</t>
  </si>
  <si>
    <t>NO.10, THIRD CROSS STREET, R.A.PURAM, CHENNAI, TAMIL NADU</t>
  </si>
  <si>
    <t>57 B, 9TH CHOPASANI ROAD, ., ., JODHPUR, RAJASTHAN</t>
  </si>
  <si>
    <t>22-25 GROUND FLOOR, ASHOKA SHOPPING CENTRE, LOKMANYA TILAK ROAD,  CRAWFORD MKT, MUMBAI, MAHARASHTRA</t>
  </si>
  <si>
    <t>2/10 EAST PATEL NAGAR, ., ., NEW DELHI, DELHI</t>
  </si>
  <si>
    <t>SHREERAM TRADE CENTRE,  SVP ROAD, CHAMUNDA CIRCLE,  OPP JAIN TEMPLE, BORIVALI WEST, MUMBAI, MAHARASHTRA</t>
  </si>
  <si>
    <t>SHARAD KUNJ, DR. MOOSE ROAD, OPP. GADKARI RANGAYATAN, TALAO PALI, THANE, MAHARASHTRA</t>
  </si>
  <si>
    <t>SHOP NO 02 TO 09,  VARDAN COMPLEX, 1ST FLOOR,  V.I.P. ROAD, KARELIBAUG, VADODARA, GUJARAT</t>
  </si>
  <si>
    <t>KP HOUSING SOCIETY, GEN. THIMAYA ROAD, EAST STREET CAMP, PUNE, MAHARASHTRA</t>
  </si>
  <si>
    <t>HDFC Bank LTD., Ground Floor, upper ground floor, S.no 157/A+B+CTS no 433, Pune, Maharashtra</t>
  </si>
  <si>
    <t>SHOP NO 3 AND 4, RANCHI CLUB COMPLEX, ., RANCHI, JHARKHAND</t>
  </si>
  <si>
    <t>HOLDING NO 40/107, 3 RAMKRISHNA SAMITI BUILDING, PANI TANKI, SEVOKE ROAD, SILIGURI, WEST BENGAL</t>
  </si>
  <si>
    <t>HDFC BANK LTD., GROUND &amp; SECOND FLOOR, C56, SECTOR1, DEVENDRA NAGAR, RAIPUR., RAIPUR, CHHATTISGARH</t>
  </si>
  <si>
    <t>HDFC BANK LTD, D-44,  RDC, RAJ NAGAR, GHAZIABAD, UTTAR PRADESH</t>
  </si>
  <si>
    <t>HDFC BANK LTD, BRAR COMPLEX, ZIRAKPUR-PATIALA HIGHWAY, ZIRAKPUR, PUNJAB</t>
  </si>
  <si>
    <t>HDFC BANK LTD, SCO NO 178-179,  RED SQUARE MARKET, RAILWAY ROAD, HISSAR, HARYANA</t>
  </si>
  <si>
    <t>SCF 14-15, PATIALA GATE, ., NABHA, PUNJAB</t>
  </si>
  <si>
    <t>HDFC Bank Limited, No - 6, Kathriguppe Main Road, 3rd Phase, 3rd Stage, 4th Block, Banashankari, Bangalore - 560085</t>
  </si>
  <si>
    <t>23-A,  NN TOWERS, COMMUNITY CENTRE, (NEAR RANI BAGH) ROAD NO 44, PITAMPURA, NEW DELHI, DELHI</t>
  </si>
  <si>
    <t>HDFC BANK LTD, GR AND 1ST FLOOR, SPRING FIELD SWAMI SAMARTH, NAGAR ANDHERI LOKHANDWALA, MUMBAI, MAHARASHTRA</t>
  </si>
  <si>
    <t>B WING, 1ST FLOOR, SHIVKALA ARCADE, BOISAR-TARAPUR ROAD, BOISAR, MAHARASHTRA</t>
  </si>
  <si>
    <t>COLLEGE ROAD, ., ., ROPAR, PUNJAB</t>
  </si>
  <si>
    <t>11B -12B,  B BLOCK,  CALIBRE MARKET, CHANDIGARH - PATIALA ROAD, RAJPURA,  DIST PATIALA, RAJPURA, PUNJAB</t>
  </si>
  <si>
    <t>RUPAM CENTRE, CINE PLANET,  SION CIRCLE, SION (EAST), MUMBAI, MAHARASHTRA</t>
  </si>
  <si>
    <t>HDFC BANK LTD.,  , BHAGIRATHI HEIGHTS, 1116/D,  "E" WARD, SHAHUPURI ,  KOLHAPUR, KOLHAPUR, MAHARASHTRA</t>
  </si>
  <si>
    <t>HOTEL SANGAM, PUNE-BANGALORE HIGHWAY, ., KARAD, MAHARASHTRA</t>
  </si>
  <si>
    <t>NEW NO 24,  1ST FLOOR, SECOND LINE BEACH ROAD, S.T. TOWER, CHENNAI, TAMIL NADU</t>
  </si>
  <si>
    <t>SHOWROOM NO. 13-14, MAIN JHALAWAR ROAD, ., KOTA, RAJASTHAN</t>
  </si>
  <si>
    <t>PLOT NO SP54,  ASHIANA ARCADE, RIICO INDUSTRIAL AREA, ., BHIWADI, RAJASTHAN</t>
  </si>
  <si>
    <t>ROYAL CHAMBERS, G-1 TO G-4, TISC, PONDA, GOA</t>
  </si>
  <si>
    <t>GROUND FLOOR,  HANIS LANDMARK, VAPI - DAMAN ROAD, OPP PARVARISH HOSPITAL,  CHALA, VAPI, GUJARAT</t>
  </si>
  <si>
    <t>HARMONY TOWERS, G T ROAD, PANIPAT, PANIPAT, HARYANA</t>
  </si>
  <si>
    <t>TC8/1225,  NEAR PETROL PUMP, PONGUMOODU, MEDICAL COLLEGE P O, TRIVANDRUM, KERALA</t>
  </si>
  <si>
    <t>MATRU ASHISH, IRANI ROAD,  DAHANU, DISTRICT PALGHAR., DAHANU, MAHARASHTRA</t>
  </si>
  <si>
    <t>55/1, BHUPENDRA BOSE AVENUE, NEAR SHYAM BAZAR METRO STATION, KOLKATA, WEST BENGAL</t>
  </si>
  <si>
    <t>SHREEJI ARCADE, PHADKE ROAD, MADAN THAKRE CHOWK, DOMBIVALI -E, THANE DISTRICT, MUMBAI, MAHARASHTRA</t>
  </si>
  <si>
    <t>401-402,  MODEL TOWN, DELHI ROAD, ., ROHTAK, HARYANA</t>
  </si>
  <si>
    <t>HDFC BANK LTD, KUBER SHOP NO.1,  GROUND FLOOR, PARK COLONY,  OPP.JOGGER'S PARK, JAMNAGAR, GUJARAT</t>
  </si>
  <si>
    <t>HDFC BANK Limited, No.224/1, Shri Sharadha Arcade- Aishwaryam,  Meyyanur Main Road, Salem -636004, Tamil Nadu</t>
  </si>
  <si>
    <t>1ST FLOOR,  SUVIDHI COMPLEX, CTS NO 6634-6,  TPS NO 1,  FB NO 219, STATION ROAD,  UNJHA DIST MEHSANA, UNJHA, GUJARAT</t>
  </si>
  <si>
    <t>PLOT NO 134/135, TPS 3, DSP CHOWK, OMKARESHWAR ROAD, JALGAON, MAHARASHTRA</t>
  </si>
  <si>
    <t>AMBAR PLAZA, BUILDING - A, ST STAND ROAD, AHMEDNAGAR, MAHARASHTRA</t>
  </si>
  <si>
    <t>BUILDING NO 3, WING G, THAKUR ENCLAVE SANKUL, THAKUR COMPLEX,  KANDIVALI - EAST, MUMBAI, MAHARASHTRA</t>
  </si>
  <si>
    <t>SANKET II, LAMBHVEL ROAD, NEAR GRID, ANAND, GUJARAT</t>
  </si>
  <si>
    <t>548/D MARUTHI MANSION, CMH ROAD, INDIRA NAGAR, BANGALORE, KARNATAKA</t>
  </si>
  <si>
    <t>PLOT NO 1,  SECTOR 27A, PRADHIKARAN, NIGDI, PUNE, MAHARASHTRA</t>
  </si>
  <si>
    <t>BIMLA SADAN, HOLDING NO # 801/432, WARD NO # 37,  EXHIBITION ROAD, PATNA, BIHAR</t>
  </si>
  <si>
    <t>HDFC Bank Ltd, Guru Kashi Marg, Near Bus Stand ,Bathinda Distt Bathind, Punjab</t>
  </si>
  <si>
    <t>OPP. SOPHIA CONVENT SCHOOL, NATIONAL HIGHWAY, ., KALKA, HARYANA</t>
  </si>
  <si>
    <t>5-87-90, MAIN ROAD, LAKSHMIPURAM, ., GUNTUR, ANDHRA PRADESH</t>
  </si>
  <si>
    <t>PLOT NO 448,  SECTOR 16, NEXT TO PRAGNA PETROL PUMP, ., GANDHINAGAR, GUJARAT</t>
  </si>
  <si>
    <t>L-203, MODEL TOWN, ., SONEPAT, HARYANA</t>
  </si>
  <si>
    <t>HDFC BANK LTD, GROUND FLOOR,  PLOT NO. 45, CITY CENTRE, GWALIOR, MADHYA PRADESH</t>
  </si>
  <si>
    <t>HDFC BANK LTD,  PLOT NO.1, MANAK VIHAR, DELHI, NEW DELHI, DELHI</t>
  </si>
  <si>
    <t>SHOP NO 1-7,  PLOT NO 2A, SARASWATI BUILDING, SANTOSHIMATA ROAD,  RAMBAUG, KALYAN W, MUMBAI, MAHARASHTRA</t>
  </si>
  <si>
    <t>SCO 778-779, OPPOSITE MAHABIR DAL HOSPITAL, KUNJPURA ROAD, KARNAL, HARYANA</t>
  </si>
  <si>
    <t>HDFC BANK LTD, CITY CENTER ADJOINING MAGHI, PALACE GT ROAD MOGA, MOGA, PUNJAB</t>
  </si>
  <si>
    <t>BUILDING NO XXVI/149[1] AND [2], ILLAMPALLIL BUILDINGS, MC ROAD, TIRUVALLA, KERALA</t>
  </si>
  <si>
    <t>SHOP NO. G 6,  7 AND 8, FORTUNE SQUARE, MOROD,  BARDEZ, MAPUSA, GOA</t>
  </si>
  <si>
    <t>VGP BUILDINGS, XVI/1539-1302 A, IRUMPUPALAM, KOLLAM, KERALA</t>
  </si>
  <si>
    <t>HDFC BANK LTD, PLOT NO.15-16,  YASHIKAMA CHAMBERS, BANKERS COLONY,  JUBILEE CIRCLE, BHUJ, GUJARAT</t>
  </si>
  <si>
    <t>AMC NOS 13/10 &amp; 14/10, NEAR SUCHANA KENDRA, ADJ. TO SWAMI COMPLEX, AJMER, RAJASTHAN</t>
  </si>
  <si>
    <t>56, G.N.CHETTY ROAD, T NAGAR, CHENNAI, TAMIL NADU</t>
  </si>
  <si>
    <t>493/C/A, G.T.ROAD (SOUTH), ., HOWRAH, WEST BENGAL</t>
  </si>
  <si>
    <t>FIRST FLR, SHRI AMBIKA NIKETAN, STATION ROAD, BARDOLI, GUJARAT</t>
  </si>
  <si>
    <t>NEAR NIRANKARI BHAWAN, JAGADHARI ROAD, YAMUNA NAGAR, YAMUNANAGAR, HARYANA</t>
  </si>
  <si>
    <t>FIRST FLOOR, EKTA APPARTMENTS, TITHAL ROAD, VALSAD, GUJARAT</t>
  </si>
  <si>
    <t>GROUND FLOOR ,  CONWOOD HOUSE, YASHODHAM, GENERAL A.K. VAIDYA MARG, MUMBAI, MAHARASHTRA</t>
  </si>
  <si>
    <t>HDFC BANK LTD, HDFC Bank Ltd., SCO 149-150, Sector  17 C,Chandigarh</t>
  </si>
  <si>
    <t>HDFC BANK LTD,  19-8-180,  , GROUND FLOOR,  KRISHNA TOWERS,  , AIR BYPASS ROAD,  TIRUPATI, TIRUPATI, ANDHRA PRADESH</t>
  </si>
  <si>
    <t>H.NO 46-17-20 MAIN ROAD, DANAVAYAPET, ., RAJAHMUNDRY, ANDHRA PRADESH</t>
  </si>
  <si>
    <t>PLOT NO. 301,  WARD 12/B, OPP DR. C.G. HIGH SCHOOL, GANDHIDHAM,  KUTCH, GANDHIDHAM, GUJARAT</t>
  </si>
  <si>
    <t>536 MAHALAXMI BUILDING, CHANDNI CHOWK, ., NEW DELHI, DELHI</t>
  </si>
  <si>
    <t>H.NO 16-11-19/8/2/A AND B, SALEEM NAGAR COLONY, MALAKPET, DILSUKHNAGAR ROAD, HYDERABAD, TELANGANA</t>
  </si>
  <si>
    <t>SHREE ARCADE, 1ST FLOOR, 2, JOGENDRA KAVIRAJ ROW, KOLKATA, WEST BENGAL</t>
  </si>
  <si>
    <t>D-58/52, A-2A,  A-5, M S PLAZA, RATHYATRA CROSSING, VARANASI, UTTAR PRADESH</t>
  </si>
  <si>
    <t>HDFC BANK LTD, SETHI HEIGHTS, OPP ZILLA PARISHAD, AKOLA, MAHARASHTRA</t>
  </si>
  <si>
    <t>VENKATESH SENATE, 640, KARMAVEER BHAURAO PATIL CHOWK, SANGLI MIRAJ ROAD, SANGLI, MAHARASHTRA</t>
  </si>
  <si>
    <t>HDFC BANK LTD, SHOP NO 1, GROUND FLOOR,  IRIZ, BANER PASHAN LINK ROAD, PUNE, MAHARASHTRA</t>
  </si>
  <si>
    <t>74, 75 GOL BAZAR, I/F OF SHAHID SMARAK, NEAR GANGOTRI APPARTMENT, JABALPUR, MADHYA PRADESH</t>
  </si>
  <si>
    <t>56, RAJPUR ROAD , ., ., DEHRADUN, UTTARAKHAND</t>
  </si>
  <si>
    <t>HDFC BANK LTD., 18 - A,  S P MARG, CIVIL LINES, ALLAHABAD, UTTAR PRADESH</t>
  </si>
  <si>
    <t>MANEK SMRUTI, TPS II, NEHRU ROAD, VILE PARLE - EAST, MUMBAI, MAHARASHTRA</t>
  </si>
  <si>
    <t>SCO 1-2-3, IMPROVEMENT TRUST, ., HOSHIARPUR, PUNJAB</t>
  </si>
  <si>
    <t>AMRUTDEEP, RAJMAHAL ROAD, DIST-JUNAGADH, VERAVAL, GUJARAT</t>
  </si>
  <si>
    <t>Gr.Floor, BM Square - 2, Rajlaxmi Park , Opp. Reliance Fresh , Junagadh, Gujarat</t>
  </si>
  <si>
    <t>HDFC BANK LTD, 141,  SATHTY ROAD, OPP-BUS STAND, ERODE, TAMIL NADU</t>
  </si>
  <si>
    <t>A 102 AND 103, CITY CENTRE,  BENGAL SHRISTI COMPLEX, ., DURGAPUR, WEST BENGAL</t>
  </si>
  <si>
    <t>KRISHNAYAN,  , NEAR POLICE CHECK POST, BORING ROAD., PATNA, BIHAR</t>
  </si>
  <si>
    <t>BAJRAKABATI ROAD, ., ., CUTTACK, ODISHA</t>
  </si>
  <si>
    <t>FIRST FLOOR, BLOCK D, SHREE GHANTAKARAN MAHAVIR CLOTH MKT, OPP.SARANGPUR GATE, AHMEDABAD, GUJARAT</t>
  </si>
  <si>
    <t>PRABHU COMPLEX, MEHSANA HIGHWAY, ., MEHSANA, GUJARAT</t>
  </si>
  <si>
    <t>PRUDENTIAL BUILDING, GROUND FLOOR, HIRANANDANI BUSINESS PARK, POWAI, MUMBAI, MAHARASHTRA</t>
  </si>
  <si>
    <t>SANDOZ HOUSE,  DR. A.B.ROAD, WORLI, ., MUMBAI, MAHARASHTRA</t>
  </si>
  <si>
    <t>Rallhead complex extension , Plot No OB-05, Bahu Plaza, Adjacent to Country inn &amp; suits ( A Unit of Jhelum Resorts) Gandhi Nagar , Jammu</t>
  </si>
  <si>
    <t>DWIBEDI BHAWAN, BISRA ROAD, ., ROURKELA, ODISHA</t>
  </si>
  <si>
    <t>SRI RAM PLAZA 1ST FLOOR , BANK MORE, ., DHANBAD, JHARKHAND</t>
  </si>
  <si>
    <t>B-10, GUJRANWALA TOWN PART I, RING ROAD, NEW DELHI, DELHI</t>
  </si>
  <si>
    <t>S-355, PANCHSHILA PARK, ., NEW DELHI, DELHI</t>
  </si>
  <si>
    <t>AGGARWAL CENTRAL PLAZA, PLOT NO 11,  SECTOR 5, DWARKA, NEW DELHI, DELHI</t>
  </si>
  <si>
    <t>L-203, MODEL TOWN, ., REWARI, HARYANA</t>
  </si>
  <si>
    <t>UTC BUILDING,  GROUND FLOOR, NEAR APPLE HOSPITAL,  UDHNA, DARWAJA,  RING ROAD, SURAT, GUJARAT</t>
  </si>
  <si>
    <t>HDFC BANK LTD, 101 AND 102,  1ST FLOOR, ISCON COMPLEX,  COLLEGE ROAD, NADIAD, GUJARAT</t>
  </si>
  <si>
    <t>Kanakshree Arcade, Ground Floor, CTS 10634, R S , No. 1356 / 1B/5, Nehru Nagar , JNMC Road, Near Kolhapur Circle, Belagavi, Karnataka</t>
  </si>
  <si>
    <t>HDFC BANK LTD,  MOHINDER PLAZA, CTS NO 441/A6/1 &amp; 441/A/11/B2,  , WARD NO 1,  T B ROAD, DESHPANDE NAGAR, HUBLI, KARNATAKA</t>
  </si>
  <si>
    <t>COMMERCIAL PLOT NO. C/ 4/5/ B, OLD NH NO.8, NEXT TO HOTEL LORDS PLAZA, ANKLESHWAR, GUJARAT</t>
  </si>
  <si>
    <t>NEEL EMPRESS, PLOT 92/93 , SECTOR 1F, NEW PANVEL (EAST), NAVI MUMBAI, MAHARASHTRA</t>
  </si>
  <si>
    <t>RASIK PLAZA, JAY STAMBH SQUARE, MORSHI ROAD, AMRAVATI, MAHARASHTRA</t>
  </si>
  <si>
    <t>CORAL CREST, PLOT NO 3, SECTOR 23, NEAR NERUL STATION, NAVI MUMBAI, MAHARASHTRA</t>
  </si>
  <si>
    <t>HDFC BANK LTD, NEAR MANJU CINEMA, G T ROAD, LUDHIANA, PUNJAB</t>
  </si>
  <si>
    <t>NO 8,  RAJENDRA PRASAD ROAD, NEHRU NAGAR,  CHITLAPAKKAM, LANDMARK - NEXT TO HP PETROL BUNK, CHENNAI, TAMIL NADU</t>
  </si>
  <si>
    <t>PROFESSIONAL COURT, NO. 27/7, 15TH CROSS,  3RD BLOCK, JAYANAGAR, BANGALORE, KARNATAKA</t>
  </si>
  <si>
    <t>SHOP NO 1-2-3, KAULA PARK MKT, SANGRUR, SANGRUR, PUNJAB</t>
  </si>
  <si>
    <t>R S TOWERS, HALL BAZAR, ., AMRITSAR, PUNJAB</t>
  </si>
  <si>
    <t>126,  G S ROAD, BHANGAGARH, ., GUWAHATI, ASSAM</t>
  </si>
  <si>
    <t>MUNICIPAL COUNCIL NO.270/11, KHASRA NO. 18/24/2/1, SHEHZADA NANGAL, TIBRI ROAD, GURDASPUR, PUNJAB</t>
  </si>
  <si>
    <t>HDFC BANK LTD, M R MANILA TOWER, BANGA ROAD, NAWANSHAHR, PUNJAB</t>
  </si>
  <si>
    <t>B-9, CITY CENTRE, SECTOR IV, BOKARO STEEL CITY, BOKARO, JHARKHAND</t>
  </si>
  <si>
    <t>OPP BSA COLLEGE, GAUSHALA ROAD, ., MATHURA, UTTAR PRADESH</t>
  </si>
  <si>
    <t>590 DB ROAD, R S PURAM, NEAR TO SAVITHA HALL, COIMBATORE, TAMIL NADU</t>
  </si>
  <si>
    <t>HDFC BANK LTD, KVR TOWERS, SOUTH BAZAAR, KANNUR, KERALA</t>
  </si>
  <si>
    <t>HDFC BANK LTD, CC 31 , KALKAJI, KALKAJI, NEW DELHI, DELHI</t>
  </si>
  <si>
    <t>RG COMPLEX,  PLOT NO 4, DDA COMMUNITY CENTER, SECTOR IX, ROHINI, NEW DELHI, DELHI</t>
  </si>
  <si>
    <t>SITE NO 2, OCF POCKET, SECTOR C, VASANT KUNJ, NEW DELHI, DELHI</t>
  </si>
  <si>
    <t>AUM SHIV SHAKTI, R D CHAMBERS, M G ROAD, PORBANDAR, GUJARAT</t>
  </si>
  <si>
    <t>SHIV SUNDARAM COMPLEX, KUBERESHWAR MAHADEV ROAD, MANJALPUR, VADODARA, GUJARAT</t>
  </si>
  <si>
    <t>SHOP 16/17, NEXT TO CAFE COFFEE DAY, SIDDHACHAL PHASE IV, NR VASANT VIHAR, POKHRAN ROAD 2, THANE -WEST, THANE, MAHARASHTRA</t>
  </si>
  <si>
    <t>CJ 166, SECTOR-II, SALT LAKE CITY, KOLKATA, WEST BENGAL</t>
  </si>
  <si>
    <t>C-1, ALPHA PLAZA, ALPHA COMMERCIAL BELT, ., GREATER NOIDA, UTTAR PRADESH</t>
  </si>
  <si>
    <t>SCO-6, SHOPPING CENTRE, SECTOR-16, ., FARIDABAD, HARYANA</t>
  </si>
  <si>
    <t>FIRST INDIA PLACE, MEHRAULI GURGAON ROAD, ., GURGAON, HARYANA</t>
  </si>
  <si>
    <t>GROUND,  FLOOR, 211,  JAWAHAR MARG, NEAR RAJMOHALLA, INDORE, MADHYA PRADESH</t>
  </si>
  <si>
    <t>41 G.T.ROAD, HOOGHLY, WEST BENGAL, HOOGHLY DISTRICT, WEST BENGAL</t>
  </si>
  <si>
    <t>SHOW ROOM NO.1&amp;2, NAINITAL ROAD, ., RUDRAPUR, UTTARAKHAND</t>
  </si>
  <si>
    <t>PRAHLAD RAI TRADE CENTRE, AYODHYA CROSSING, BANK ROAD, GORAKHPUR, UTTAR PRADESH</t>
  </si>
  <si>
    <t>381, WESTERN KACHEHARI ROAD, ., MEERUT, UTTAR PRADESH</t>
  </si>
  <si>
    <t>MOUNT KAILASH, NO 33/5 MEANEE AVENUE ROAD, HALASURU, BANGALORE, KARNATAKA</t>
  </si>
  <si>
    <t>B-3/2, ASHOK VIHAR, PHASE-II, ., NEW DELHI, DELHI</t>
  </si>
  <si>
    <t>PRANIK GARDENS, PRANIK ARCADE, SHOP NO 8/9/10/11, MAHAVIR NAGAR, KANDIVALI WEST, MUMBAI, MAHARASHTRA</t>
  </si>
  <si>
    <t>PANDYA BHAWAN, SHOP NO 85-86, JOHARI BAZAR, JAIPUR, RAJASTHAN</t>
  </si>
  <si>
    <t>GROUND FLOOR, EXPRESS TOWERS, LANDMARK-NEXT TO AIR INDIA BUILDING, NARIMAN POINT, MUMBAI, MAHARASHTRA</t>
  </si>
  <si>
    <t>J-12/21, RAJOURI GARDEN, ., NEW DELHI, DELHI</t>
  </si>
  <si>
    <t>10-LSC, B-BLOCK, MAYUR VIHAR PHASE-II, NEW DELHI, DELHI</t>
  </si>
  <si>
    <t>A-9, RING ROAD, LAJPAT NAGAR IV, NEW DELHI, DELHI</t>
  </si>
  <si>
    <t>M K S TOWERS, SAHODHARAN AYYAPPAN ROAD, KADAVANTHRA, KOCHI, KERALA</t>
  </si>
  <si>
    <t>HDFC Bank Ltd., A-34, Upper Ground Floor, Indira Nagar, Lucknow, U.P.</t>
  </si>
  <si>
    <t>HDFC BANK LTD, 8/483 SHREE HOTEL,  1ST FLOOR, HING KI MANDI, AGRA, UTTAR PRADESH</t>
  </si>
  <si>
    <t>124/248, C-BLOCK, GOVIND NAGAR, KANPUR, UTTAR PRADESH</t>
  </si>
  <si>
    <t>SHAIVAL COMPLEX, OPP CHANDANBALA TOWERS, PALDI, AHMEDABAD, GUJARAT</t>
  </si>
  <si>
    <t>NAKSHTRA BUILDING, MANINAGAR, MANINAGAR, AHMEDABAD, GUJARAT</t>
  </si>
  <si>
    <t>BUILDING NO. 30/7, THE MALL, FEROZEPUR CITY, FEROZEPUR, PUNJAB</t>
  </si>
  <si>
    <t>HDFC BANK LTD,  , NEAR VPS ELECTRONICS, RAILWAY ROAD,  KURUKSHETRA, KURUKSHETRA, HARYANA</t>
  </si>
  <si>
    <t>PD. SHANKAR DUTT SHARMA MARG, OPP. ELECTION COMMISSION OFFICE, CIVIL LINES, MORADABAD, UTTAR PRADESH</t>
  </si>
  <si>
    <t>HDFC BANK LTD, 154,  FIRST FLOOR,  KRISHNA PLACE, CIVIL LINES,  OPP DM RESIDENCE, BAREILLY, UTTAR PRADESH</t>
  </si>
  <si>
    <t>SAMARPAN COMPLEX, 200ft, RING ROAD, BOPAL JUNCTION, AHMEDABAD, GUJARAT</t>
  </si>
  <si>
    <t>SHAPATH-III, NR GNFC TOWERS, SARKHEJ-GANDHINGR HIGHWAY, BODAKDEV, AHMEDABAD, GUJARAT</t>
  </si>
  <si>
    <t>HDFC BANK LTD, 2-SHAKTI PLOT MAIN ROAD, DERASAR STREET, MORVI, GUJARAT</t>
  </si>
  <si>
    <t>THARIF BUILDING, OPP JAYASREE AUDITORIUM, CALICUT ROAD,  MALAPPURAM, MANJERI, KERALA</t>
  </si>
  <si>
    <t>ABAN ARCADE, WARD NO IX/11281, KUMBAZHA, PATHANAMTHITTA, KERALA</t>
  </si>
  <si>
    <t>POORNIMA BUILDING, GROUND FLOOR, NEAR NH BYEPASS JUNCTION, ALUVA, KERALA</t>
  </si>
  <si>
    <t>GOLDEN TOWER, VEZHAKATTUCHIRA, M C ROAD, CHANGANACHERRY, KERALA</t>
  </si>
  <si>
    <t>F1, FIRST FLOOR, NOS.2934E &amp; 2935E, MAGADI CHORD EXTENSION, VIJAYANAGAR CLUB ROAD, BANGALORE, KARNATAKA</t>
  </si>
  <si>
    <t>H-69, OUTER CIRCLE, CONNAUGHT CIRCUS, ., NEW DELHI, DELHI</t>
  </si>
  <si>
    <t>4686-92 ,  21-A, ANSARI ROAD, DARYAGANJ, NEW DELHI, DELHI</t>
  </si>
  <si>
    <t>NO. 456/5,  GF, SUKAN BUILDING,  NH 17, ALTO-PORVORIM,  BARDEZ, PORVORIM, GOA</t>
  </si>
  <si>
    <t>MOPKAR CHAMUNDA, NEAR POST OFFICE, CURCHOREM, SANGUEM ROAD, CURCHOREM, GOA</t>
  </si>
  <si>
    <t>PLOT NO 1355 A, ROAD NO 1 AND 45, JUBILEE HILLS, HYDERABAD, TELANGANA</t>
  </si>
  <si>
    <t>NO 21-7-802/803,  1ST LOOR, SILVER OAK PLAZA,  RIKAB GUNJ, OPP TO HIGH COURT GATE NO 7, HYDERABAD, TELANGANA</t>
  </si>
  <si>
    <t>D-9, SOUTH EXTENSION, PART II, ., NEW DELHI, DELHI</t>
  </si>
  <si>
    <t>B7/40 &amp; B7/41 SOUTH, CENTRAL AVENUE WEST, CENTRAL PARK,  NADIA, KALYANI, WEST BENGAL</t>
  </si>
  <si>
    <t>30, NAVYUG SOCIETY, KRISHNA KUNJ, V.L.MEHTA ROAD, OPP.SUNFLOWER HOSPITAL, JVPD SCHEME, MUMBAI, MAHARASHTRA</t>
  </si>
  <si>
    <t>Ground, Floor, Divyajot CHSL , Shop No 2, Beside Maruti Arena Showroom, S V road , Siddharth Nagar ,Goregaon West , Mumbai, MAHARASHTRA</t>
  </si>
  <si>
    <t>HDFC BANK LTD, NO. 2,  P S SIVASWAMY SALAI, MYLAPORE, CHENNAI, TAMIL NADU</t>
  </si>
  <si>
    <t>P.C.CHATTERJEE MKT., G.T.ROAD, RAMBANDHU TALA, ., ASANSOL, WEST BENGAL</t>
  </si>
  <si>
    <t>SHYAMJI COMPLEX, DELHI ROHTAK RD, NATIONAL HIGHWAY 10, DST-JHAJJAR, BAHADURGARH, HARYANA</t>
  </si>
  <si>
    <t>MISSION COMPOUND, COURT ROAD, ADJOINING TOP SHOP, SAHARANPUR, UTTAR PRADESH</t>
  </si>
  <si>
    <t>B-2/10, PASCHIM VIHAR, NEW DELHI, ., NEW DELHI, DELHI</t>
  </si>
  <si>
    <t>HDFC BANK LTD, C 1 VIKASPURI NEW DELHI., ., NEW DELHI, DELHI</t>
  </si>
  <si>
    <t>MANAV ASHRAY BLDG, 11 SERVICE CENTRE, OPP DDA SPORTS COMPLEX, VASUNDHARA ENCLAVE, NEW DELHI, DELHI</t>
  </si>
  <si>
    <t>NO 3909-3912, HAMILTON ROAD, MORI GATE, KASHMERE GATE, ., NEW DELHI, DELHI</t>
  </si>
  <si>
    <t>BN-11, SHALIMAR BAGH, NEW DELHI, ., NEW DELHI, DELHI</t>
  </si>
  <si>
    <t>MAA SAKAMBHRI COMPLEX, ASHOK RAJ PATH,  SABZI BAZAR, PATNA CITY, PATNA, BIHAR</t>
  </si>
  <si>
    <t>63, N S C BOSE ROAD, TOLLYGUNGE, MALANCHA CINEMA COMPUND, KOLKATA, WEST BENGAL</t>
  </si>
  <si>
    <t>1st FLOOR, PARTH SUPER MARKET, NR COSY TOWERS, OPP JORAVAR PARK, PALANPUR, GUJARAT</t>
  </si>
  <si>
    <t>C-17,  ANAND NIKETAN, NEW DELHI, ., NEW DELHI, DELHI</t>
  </si>
  <si>
    <t>PLOT NO 4, CAPITAL TRUST HOUSE II, MAA ANANDAMAYI MARG, OKHLA IND AREA PHASE II, NEW DELHI, DELHI</t>
  </si>
  <si>
    <t>NO 548/2, BAMNOLI VILLAGE, NEAR DWARKA, SECTOR 28, NEW DELHI, DELHI</t>
  </si>
  <si>
    <t>4/8, MAIN ROAD, ROOP NAGAR, NEW DELHI, DELHI</t>
  </si>
  <si>
    <t>HDFC BANK LTD, 202-R,  MODEL TOWN, ADJOINIG KFC, JALANDHAR, PUNJAB</t>
  </si>
  <si>
    <t>HDFC BANK LTD, 362-363,  SHAKTI MALL,  , LAJPAT NAGAR,  JALANDHAR, JALANDHAR, PUNJAB</t>
  </si>
  <si>
    <t>HUKUMCHAND BUILDING, MAIN POST OFFICE ROAD, DISTT-FATEHGARH SAHIB, MANDI GOVINDGARH, PUNJAB</t>
  </si>
  <si>
    <t>SCF 21, PHASE 10, ., MOHALI, PUNJAB</t>
  </si>
  <si>
    <t>HDFC BANK LTD, CHOTI SARAIYAGANJ, JAWAHAR LAL ROAD, MUZAFFARPUR, BIHAR</t>
  </si>
  <si>
    <t>VIMAL COMPLEX, DAK BUNGALOW ROAD,  HAJIPUR, DIST - VAISHALI, HAJIPUR, BIHAR</t>
  </si>
  <si>
    <t>MANTA BUILDING, OPP BUS STAND, SANJAULI, SHIMLA, HIMACHAL PRADESH</t>
  </si>
  <si>
    <t>ST THOMAS CATHEDRAL COMPLEX, KODUNGALLORE ROAD, TANA IRINAJALAKUDA, IRINJALAKUDA, KERALA</t>
  </si>
  <si>
    <t>TIMES SQUARE, 10 CENTRAL SPINE, VIDHYADHAR NAGAR, JAIPUR, RAJASTHAN</t>
  </si>
  <si>
    <t>A 869, LAKE TOWN, NEAR JAYA CINEMA, KOLKATA, WEST BENGAL</t>
  </si>
  <si>
    <t>SHOP 2, 3, 4, S K PLAZA, PUR ROAD, BHILWARA, RAJASTHAN</t>
  </si>
  <si>
    <t>PLOT NO 42/2,  KTR TOWER, KRISHNAGIRI BYE PASS ROAD, DIST-KRISHNAGIRI, HOSUR, TAMIL NADU</t>
  </si>
  <si>
    <t>N-39,  K N C ROAD, 1ST FLOOR,  OPPOSITE BIDHAN CINEMA, BARASAT,  24 PARGANAS NORTH, KOLKATA, WEST BENGAL</t>
  </si>
  <si>
    <t>NO 402, 4TH A CROSS, II BLOCK, HRBR LAYOUT, KALYAN NAGAR, BANGALORE, KARNATAKA</t>
  </si>
  <si>
    <t>NO 17/1, BELLANDUR GATE, SARJAPUR MAIN ROAD, AGARA POST, BANGALORE, KARNATAKA</t>
  </si>
  <si>
    <t>ELPHINSTONE HOUSE, 17 MURZBAN ROAD, NEAR C S T-VT, MUMBAI, MAHARASHTRA</t>
  </si>
  <si>
    <t>HDFC Bank LTD, Shop No.1(South Side),Ground Floor,BackBay View,CS No.17 of Girgaum Division,3A Mama Parmanand Marg,New Queens Road,Charni Road (East) Mumbai</t>
  </si>
  <si>
    <t>SHAPOORJI PALLONJI BUILDING, DR SHIRODKAR MARG, NEAR KEM HOSPITAL, OPP BATA SHOWROOM, MUMBAI, MAHARASHTRA</t>
  </si>
  <si>
    <t>HDFC BANK LTD, ASMITA ASCON ACRES 1, OPP ASMITA HOUSE, MIRA ROAD-EAST, NEAR RAILWAY STATION, DIST-THANE, THANE, MAHARASHTRA</t>
  </si>
  <si>
    <t>GROUND FLOOR, PLOT NO 62, ARANESHWAR CHOWK, NEAR SUPARNA MANGAL KARYALAYA, PUNE, MAHARASHTRA</t>
  </si>
  <si>
    <t>SHRI-PRABHA ARCADE, 31-1 M G ROAD, NEAR NAGAR PARISHAD, OPP TOWN HALL, LATUR, MAHARASHTRA</t>
  </si>
  <si>
    <t>NO. 321,  3RD STAGE,  4TH BLOCK, NEAR 8TH MAIN, CLOSE TO AIRTEL SHOWROOM, BANGALORE, KARNATAKA</t>
  </si>
  <si>
    <t>CHOUDHURY COMPLEX, PANPOSH ROAD,  ROURKELA, ., ROURKELA, ODISHA</t>
  </si>
  <si>
    <t>F-38,  KIRTI NAGAR, NEW DELHI, ., NEW DELHI, DELHI</t>
  </si>
  <si>
    <t>PLOT NO: 47, 48, 68, 69,  , DHARMAREDDY COLONY,  PHASE 1, KPHB COLONY,  KUKATPALLY, HYDERABAD, TELANGANA</t>
  </si>
  <si>
    <t>12-2-825 AND 826, SGM MALL, MEHDIPATNAM, HYDERABAD, TELANGANA</t>
  </si>
  <si>
    <t>F M CIRCLE, BALASORE, ., BALASORE, ODISHA</t>
  </si>
  <si>
    <t>MEERA SADAN, NO 60, 1ST MAIN ROAD, SESHADRIPURAM, BANGALORE, KARNATAKA</t>
  </si>
  <si>
    <t>NO NARMADA ARCADE, PLOT NO-131 SNEHAPURI COLONY, NACHARAM, HYDERABAD, TELANGANA</t>
  </si>
  <si>
    <t>C/O,  PRITI AUTO COMBINE, GOL BAZAR, SAMBHALPUR, ., SAMBALPUR, ODISHA</t>
  </si>
  <si>
    <t>SHOP NO 1, 2 &amp; 3, MANGIRISH PRASAD CO-OP HSG SOCIETY, OPP BABU NAIKS HOUSE, AQUEM, MARGAON, GOA</t>
  </si>
  <si>
    <t>MVM COMPLEX, GROUND FLOOR, SANTHE CIRCLE, NH-7 BB ROAD, YELAHANKA, BANGALORE, KARNATAKA</t>
  </si>
  <si>
    <t>SHOP NO 2/3, IDA MARIA APARTMENTS, NAIKAVADDO, OPP MIDAS TOUCH, CALANGUTE, GOA</t>
  </si>
  <si>
    <t>HDFC BANK LTD, ATLANTIS 2, CARANZALEM, CARANZALEM, GOA</t>
  </si>
  <si>
    <t>725-1, AIRPORT ROAD, CHICALIM, VASCO-DA-GAMA, GOA</t>
  </si>
  <si>
    <t>NO1-8-605/1, NAKKALGUTTA, HANAMKONDA, WARANGAL, TELANGANA</t>
  </si>
  <si>
    <t>NAV SAI PRASAD CHS LTD, 90 FEET ROAD,  V.B.PHADKE MARG, MULUND EAST, MUMBAI, MAHARASHTRA</t>
  </si>
  <si>
    <t>PLOT NO 78/A, STERLING GRAND CVK, WEST MARREDPALLY, SECUNDERABAD, TELANGANA</t>
  </si>
  <si>
    <t>HDFC BANK LTD, SHOP NO. 11 TO 16 AND 18, RAJSHRUNGI COMPLEX PALACE ROAD, RAJKOT, GUJARAT</t>
  </si>
  <si>
    <t>HDFC BANK LTD, NEAR WOCKHARDT HOSPITAL, KALAWAD ROAD, RAJKOT, GUJARAT</t>
  </si>
  <si>
    <t>3-316, RAMGHAT ROAD, ., ALIGARH, UTTAR PRADESH</t>
  </si>
  <si>
    <t>53/4-A,  BHAG KAMBAL WALA, JANSATH ROAD, NEW MANDI, MUZZAFAR NAGAR, UTTAR PRADESH</t>
  </si>
  <si>
    <t>ELEGANCE BUILDING, 1ST FLOOR, 31 G C AVENUE, KOLKATA, WEST BENGAL</t>
  </si>
  <si>
    <t>DIVYA SADBHAV - GROUND FLOOR, 6 DIPAK COLONY, NEAR SHANKAR SOC NO1, NEAR MUNICIPAL GARDEN, MIRAMBIKA RD, AHMEDABAD, GUJARAT</t>
  </si>
  <si>
    <t>SHINE PLAZA, NEAR NATU BHAI CIRCLE, GOTRI ROAD, VADODARA, GUJARAT</t>
  </si>
  <si>
    <t>GRD FLOOR,  ASHWAMEGH ARCADE, NR ESSAR PETROL PUMP,  OPP GETCO, KADI - CHHATRAL ROAD, KADI, GUJARAT</t>
  </si>
  <si>
    <t>SENANS SQUARE, NO.99,  SANTHOME HIGH ROAD, SANTHOME, CHENNAI, TAMIL NADU</t>
  </si>
  <si>
    <t>HDFC BANK LTD, MALL ROAD, SOLAN, SOLAN, HIMACHAL PRADESH</t>
  </si>
  <si>
    <t>PRIME ARCADE,  1ST FLOOR, A-TOWER,  ANAND MAHAL ROAD, ADAJAN, SURAT, GUJARAT</t>
  </si>
  <si>
    <t>HDFC BANK LTD, GROUND FLOOR, ADITVIYA COMPLEX,  NIZAMPURA, VADODARA, GUJARAT</t>
  </si>
  <si>
    <t>98/99,  DUAL GARDENS, MOUNT POONAMALLEE ROAD, PORUR, CHENNAI, TAMIL NADU</t>
  </si>
  <si>
    <t>A-9, PANCHWATI, ADARSH NAGAR, NEW DELHI, DELHI</t>
  </si>
  <si>
    <t>HDFC BANK LTD, BD 5,  VISHAKA ENCLAVE, PITAM PURA, NEW DELHI, DELHI</t>
  </si>
  <si>
    <t>ANUSHKA TOWER PLOT NO. 2, GARG TRADE CENTRE, SECTOR-11,  ROHINI, NEW DELHI, DELHI</t>
  </si>
  <si>
    <t>PLOT - 1B,  C - BLOCK, SEC - 63,  NOIDA, GAUTAM BUDH NAGAR, NOIDA, UTTAR PRADESH</t>
  </si>
  <si>
    <t>HDFC BANK LTD, C-1/14-A, YAMUNA VIHAR, NEW DELHI, DELHI</t>
  </si>
  <si>
    <t>CHARMWOOD PLAZA,  UPPER GROUND FLOOR, SHOP NO 51, 52, 53 AND 54,  , CHARMWOOD VILLAGE,  FARIDABAD, FARIDABAD, HARYANA</t>
  </si>
  <si>
    <t>368 B, KAPOOR BUILDING, TEHSIL ROAD, ., JAGRAON, PUNJAB</t>
  </si>
  <si>
    <t>SHOP 1-4, MONICA ARCADE, SUBHASH LANE, OFF DAFTARY ROAD, MALAD EAST, MUMBAI, MAHARASHTRA</t>
  </si>
  <si>
    <t>MISHRA HEM BARUA ROAD, JAIL ROAD,  FANCY BAZAR, ., GUWAHATI, ASSAM</t>
  </si>
  <si>
    <t>HDFC Bank Ltd.
Sant Ravidas Madhya Pradesh Hastshilp evam Hathkargha Vikas Nigam Ltd,03 Hasta shilpa Bhawan,Hamidia Road Bhopal</t>
  </si>
  <si>
    <t>PINDIS ARCADE, HILL PALACE ROAD, THRIPUNITHURA, KOCHI, KERALA</t>
  </si>
  <si>
    <t>IRIMPAN SHOPPING COMPLEX, 1ST FLOOR,  POLICE STATION ROAD, ., CHALAKUDY, KERALA</t>
  </si>
  <si>
    <t>BHM ENCLAVE,  NO 651 MANDIPET, DAVANGERE, ., DAVANGERE, KARNATAKA</t>
  </si>
  <si>
    <t>91 A/A, SECTOR A, SCH NO 54, ANKUR ALLERY, AB ROAD, VIJAY NAGAR, INDORE, MADHYA PRADESH</t>
  </si>
  <si>
    <t>GROUND FLOOR,  OPP. CIVIL HOSPITAL, CIVIL HOSPITAL ROAD,  HIMATNAGAR, DIST-SABARKANTHA, HIMATNAGAR, GUJARAT</t>
  </si>
  <si>
    <t>SHOP NO A/2-2A,  A/3-3A, KAILAS ESPLANDE, OPP SHREYAS TALKIES, LBS MARG,  GHATKOPAR (WEST), MUMBAI, MAHARASHTRA</t>
  </si>
  <si>
    <t>HDFC BANK LTD, NO.16 CENTIGO BUILDING, 100 FEET ROAD, PONDICHERRY, PONDICHERRY</t>
  </si>
  <si>
    <t>MANGESH BHUVAN, GURU NANAK NAGAR, AMBADI ROAD, VASAI (WEST), MUMBAI, MAHARASHTRA</t>
  </si>
  <si>
    <t>21 KAILASH COLONY, ROAD NO 2, OPP UIT OFFICE, BHAGAT SINGH CIRCLE, ALWAR, RAJASTHAN</t>
  </si>
  <si>
    <t>GROUND AND 1ST FLOOR,  CTS NO 1023, ESPERANCA POLY CHSL, HOLY CROSS ROAD, PLOT NO 9,  I C COLONY BORIVALI WEST, MUMBAI, MAHARASHTRA</t>
  </si>
  <si>
    <t>SHOP NO 8,  GROUND FLOOR, BHAGAT GRANDEUR,  NEW LINK ROAD, OPPOSITE INFINITI MALL,  MALAD WEST, MUMBAI, MAHARASHTRA</t>
  </si>
  <si>
    <t>A-1/21,  SECTOR-B, OPP NEHRU BAL VATIKA, ALIGANJ, LUCKNOW, UTTAR PRADESH</t>
  </si>
  <si>
    <t>HDFC BANK LTD, KARAN MARKET, INDIRA CHOWK, JAMMU, JAMMU AND KASHMIR</t>
  </si>
  <si>
    <t>SHOP 1-4,  KRISHNA CHS, SHANTIVAN, SHREEKRISHNA NAGAR BORIVALI (EAST), MUMBAI, MAHARASHTRA</t>
  </si>
  <si>
    <t>M S MALL, RESIDENCY ROAD, SRINAGAR, ., SRINAGAR, JAMMU AND KASHMIR</t>
  </si>
  <si>
    <t>KAMALANJALI-OPP TUBE COMPANY, OFF OLD PADRA ROAD, VADODARA, VADODARA, GUJARAT</t>
  </si>
  <si>
    <t>D NO 11-7-8, GROUND FLOOR, ESWAR ENCLAVE, GREEN PARK ROAD, JAGDAMBA CENTRE, VIZAG, VISAKHAPATNAM, ANDHRA PRADESH</t>
  </si>
  <si>
    <t>NO. 11-9-45/1,  101 AND 102, LAXMI NAGAR, NEAR OMNI HOSPITAL,  KOTHAPET, HYDERABAD, TELANGANA</t>
  </si>
  <si>
    <t>SHOP NO 1, HEENA GAURAV HEIGHTS, OPP SHOPPERS STOP, S V ROAD, KANDIVALI (WEST), MUMBAI, MAHARASHTRA</t>
  </si>
  <si>
    <t>YAMA BUILDING, M G MARG,  GANGTOK, ., GANGTOK, SIKKIM</t>
  </si>
  <si>
    <t>HDFC BANK LTD, SWARAJ PURI ROAD, NR BHARAT SEVASHRAM SANGH, GAYA, BIHAR</t>
  </si>
  <si>
    <t>VC-1, SECTOR-1, ADJ TO INCOME TAX OFF, VAISHALI, ., GHAZIABAD, UTTAR PRADESH</t>
  </si>
  <si>
    <t>NEXT TO NOVELTY THEATRE, MOULANA SHAUKAT ALI ROAD, GRANT ROAD, MUMBAI, MAHARASHTRA</t>
  </si>
  <si>
    <t>SHOP NO 2, MATUNGA RAJ NIKETAN CHS LTD, PLOT NO 356,  BHANDARKAR ROAD, MUMBAI, MAHARASHTRA</t>
  </si>
  <si>
    <t>SHOP NO 4, 5, 6 &amp; 7 NEW VIJAY CINEMA, OPP AKBARALYS, 609 V N PURAV MARG, SION TROMBAY RD,  CHEMBUR, MUMBAI, MAHARASHTRA</t>
  </si>
  <si>
    <t>11-1-7,  MEENAKSHI MANOR, RAMARAO PETA,  3RD LIND, PRAKASAM STREET, KAKINADA, ANDHRA PRADESH</t>
  </si>
  <si>
    <t>GROUND FLOOR, SHOP NO 1, A WING, SAISHWARE APTS, CTS NO 580, NARAYAN PETH,  N C KELKAR ROAD, PUNE, MAHARASHTRA</t>
  </si>
  <si>
    <t>HDFC BANK LTD, GROUND FLOOR, 8/3B, HATIBAGAN ROAD, NEAR LINTON POST OFFICE, KOLKATA, WEST BENGAL</t>
  </si>
  <si>
    <t>MIDWAY HEIGHTS, RS NO 49, VIBHAG 1, TIKKA 24/1, LOKMANYA TILAK ROAD, OPP SSG HOSPITAL, NEAR PANCHMUKHI, VADODARA, GUJARAT</t>
  </si>
  <si>
    <t>SHOWROOM NO 3, MANGESH-SHANTA APT, RATNAGIRI - KOLHAPUR HIGHWAY, NEAR MARUTI MANDIR, RATNAGIRI, MAHARASHTRA</t>
  </si>
  <si>
    <t>UNIT NO 8004/1, KOTKAPURA ROAD, CIVIL LINES, MUKTSAR, PUNJAB</t>
  </si>
  <si>
    <t>B XII - 263/64, COLLEGE ROAD,  BARNALA, ., BARNALA, PUNJAB</t>
  </si>
  <si>
    <t>HDFC BANK LTD., C-8,  OCEAN PLAZA, SHALIMAR GARDEN EXTN-2, SAHIBABAD, GHAZIABAD, UTTAR PRADESH</t>
  </si>
  <si>
    <t>HDFC BANK LTD., SCO - 85,  SECTOR - 46, CHANDIGARH, CHANDIGARH, CHANDIGARH</t>
  </si>
  <si>
    <t>HDFC BANK LTD,  SCO - 844, NAC MANIMAJRA, CHANDIGARH, CHANDIGARH, CHANDIGARH</t>
  </si>
  <si>
    <t>SREE CLOMPLEX, CALICULT ROAD, ., PERINTHALMANNA, KERALA</t>
  </si>
  <si>
    <t>KAMALA CROSSROADS, FINOLEX CHOWK, UNIT NOS 1 TO 4 AND 26 TO 29, A-WING, OPP PCMC OFFICE, PIMPRI, PUNE, MAHARASHTRA</t>
  </si>
  <si>
    <t>NO-1624/142, THANA ROAD, NAJAFGARH, NEW DELHI, DELHI</t>
  </si>
  <si>
    <t>NO-2212, GALI NO 64-65, J BLOCK, NAIWALA, GURUDWARA ROAD, KAROL BAGH, NEW DELHI, DELHI</t>
  </si>
  <si>
    <t>B 225,  GROUND FLOOR, NARAINA INDUSTRIAL AREA, PHASE I, NEW DELHI, DELHI</t>
  </si>
  <si>
    <t>NO. 128,  NELSON MANICKAM ROAD, EAST WEST CENTRE, GROUND FLOOR,  AMIJIKARAI, CHENNAI, TAMIL NADU</t>
  </si>
  <si>
    <t>BANDRA OCEAN VIEW CHS, NEXT MEHBOOB STUDIO,  HILL ROAD, BANDRA WEST, MUMBAI, MAHARASHTRA</t>
  </si>
  <si>
    <t>9A/9B SHEFFIELD, ANAND NAGAR, DAHISAR(EAST), MUMBAI, MAHARASHTRA</t>
  </si>
  <si>
    <t>NO. 137,  K G BELLAIRE, OPP. METRO WATER OFFICE, 100 FT BYPASS ROAD,  VELACHERY, CHENNAI, TAMIL NADU</t>
  </si>
  <si>
    <t>HDFC BANK LTD, NO 14 ARISTO INTERNATIONAL, MAHAVEER COLONY,  SABAPATHIPURM, TIRUPPUR, TAMIL NADU</t>
  </si>
  <si>
    <t>119 GANDHI BAZAAR, MAIN ROAD, BASAVANAGUDI, BANGALORE, KARNATAKA</t>
  </si>
  <si>
    <t>SHOP NO. 3,  4,  5,  6,  GROUND FLOOR, GURU TEJ BAHADUR CO-OP HO. SOC LTD, 3, AUNDH ROAD,  OPP LIC OFFICE, KHADKI, PUNE, MAHARASHTRA</t>
  </si>
  <si>
    <t>92,  KHARI PHATAK, ., ., VIDISHA, MADHYA PRADESH</t>
  </si>
  <si>
    <t>PARKOTA WARD, NEAR LAKE SAGAR, ., SAGAR, MADHYA PRADESH</t>
  </si>
  <si>
    <t>SCO-382, SECTOR 37-D, ., CHANDIGARH, CHANDIGARH</t>
  </si>
  <si>
    <t>AKASH GANGA COMPLEX, DURGACHAK, HALDIA DISTRICT,  MIDNAPORE EAST, ., HALDIA, WEST BENGAL</t>
  </si>
  <si>
    <t>NIDHU KRISHNA BHAVAN, 106,  KULPI ROAD,  PADMAPUKUR, BARUIPUR, KOLKATA, WEST BENGAL</t>
  </si>
  <si>
    <t>DUMROO CINEMA COMPLEX, CIVIL LINES, ., JHANSI, UTTAR PRADESH</t>
  </si>
  <si>
    <t>LADEN LA ROAD, RINK MALL-OPP GPO, ., DARJEELING, WEST BENGAL</t>
  </si>
  <si>
    <t>SHOP N 1-2, AYESHA TOWER, PLOT NO.220/8, S V ROAD, JOGESHWARI - WEST, MUMBAI, MAHARASHTRA</t>
  </si>
  <si>
    <t>SHOP NO 3, MITHILA APARTMENTS, BYTCO POINT, NASHIK ROAD, NASHIK, MAHARASHTRA</t>
  </si>
  <si>
    <t>SHOP NO AG1 TO AG8, AG20 TO AG21, PLOT NO 2, COMMUNITY CENTRE, MOTIA KHAN, PAHAR GANJ, NEW DELHI, DELHI</t>
  </si>
  <si>
    <t>A. K. TOWER, DURGA CITY CENTER, NAINITAL ROAD, HALDWANI, UTTARAKHAND</t>
  </si>
  <si>
    <t>THE ATRILUM,  , AGRA CHOWK, GT ROAD,  NH - 2, PALWAL, HARYANA</t>
  </si>
  <si>
    <t>P - 313, CIT ROAD, SCHEME - VI M, NEAR PHOOL BAGAN, KAKURGACHI, KOLKATA, WEST BENGAL</t>
  </si>
  <si>
    <t>SHOP NO 45, 46(GR FLR) AND 104(1ST, FLR), AUST MANGAL, NEW AMAN OWNERS, ASSOCIATION, VASANT BHUVAN, SHAHIBAUG, AHMEDABAD, GUJARAT</t>
  </si>
  <si>
    <t>45 G T ROAD, BIRHATA, NEAR DHALDHIGI PETROL PUMP, BURDWAN, WEST BENGAL</t>
  </si>
  <si>
    <t>SHOP NO 1,  JANAK PLAZA, NEW NAGAR ROAD, DIST-AHMEDNAGAR, SANGAMNER, MAHARASHTRA</t>
  </si>
  <si>
    <t>GOVT HOSPITAL JUNCTION, CHENGANUR, ., CHENGANNUR, KERALA</t>
  </si>
  <si>
    <t>SAHARA CENTRE, THALASSERY, ., THALASSERY, KERALA</t>
  </si>
  <si>
    <t>1458 GARIA MAIN ROAD, BLOCK D, FIRST FLOOR, KOLKATA, WEST BENGAL</t>
  </si>
  <si>
    <t>A 24,  HAUZ KHAS, ., ., NEW DELHI, DELHI</t>
  </si>
  <si>
    <t>ISHWAR TOWERS, D-48/141 A MISIR POKHRAL, NAGAR NIGAM, VARANASI, UTTAR PRADESH</t>
  </si>
  <si>
    <t>88,  CHOWRINGHEE ROAD, 1ST FLOOR, NEXT TO P C CHANDRA JEWELLERS, KOLKATA, WEST BENGAL</t>
  </si>
  <si>
    <t>HDFC BANK LTD Ground Floor, Hotel Rituvan, Sant Kawar Ram Nagar, Station Road, Mandsaur, Madhya Pradesh</t>
  </si>
  <si>
    <t>NO 1-1-575, RTC X ROAD, ., HYDERABAD, TELANGANA</t>
  </si>
  <si>
    <t>HDFC BANK LTD,  D.NO. 16-3-207 &amp; 208, RAMALINGAPURAM MAIN ROAD, NELLORE,  , NELLORE, ANDHRA PRADESH</t>
  </si>
  <si>
    <t>SHOP NO. 1,  2 AND 3, COMMERCIAL UNIT NO. 4, 7TH HEAVEN,  CTS NO. 134/165, LONAVALA, MAHARASHTRA</t>
  </si>
  <si>
    <t>90,  STATION ROAD,  RATLAM, ., ., RATLAM, MADHYA PRADESH</t>
  </si>
  <si>
    <t>HDFC BANK LTD , SCO 12-13,  GNDU SHOPPING COMPLEX , G . T . ROAD , AMRITSAR, AMRITSAR, PUNJAB</t>
  </si>
  <si>
    <t>B/33,  BINODINI SADAN, PATRAKAR NAGAR, KANKARBAGH, PATNA, BIHAR</t>
  </si>
  <si>
    <t>258/4,  A P C ROAD, OPP CHHAYA CINEMA HALL, MANIKTALA, KOLKATA, WEST BENGAL</t>
  </si>
  <si>
    <t>S-175 D, MEHAM CHOWK, ., BHIWANI, HARYANA</t>
  </si>
  <si>
    <t>PLOT NO 9,  H AND J BLOCK, LOCAL SHOPPING CENTRE, SARITA VIHAR, NEW DELHI, DELHI</t>
  </si>
  <si>
    <t>HDFC BANK LTD, 122 HARGOBIND ENCLAVE, NEW DELHI, NEW DELHI, DELHI</t>
  </si>
  <si>
    <t>14 ,  ANAND LOK, ., ., NEW DELHI, DELHI</t>
  </si>
  <si>
    <t>E-216, EAST OF KAILASH, ., NEW DELHI, DELHI</t>
  </si>
  <si>
    <t>22, SUNDER NAGAR MARKET, ., NEW DELHI, DELHI</t>
  </si>
  <si>
    <t>B-1, VANIJYA KUNJ, ENKAY TOWER, UDYOG VIHAR, PHASE V, GURGAON, HARYANA</t>
  </si>
  <si>
    <t>THE DESTINATION CENTRE, UPPER GROUND FLOOR, MAGARPATTA CITY,  HADAPSAR, PUNE, MAHARASHTRA</t>
  </si>
  <si>
    <t>SHOP NO 1,  2 AND 3,  VIHANG GARDEN, OPP RAYMONDS FACTORY, VARTAK NAGAR,  THANE-WEST, THANE, MAHARASHTRA</t>
  </si>
  <si>
    <t>SHOP NO 3 AND 4, TYPE SHOPPING COMPLEX, VASHI SECTOR 7, NAVI MUMBAI, MAHARASHTRA</t>
  </si>
  <si>
    <t>GABBANA HOUSE, 15TH ROAD, KHAR WEST, ., MUMBAI, MAHARASHTRA</t>
  </si>
  <si>
    <t>HDFC BANK LTD, NO 8,  RAJARATHNAM STREET, NEAR BEVERLY HOTEL,  KILPAUK, CHENNAI, TAMIL NADU</t>
  </si>
  <si>
    <t>NO. 1 BLOCK NO. 5, PARI SALAI, MOGAPPAIR EAST, CHENNAI, TAMIL NADU</t>
  </si>
  <si>
    <t>NO 2A,  KARPAGAMBAL NAGAR, 1ST STREET,  NELLAI NADAR ARCH, KOTTIVAKKAM, CHENNAI, TAMIL NADU</t>
  </si>
  <si>
    <t>GROUND FLOOR,  INDUSTRY HOUSE, OPP RAMON HOUSE, 159 H T PAREKH MARG, CHURCHGATE, MUMBAI, MAHARASHTRA</t>
  </si>
  <si>
    <t>SHARDA COMPLEX, NEAR TELEPHONE EXCHANGE SQUARE, CENTRAL AVENUE, NAGPUR, MAHARASHTRA</t>
  </si>
  <si>
    <t>B 6/3, SAFDARJUNG ENCLAVE, OPP. DEER PARK, NEW DELHI, DELHI</t>
  </si>
  <si>
    <t>JAMNA COMPLEX, OPP SUDHAKAR PETROL PUMP, JAIPUR SIKAR ROAD, CHOMU, RAJASTHAN</t>
  </si>
  <si>
    <t>PLOT NO 30 ,  GOSHALA ROAD,  E-BLOCK, NATIONAL HIGHWAY 15, ., SRI GANGANAGAR, RAJASTHAN</t>
  </si>
  <si>
    <t>HDFC BANK LTD, SHOP NO.GF 11, 53AND54, KAMDHENU COMPLEX,  NEAR SAHAJANAND, COLLEGE,  PANJRAPOLE,  AMBAWADI, AHMEDABAD, GUJARAT</t>
  </si>
  <si>
    <t>HDFC BANK LTD, EAST WING,  KHB BUILDING, K G ROAD, BANGALORE, KARNATAKA</t>
  </si>
  <si>
    <t>HDFC BANK,  SUDHAS BUILDING , GROUND FLOOR ,  MADHAVA PHARMACY, JUNCTION, KOCHI, KERALA</t>
  </si>
  <si>
    <t>NO. 6-3-891 AND 892, GROUND FLOOR,  THE BELVEDERE, RAJ BHAVAN ROAD,  SOMAJIGUDA, HYDERABAD, TELANGANA</t>
  </si>
  <si>
    <t>UMA ADMIRALTY ,  NO 1, BANNERGHATTA ROAD, ., BANGALORE, KARNATAKA</t>
  </si>
  <si>
    <t>H/J 2,  RAJARHAT ROAD, BAGUIHATI, KOLKATA, KOLKATA, WEST BENGAL</t>
  </si>
  <si>
    <t>NAVJIVAN,  1ST FLOOR, 54/1A,  HAZRA ROAD, OPP HAZRA LAW COLLEGE, KOLKATA, WEST BENGAL</t>
  </si>
  <si>
    <t>H. NO. 3-1-399 TO 3-1-402, GROUND AND FIRST FLOORS, SAI PREETHI COMPLEX,  DR AMBEDKAR RD, KARIMNAGAR, TELANGANA</t>
  </si>
  <si>
    <t>HDFC Bank Ltd., Milan Icon, Shop No. 1 &amp; 2, Ground Floor, Opp. President Hotel, Bus Stand Road, Surendranagar</t>
  </si>
  <si>
    <t>PALARIVATTAM., BUILDING NO. 32/1182, GROUND FLOOR, PALARIVATTAM JUNCTION, KOCHI, KERALA</t>
  </si>
  <si>
    <t>HDFC BANK LTD, 6-3-248/1/1/A,  BHASKAR PLAZA, ROAD NO 1,  BANJARA HILLS, HYDERABAD, TELANGANA</t>
  </si>
  <si>
    <t>KHATIJA MANSION,  82 CYRUS AVENUE, DR ANANDRAO NAIR ROAD, OPP NAIR HOSPITAL,  MUMBAI CENTRAL, MUMBAI, MAHARASHTRA</t>
  </si>
  <si>
    <t>NO 8/24 SALCO CENTRE, RICHMOND ROAD, ., BANGALORE, KARNATAKA</t>
  </si>
  <si>
    <t>HDFC BANK LTD, PLOT NO. 77/10 AND 78/10, NEAR PEHOWA CHOWK,  KARNAL ROAD, KAITHAL, HARYANA</t>
  </si>
  <si>
    <t>HDFC BANK LTD, MCS SHAH COMPLEX, SAILI ROAD, PATHANKOT, PUNJAB</t>
  </si>
  <si>
    <t>ANNANDA CHOWK, GURU GOBIND SINGH ROAD, HAZARIBAGH, HAZARIBAGH, JHARKHAND</t>
  </si>
  <si>
    <t>NAYABAZAR, S.F.ROAD, ., SILIGURI, WEST BENGAL</t>
  </si>
  <si>
    <t>HOTEL VAIBHAV BUILDING GROUND FLOOR, BYE PASS ROAD, CHAS, CHAS, JHARKHAND</t>
  </si>
  <si>
    <t>HDFC BANK LTD., NARAYANI, 112 A,  RASHBEHARI AVENUE, KOLKATA, WEST BENGAL</t>
  </si>
  <si>
    <t>268/9,  G T ROAD, LILUAH, DIST - HOWRAH, HOWRAH, WEST BENGAL</t>
  </si>
  <si>
    <t>SHOP NO 1 TO 4,  BHAGYODHAY COMPLEX, 3 GATES, VISNAGAR, VISNAGAR, GUJARAT</t>
  </si>
  <si>
    <t>340 UPPER GROUND FLOOR, PLOT NO 255/A, PODDAR ARCADE,  KHANDBAZAR, SURAT, GUJARAT</t>
  </si>
  <si>
    <t>D1 DWARKESH PARK,  SHOP NO 2/3/4, SAI BABA NAGAR, BORIVALI(W), MUMBAI, MAHARASHTRA</t>
  </si>
  <si>
    <t>UPPER GROUND FLOOR,  SHOP NO 101, VICTORIA - I,  FORTALEZA, NEAR LUNKAD SKY LOUNGE, KALYANINAGAR, PUNE, MAHARASHTRA</t>
  </si>
  <si>
    <t>HDFC Bank Ltd. , Ground Floor, NISM Bhavan, Plot no 82, Sector 17, Vashi , Navi Mumbai , 400703</t>
  </si>
  <si>
    <t>KAMALA MILLS COMPOUND, SENAPATI BAPAT MARG, LOWER PAREL, MUMBAI, MAHARASHTRA</t>
  </si>
  <si>
    <t>AHURA CENTRE,  GROUND FLOOR, MAHAKALI CAVES ROAD, ANDHERI(E), MUMBAI, MAHARASHTRA</t>
  </si>
  <si>
    <t>HDFC BANK LTD, VENUS APARTMENT,  GROUND FLOOR, WADIA STREET,  TARDEO, MUMBAI, MAHARASHTRA</t>
  </si>
  <si>
    <t>PLOT NO 18,  GROUND FLOOR, HARDHIK CROWN,  HUDA TECHNO ENCLAVE, OPP CYBER PEARL,  MADHAPUR, HYDERABAD, TELANGANA</t>
  </si>
  <si>
    <t>HDFC BANK LTD, 11 ANAJANA APARTMENT, S.V.ROAD, SHIMPOLI JUNCTION BORIVALI WEST, MUMBAI, MAHARASHTRA</t>
  </si>
  <si>
    <t>POLICE BAZAR, SHILLONG, ., SHILLONG, MEGHALAYA</t>
  </si>
  <si>
    <t>SKY WARDS TECH PARK,  NO.47/11, 1ST FLOOR, ELECTRONIC CITY MAIN ROAD, OPPOSITE TO VELANKANI 4TH GATE, BANGALORE, KARNATAKA</t>
  </si>
  <si>
    <t>HDFC Bank Ltd., Ground Floor, Ground Floor,Nr Bank of India, Opp Circuit House, Gundala Gate, Gondal, Gujarat</t>
  </si>
  <si>
    <t>SHOP NO 1, COMMUNITY CENTRE, PHASE - I,  MAYAPURI, NEW DELHI, DELHI</t>
  </si>
  <si>
    <t>1907, CHANDNI CHOWK, OPPOSITE SIS GANJ GURDWARA,  MAIN RD, NEW DELHI, DELHI</t>
  </si>
  <si>
    <t>BRIGHTLAND SCHOOL, VAISHALI NAGAR, JAIPUR, JAIPUR, RAJASTHAN</t>
  </si>
  <si>
    <t>SHOP NO M-29, GREATER KAILASH - II, ., NEW DELHI, DELHI</t>
  </si>
  <si>
    <t>39,  SHRADHANAND MARG, AJMERI GATE, ., NEW DELHI, DELHI</t>
  </si>
  <si>
    <t>NO. 3-4-489, S.S.D.NILAYAM, OPP REDDY COLLEGE, BARKATPURA, HYDERABAD, TELANGANA</t>
  </si>
  <si>
    <t>4/5,  OM PLAZA, SECTOR 15 C, VASUNDHARA, GHAZIABAD, UTTAR PRADESH</t>
  </si>
  <si>
    <t>HDFC BANK LTD, NEAR AMBAR CINEMA, KANAKIYA PLOT,  RAJKOT, JETPUR, GUJARAT</t>
  </si>
  <si>
    <t>126,  D/E ,  , KOVAI ROAD, KARUR, KARUR, TAMIL NADU</t>
  </si>
  <si>
    <t>HUGHES ROAD BRANCH,  MANEK LODGE, 85, N S PATKAR MARG, HUGHES ROAD, MUMBAI, ., MUMBAI, MAHARASHTRA</t>
  </si>
  <si>
    <t>NO 12-11-67, RAJA RANGA APPA RAO STREET, ONE TOWN, VIJAYAWADA, ANDHRA PRADESH</t>
  </si>
  <si>
    <t>GROUND FLOOR,  YOGESHWAR,  OSWAL, COLONY-2,  RANJIT NAGAR,  OPP. ESI, OFFICE,  JAMNAGAR, JAMNAGAR, GUJARAT</t>
  </si>
  <si>
    <t>NO 13-3-20 B1, PANDURANGA TOWERS, DIANA CIRCLE, COURT ROAD, UDUPI, KARNATAKA</t>
  </si>
  <si>
    <t>1963/5, RAILWAY ROAD, (OPP SHIV VATIKA), NARELA, NEW DELHI, DELHI</t>
  </si>
  <si>
    <t>VATIKA ATRIUM,  A-BLOCK, GOLF COURSE ROAD, SECTOR-53, GURGAON, HARYANA</t>
  </si>
  <si>
    <t>HDFC BANK LTD, N/3 - 28,  AMBEDKAR ROAD, NEHRU NAGAR, GHAZIABAD, UTTAR PRADESH</t>
  </si>
  <si>
    <t>NO. 27/7 D,  DR. AMBEDKAR ROAD, OPP. TO RAYMONDS SHOWROOM, KODAMBAKKAM, CHENNAI, TAMIL NADU</t>
  </si>
  <si>
    <t>NO.50, ARYA GOWDA ROAD, WEST MAMBALAM, CHENNAI, TAMIL NADU</t>
  </si>
  <si>
    <t>SHOP NO 1 TO 3, SHRADDHA COMPLEX, ADJOINING HOTEL SHIV NAUTIKA, MUNDRA, MUNDRA, GUJARAT</t>
  </si>
  <si>
    <t>3,  NRI COMPLEX, MANDAKINI G.K-IV, ALAKNANDA, NEW DELHI, DELHI</t>
  </si>
  <si>
    <t>ADITYA BIRLA CENTRE, S K AHIRE MARG, WORLI, MUMBAI, MAHARASHTRA</t>
  </si>
  <si>
    <t>HDFC BANK LTD, A-338,  OUTER RING ROAD, MEERA BAGH, NEW DELHI, DELHI</t>
  </si>
  <si>
    <t>THAKUR COLLEGE OF SCIENCE &amp; COMM, SHYAM NARAYAN, THAKUR MARG,  THAKUR VILLAGE, MUMBAI, MAHARASHTRA</t>
  </si>
  <si>
    <t>HDFC BANK LIMITED,  SCO 15 &amp; 16, OLD RAILWAY ROAD,  NEW COLONY MORE, GURGAON,  HARYANA, GURGAON, HARYANA</t>
  </si>
  <si>
    <t>6 BLOCK NO 90, 104 BAIRD ROAD, GOLE MARKET, NEW DELHI, DELHI</t>
  </si>
  <si>
    <t>519/1A-2A, VISHWAS NAGAR MAIN ROAD, SHAHDARA, NEW DELHI, DELHI</t>
  </si>
  <si>
    <t>H-7,  GREEN PARK EXTENTION, NEW DELHI., ., NEW DELHI, DELHI</t>
  </si>
  <si>
    <t>K - 2,  JUNGPURA EXTENSION, NEW DELHI, ., NEW DELHI, DELHI</t>
  </si>
  <si>
    <t>PLOT NO 8,  SECTOR - 4, R K PURAM, OPP CAPITAL COURT BLDG, NEW DELHI, DELHI</t>
  </si>
  <si>
    <t>HDFC BANK LTD, PLOT-K,  SECTOR 2, IMT MANESAR, MANESAR, HARYANA</t>
  </si>
  <si>
    <t>HDFC BANK LTD, G 2 &amp; 3 WINDSOR PARK, 5 VAIBHAV KHAND ,  INDIRAPURAM, GHAZIABAD, UTTAR PRADESH</t>
  </si>
  <si>
    <t>SHOP NO 3 &amp; 4,  KRISHNA PALACE, NEXT DENA BANK,  SECTOR 5, CHARKOP-KANDIVALI WEST, MUMBAI, MAHARASHTRA</t>
  </si>
  <si>
    <t>UNIT NO.1, TOWN CENTER, ANDHERI KURLA RD, NEAR KOBE SIZZLERS, ANDHERI EAST, MUMBAI, MAHARASHTRA</t>
  </si>
  <si>
    <t>HDFC BANK LTD., SHIVAM CHAMBERS, 53, SYED AMIR ALI AVENUE, KOLKATA, WEST BENGAL</t>
  </si>
  <si>
    <t>PRANAY TOWERS,  38, DARBARI LAL SHARMA MARG, ., LUCKNOW, UTTAR PRADESH</t>
  </si>
  <si>
    <t>MANEKPARA - 2, AMRELI, ., AMRELI, GUJARAT</t>
  </si>
  <si>
    <t>HDFC BANK LTD, 35,  KHUNKHUN JI ROAD, CHOWK,  LUCKNOW, LUCKNOW, UTTAR PRADESH</t>
  </si>
  <si>
    <t>SCO 1070-71,  SECTOR 22-B, CHANDIGARH, ., CHANDIGARH, CHANDIGARH</t>
  </si>
  <si>
    <t>AWWA SHOPPING COMPLEX, CHANDIMANDIR CANTT, ., PANCHKULA, HARYANA</t>
  </si>
  <si>
    <t>OPP DELHI NURSING HOME, G T ROAD, FATEHBAD, FATEHBAD, HARYANA</t>
  </si>
  <si>
    <t>363/3,  CENTER POINT, CIVIL LINES, DHARAMSHALA, DHARAMSHALA, HIMACHAL PRADESH</t>
  </si>
  <si>
    <t>HDFC BANK LTD, 1284/95, SUNDER NAGAR CHOWK, LUDHIANA, PUNJAB</t>
  </si>
  <si>
    <t>HDFC BANK LTD,  A 1054, MUKHERJEE NAGAR, DELHI, DELHI, DELHI</t>
  </si>
  <si>
    <t>SANGWAN BUILDING , NEAR CANARA BANK, DR SANGWAN CHOWK, SIRSA, SIRSA, HARYANA</t>
  </si>
  <si>
    <t>31ST,  MILE STONE, N H 1 BEHIND CHOPRA FILLING, KUNDLI DIST - SONEPAT, SONEPAT, HARYANA</t>
  </si>
  <si>
    <t>B - 17, GEETANJALI ENCALVE, ., NEW DELHI, DELHI</t>
  </si>
  <si>
    <t>SCO-139/140, SECTOR-21C, ., FARIDABAD, HARYANA</t>
  </si>
  <si>
    <t>SCO 34, DSC, SEC 23 A, GURGAON, HARYANA</t>
  </si>
  <si>
    <t>HDFC BANK LTD, 4/172 JORBAGH MARKET, JORBAGH, NEW DELHI, DELHI</t>
  </si>
  <si>
    <t>SCF NO 222, SEC-9, DEL, FARIDABAD, HARYANA</t>
  </si>
  <si>
    <t>1-10-60/3, BEGUMPET, SURYODAYA, HYDERABAD, TELANGANA</t>
  </si>
  <si>
    <t>SCO - 7, SECTOR 31-32 A, MAIN MARKET GURGAON, GURGAON, HARYANA</t>
  </si>
  <si>
    <t>OPP S P RESIDENCE , M GARH ROAD, NARNOUL, HARYANA, NARNOUL, HARYANA</t>
  </si>
  <si>
    <t>VIJAY TALKIES COMPOUND, NEEMUCH, ., NEEMUCH, MADHYA PRADESH</t>
  </si>
  <si>
    <t>G1, G2, G3 MINI SUDARSHAN, L.D. RUPAREL MARG, MALABAR HILL, MUMBAI, MAHARASHTRA</t>
  </si>
  <si>
    <t xml:space="preserve">HDFC Bank Ltd.,511/513, Kachwala Building, Near Gol Deval, Maluna Azad Road, Mumbai. </t>
  </si>
  <si>
    <t>60,  AKBAR CHAMBERS,  GROUND FLOOR, MOHAMED ALI ROAD., ., MUMBAI, MAHARASHTRA</t>
  </si>
  <si>
    <t>NO.59, 80 FEET ROAD, OPP M.S RAMAIAH HOSPITAL, RMV 2ND STAGE, BANGALORE, KARNATAKA</t>
  </si>
  <si>
    <t>TMD COMPLEX, OPP HOTEL SAVERA, REWA ROAD, SATNA, SATNA, MADHYA PRADESH</t>
  </si>
  <si>
    <t>7 AND 8,  CUTTACK - PURI ROAD, JHARPARA,  NEAR FLYOVER, BHUBANESWAR, BHUBANESWAR, ODISHA</t>
  </si>
  <si>
    <t>HOTEL ALANKAR COMPLEX , MRD ROAD ,  CHANDMARI , GUWAHATI, GUWAHATI, ASSAM</t>
  </si>
  <si>
    <t>SHOP NO 1, 2 AND 28, SATYA COMPLEX,  ALWAL MAIN ROAD, ALWAL,  RANGAREDDY DISTRICT , HYDERABAD, TELANGANA</t>
  </si>
  <si>
    <t>RAJVEER COMPLEX , 934 NANA PETH, NEAR QUARTER GATE CHOWK , PUNE, MAHARASHTRA</t>
  </si>
  <si>
    <t>HDFC BANK LTD, SCO -16-17,  FORTUNE CHAMBERS, FEROZE GANDHI MARKET,  LUDHIANA, LUDHIANA, PUNJAB</t>
  </si>
  <si>
    <t>HDFC BANK LTD, 11 ,  LOWER GROUND FLOOR , OASIS MALL ,  MURARJI PETH , SOLAPUR, MAHARASHTRA</t>
  </si>
  <si>
    <t>NO 341/2,  NORTH BYE PASS ROAD, BGS TOWERS,  OPP TO GALAXY HOSPITAL, VANNARAPETTAI, TIRUNELVELI, TAMIL NADU</t>
  </si>
  <si>
    <t>MUNDADA ARCADE,  LANE NO 6, PAROL ROAD, DIST DHULE, DHULE, MAHARASHTRA</t>
  </si>
  <si>
    <t>JESSORE ROAD, HABRA, NEAR RAJA MARKET, HABRA, WEST BENGAL</t>
  </si>
  <si>
    <t>37/A R N TAGORE ROAD, BERHAMPORE, ., BERHAMPORE, WEST BENGAL</t>
  </si>
  <si>
    <t>HDFC BANK LTD, A/621,  UNIT 8, NAYAPALLI, BHUBANESWAR, ODISHA</t>
  </si>
  <si>
    <t>HDFC BANK LTD, KAHLON COMPLEX, JALANDHAR ROAD, BATALA, PUNJAB</t>
  </si>
  <si>
    <t>8-3-214,  SRINIVASA NAGAR COLONY, OPP SANJEVAREDDYNAGAR BUS STOP, SANJEEVAREDDYNAGAR POST, HYDERABAD, TELANGANA</t>
  </si>
  <si>
    <t>E-90 A,  INDUSTRIAL AREA, KHER ROAD, ., BALOTRA, RAJASTHAN</t>
  </si>
  <si>
    <t>HDFC BANK LTD,  A-1 SHREE PLAZA, LAL KOTHI, DISTRICT SHOPPING CENTER, TONK ROAD, JAIPUR, RAJASTHAN</t>
  </si>
  <si>
    <t>ROSHAN PLAZA,  NEAR MAHESH BUILDING, RANI BAZAR, ., BIKANER, RAJASTHAN</t>
  </si>
  <si>
    <t>HDFC Bank Ltd., Water Works Road, Distt Mansa , PUNJAB</t>
  </si>
  <si>
    <t>HDFC BANK LTD, SHOP NO 651,  BHATINDA CHOWK, GAUSHALA ROAD, FAZILKA, PUNJAB</t>
  </si>
  <si>
    <t>Faridkot Road, Adjoining Sangam Palace, Kotkapura (Distt Faridkot) Punjab - 151204</t>
  </si>
  <si>
    <t>HDFC BANK LTD, SCF 1,  THANDI, SARAK, MALERKOTLA, MALERKOTLA, PUNJAB</t>
  </si>
  <si>
    <t>A4-A5,  BIG B COMPLEX, VILLAGE SANDHOLI,  SAI ROAD BADDI, DIST - SOLAN, BADDI, HIMACHAL PRADESH</t>
  </si>
  <si>
    <t>PLOT NO 118, BLOCK D, SECTOR-26, NOIDA, NOIDA, UTTAR PRADESH</t>
  </si>
  <si>
    <t>5/6/7,  JALARAM ASHISH CO-OP.HSG.SOC, DEVIDAYAL ROAD, MULUND WEST, MUMBAI, MAHARASHTRA</t>
  </si>
  <si>
    <t>HDFC BANK LTD, S-145, INDUSTRIAL AREA, NEAR SODAL CHOWK, JALANDHAR, PUNJAB</t>
  </si>
  <si>
    <t>KHASRA NO. 466, SHOWROOM AT HISSAR AMBALA ROAD, NEAR BAL BHAWAN,  OPP SECTOR 7, AMBALA, HARYANA</t>
  </si>
  <si>
    <t>SHEEL PALACE,  PLOT NO.149, OLD DELHI CHUNGI, DELHI ROAD, MEERUT CITY., MEERUT, UTTAR PRADESH</t>
  </si>
  <si>
    <t>HDFC BANK LTD, C/O AUJLA KAUSHIK ESTATES BUILDING, CHANDIGARH ROAD,  SOHANA, MOHALI, PUNJAB</t>
  </si>
  <si>
    <t>HDFC BANK LTD, PURWA WALI DEHRADUN ROAD, GANESH PUR, ROORKEE, UTTARAKHAND</t>
  </si>
  <si>
    <t>PAISAR PLAZA,  GROUND FLOOR, N H - 28, LUCKNOW FAIZABAD ROAD, BARABANKI, UTTAR PRADESH</t>
  </si>
  <si>
    <t>744,  CINEMA CHAURAHA, LUCKNOW ROAD, HARDOI, HARDOI, UTTAR PRADESH</t>
  </si>
  <si>
    <t>BHAKTINAGAR CIRCLE, BHAKTINAGAR CO-OP HOUSING SOC LTD, 80 FT ROAD CORNER, RAJKOT, GUJARAT</t>
  </si>
  <si>
    <t>ASTER APARTMENT, VIVA SUPER MARKET, NALASOPARA WEST, THANE, MAHARASHTRA</t>
  </si>
  <si>
    <t>RAGHUNANDAN CO-OP HSG SOCIETY, MAHIM ROAD,  OPP PRAKASH TALKIES, PALGHAR WEST,  DIST-THANE, THANE, MAHARASHTRA</t>
  </si>
  <si>
    <t>HDFC BANK LTD, BARBIL JODA HIGHWAY, DISTRICT-KEONJHAR, BARBIL, ODISHA</t>
  </si>
  <si>
    <t>H-2,  POONAM COMPLEX, 89-93 CO-OP HSG SOCIETY, BLDG NO 92, SHANTI PARK,  MIRA ROAD-EAST, THANE, MAHARASHTRA</t>
  </si>
  <si>
    <t>SHOP NO 1, GUINEA PARADISE CHS LTD, JAI PRAKASH RD, NEAR SEVEN BANGLOWS, VERSOVA,  ANDHERI (W), MUMBAI, MAHARASHTRA</t>
  </si>
  <si>
    <t>THAKUR HOUSE, AKURLI ROAD, ASHOK NAGAR,  KANDIVLI-EAST, MUMBAI, MAHARASHTRA</t>
  </si>
  <si>
    <t>NATIONAL HOUSE, PLOT NO 13/14/15, SAHAR ROAD JUNCTION, WESTERN EXPRESS HIGHWAY, VILEPARLE-E, MUMBAI, MAHARASHTRA</t>
  </si>
  <si>
    <t>Dharmkshetra ground floor, near ginger hotel ,Mahakali caves road  ,Andheri East</t>
  </si>
  <si>
    <t>BUILDING NO 20/457/2 &amp; 3, GLOBAL CENTER, M G ROAD, THRISSUR, KERALA</t>
  </si>
  <si>
    <t>SIMAX TOWER, KANNUR ROAD, NADAKKAVU, CALICUT, KERALA</t>
  </si>
  <si>
    <t>RAILWAY ROAD 2, NAGAR PALIKA NO.2-1/1828, HAP, HAPUR, UTTAR PRADESH</t>
  </si>
  <si>
    <t>HDFC BANK LTD, SCO-231, SECTOR 20, PANCHKULA, HARYANA</t>
  </si>
  <si>
    <t>PLOT NO. 46,  DOOR NO. 23, FIRST MAIN ROAD, NANGANALLUR, CHENNAI, TAMIL NADU</t>
  </si>
  <si>
    <t>CENTRE POINT,  NO. 221 AND 222, LLOYDS ROAD, GOPALAPURAM, CHENNAI, TAMIL NADU</t>
  </si>
  <si>
    <t>1ST FLOOR,  KAMALAMMAL COMPLEX,  187, VELACHERY MAIN ROAD, SELAIYUR. CHENNAI, CHENNAI, TAMIL NADU</t>
  </si>
  <si>
    <t>KHARSHA NO 28/10/1-2/15, VILLAGE BARWALA, ., NEW DELHI, DELHI</t>
  </si>
  <si>
    <t>HDFC BANK LTD,  UG 20, 21, 22, 23, 24, AND 25,  ANSAL CHAMBER 1, BHIKAJI CAMA PLACE, NEW DELHI, DELHI</t>
  </si>
  <si>
    <t>SHOP NO 17A,  GROUND FLOOR,  , VASANT SQUARE MALL, NEW DELHI, DELHI, DELHI</t>
  </si>
  <si>
    <t>HDFC BANK LTD.,  SCO 202-203, HUDA MARKET, OPP. SP RESIDENCE, JIND, HARYANA</t>
  </si>
  <si>
    <t>GR AND 1ST FLOOR THOTTUNKAL, BULIDING EAST OF CONVENT SQUARE, JUNCTION NEAR ST JOSEPH COLLEGE, ALAPPUZHA, KERALA</t>
  </si>
  <si>
    <t>PADMANABHAM,  CLUB HOUSE ROAD, TECHNOPARK, KARIAVATTOM PO, KAZHAKKOOTA, TRIVANDRUM, KERALA</t>
  </si>
  <si>
    <t>K &amp; T TOWERS, NEAR KAKKAND POST OFFICE, ., KOCHI, KERALA</t>
  </si>
  <si>
    <t>MIDTOWN CO-OP HSG SOCIETY, PLOT NO-A-005,  SECTOR-9, AIROLI MULUND HIGHWAY,  AIROLI, NAVI MUMBAI, MAHARASHTRA</t>
  </si>
  <si>
    <t>MUSTAFF BAZAAR, VICTORIA ROAD, BYCULLA, MUMBAI, MAHARASHTRA</t>
  </si>
  <si>
    <t>GANGWAL MANSION J-14, 3RD AVENUE, ANNA NAGAR, CHENNAI, TAMIL NADU</t>
  </si>
  <si>
    <t>NO.287 A, THIRUVATHIYUR HIGH ROAD, OLD WASHERMENPET, CHENNAI, TAMIL NADU</t>
  </si>
  <si>
    <t>N S B ROAD, PLOT NO 408, RANIGANJ, RANIGANJ, WEST BENGAL</t>
  </si>
  <si>
    <t>31, CHOWRINGHEE ROAD, PARK STREET, KOLKATA, WEST BENGAL</t>
  </si>
  <si>
    <t>NO 73 OFFICERS LINE, KRISHNA NAGAR, VELLORE, VELLORE, TAMIL NADU</t>
  </si>
  <si>
    <t>HDFC BANK LTD, NO 597/127 C2,  PSK TOWERS,  , GROUND FLOOR,  SALEM ROAD,  NAMAKKAL, NAMAKKAL, TAMIL NADU</t>
  </si>
  <si>
    <t>04-089/G/A/B/1A, OPP DIWAN DHABA, SOMU RESIDENCY, NH7, PETBASHEERABAD,  RR DIST, HYDERABAD, TELANGANA</t>
  </si>
  <si>
    <t>1/B-8,  DOOR NO 6-27, VENKATESWARA, CO-OP INDUSTRIAL ESTAE, BALANAGAR, HYDERABAD, TELANGANA</t>
  </si>
  <si>
    <t>D NO: 1/725,  OPP. MANASA INN, R S ROAD,  DWARAKA NAGAR, CUDDAPAH, CUDDAPAH, ANDHRA PRADESH</t>
  </si>
  <si>
    <t>11/165-1,  M S MANSION, SUBHASH ROAD, BESIDES MEDA PETROL BUNK, ANANTHAPUR, ANDHRA PRADESH</t>
  </si>
  <si>
    <t>BYPASS SQAURE, CHORDHA, JAIPUR MAIN ROAD, JAJPUR, ODISHA</t>
  </si>
  <si>
    <t>SCO-F-44, SECTOR-29, DEL, FARIDABAD, HARYANA</t>
  </si>
  <si>
    <t>GR.FL, DCM BUILDING 16, BARAKHAMBA ROAD, DEL, NEW DELHI, DELHI</t>
  </si>
  <si>
    <t>PLOT NO. F-3/6, KRISHNA NAGAR DELHI, ., NEW DELHI, DELHI</t>
  </si>
  <si>
    <t>PLOT NO 18,  19 AND 20 GANESH MARKET, PITTI BHAWAN, STATION ROAD, PALI, RAJASTHAN</t>
  </si>
  <si>
    <t>HDFC BANK LTD., A-9,  PUSHPANJALI ENCLAVE, PITAMPURA, NEW DELHI, DELHI</t>
  </si>
  <si>
    <t>5, B T ROAD, BARRACKPORE, 24 PARGANAS (N), KOLKATA, WEST BENGAL</t>
  </si>
  <si>
    <t>IHM EXTN COUNTER, MAULANA AZAD EDU SOCIETY CAMPUS, RAUZA BAUGH NR TAJ RESIDENCY, AURANGABAD, MAHARASHTRA</t>
  </si>
  <si>
    <t>102,  CHAWLA REGENCY, MOSQUE ROAD, BANGALORE, BANGALORE, KARNATAKA</t>
  </si>
  <si>
    <t>K-3/24,  H.S.ROAD, TELCO COLONY, JAMSHEDPUR, JAMSHEDPUR, JHARKHAND</t>
  </si>
  <si>
    <t>SRUTHI TOWER,  NEAR NEST,  NH 47, SOUTH KALAMASSERY, KALAMASSERY, KOCHI, KERALA</t>
  </si>
  <si>
    <t>DN - 1,  ETERNITY BUILDING, SECTOR V, SALT LAKE CITY, KOLKATA, WEST BENGAL</t>
  </si>
  <si>
    <t>RANCHI CIRCULAR ROAD BRANCH, ROHINI 1ST FLOOR,  56 CIRCULAR ROAD, RANCHI, RANCHI, JHARKHAND</t>
  </si>
  <si>
    <t>ASURAN CHOWK, RADHIKA COMPLEX, MEDICAL ROAD, GORAKHPUR, UTTAR PRADESH</t>
  </si>
  <si>
    <t>GROUND FLOOR,  56 AND 57 , CHANDER NAGAR, ALAMBAGH, LUCKNOW, UTTAR PRADESH</t>
  </si>
  <si>
    <t>A R CENTRE,  DR B N VERMA ROAD, OPPOSITE GULMOHAR HOTEL, AMINABAD, LUCKNOW, UTTAR PRADESH</t>
  </si>
  <si>
    <t>HDFC BANK LTD, AL REHMAN SHOPPING COMPLEX, HARI SINGH HIGH STREET, SRINAGAR, JAMMU AND KASHMIR</t>
  </si>
  <si>
    <t>HDFC BANK LTD, 223, DEHRADUN ROAD, OPP RAMA PALACE, RISHIKESH, UTTARAKHAND</t>
  </si>
  <si>
    <t>44/25,  BASSI ROAD, NEAR JOYATI SWAROOP CHOWK, SIRHIND,  DISTT FATEHGARH SAHIB, SIRHIND, PUNJAB</t>
  </si>
  <si>
    <t>SAHIB COMPLEX,  GROUND FLOOR, MOUSA,  59/82 AND 61/85 SERI BAZAR, NEAR INDIRA MARKET, MANDI, HIMACHAL PRADESH</t>
  </si>
  <si>
    <t>B-1/51 &amp; 60, SECTOR 50, DEL, NOIDA, UTTAR PRADESH</t>
  </si>
  <si>
    <t>NO.5030,  GROUND FLOOR,  , SREEVASTA CENTRE,  NEAR G.N.MILLS, METTUPALAYAM ROAD,  COIMBATORE., COIMBATORE, TAMIL NADU</t>
  </si>
  <si>
    <t>Bharat Saw mill Near Indian Coffee House , Katni . Distt Katni , Madhya Pradesh</t>
  </si>
  <si>
    <t>192/1,  ARADHANA AND ANIK BUILDING, TELIPADA,  DHAMANKAR NAKA, BHIWANDI,  DIST - THANE, BHIWANDI, MAHARASHTRA</t>
  </si>
  <si>
    <t>CHOUHAN ESTATE, G E ROAD, SUPELA, BHILAI, CHHATTISGARH</t>
  </si>
  <si>
    <t>PRITISHUDHA SHOPPING CENTER, BENJONJI ROAD (SHIVAJI CHOWK), RAYMONDS SHOWROOM,  DIST - JALNA, JALNA, MAHARASHTRA</t>
  </si>
  <si>
    <t>12/215 BUNGALOW ROAD, OPP. RANI BAG,  ICHALKARANJI, TAL - HATKANAGALE,  DIST - KOLHAPUR, ICHALKARANJI, MAHARASHTRA</t>
  </si>
  <si>
    <t>SHOP NO 101-104, 1ST FLOOR, DEEKSHA APARTMENT, NEAR GUNJAN CINEMA, KOPARLI RD, GIDC, VAPI, GUJARAT</t>
  </si>
  <si>
    <t>NH PLAZA,  G T ROAD, KHURJA, ., KHURJA, UTTAR PRADESH</t>
  </si>
  <si>
    <t>#35-36-1, Rashtrapathi Road, Beside PolyTechnic College, West Godavari District, Tanuku, Andhra Pradesh</t>
  </si>
  <si>
    <t>D.NO. 40/304, KRISHNA JYOTHSNA COMPLEX, BHAGYANAGAR,  KURNOOL, KURNOOL, ANDHRA PRADESH</t>
  </si>
  <si>
    <t>18-6-49,  AMBEDKAR CHOWK, MUKHARAM PLAZA,  NH-16, CHENNUR ROAD, MANCHERIAL, TELANGANA</t>
  </si>
  <si>
    <t>PSN ESTATE, 8-12-15, MAIN ROAD,  SANTHAPETA, VIZIANAGARAM, ANDHRA PRADESH</t>
  </si>
  <si>
    <t>KOHINOOR CENTRE, SHOP NO22, 23, 35TO41, BLDG-B GAT NO 1281, PUNE-NASIK HIGHWAY, (TALEGAON CHOWK), CHAKAN, MAHARASHTRA</t>
  </si>
  <si>
    <t>GR FLR,  OPP KAILESH TRADING, NXT TO PUSHPABENS CLINIC, MITADI ROAD, MANAVADAR, GUJARAT</t>
  </si>
  <si>
    <t>HDFC Bank Ltd, Santram Arcad, Nr. Aadhar Supermarket Nadiad Road , Kapadwanj, Kheda, gujarat</t>
  </si>
  <si>
    <t>HDFC BANK LTD,  GROUND FLOOR, SHOP NO 1 TO 5,  AKSHAR MALL, NR JALARAM TEMPLE,  ANAND BORSAD RD, BORSAD, GUJARAT</t>
  </si>
  <si>
    <t>27 A, 1 ST FLR, TRUNK ROAD, POONAMALLEE, CHENNAI, CHENNAI, TAMIL NADU</t>
  </si>
  <si>
    <t>419, MTH ROAD, PATTABHIRAM, CHENNAI, TAMIL NADU</t>
  </si>
  <si>
    <t>415 N S ROAD, 24, PARGANAS(S), PARGANAS, KOLKATA, WEST BENGAL</t>
  </si>
  <si>
    <t>M M PLAZA, K B ROAD, ., JORHAT, ASSAM</t>
  </si>
  <si>
    <t>PARMESHWARI BUILDING,  N T ROAD, NEAR HIMATSINGHKA PETROL PUMP, ., TEZPUR, ASSAM</t>
  </si>
  <si>
    <t>KACHARI CHOWK, BEGUSARAI, ., BEGUSARAI, BIHAR</t>
  </si>
  <si>
    <t>PLOT NO 17, KHANDHARI PREMISES, STADIUM ROAD, PATIALA, PUNJAB</t>
  </si>
  <si>
    <t>HDFC BANK LTD ,  RUKMINI GAON BRANCH, A P TOWER,  OPP TO RELIANCE TRENDS, G S ROAD, GUWAHATI, ASSAM</t>
  </si>
  <si>
    <t>MANI RAM DEWAN ROAD , OPP BRAMHPUTRA FLOUR MILLS, NOONMATI, GUWAHATI, ASSAM</t>
  </si>
  <si>
    <t>ASSAM S S ROAD, NEAR TOWER CHOWK, DEOGARH, DEOGHAR, JHARKHAND</t>
  </si>
  <si>
    <t>K R MODI MALL, CITY CENTRE, ., GIRIDIH, JHARKHAND</t>
  </si>
  <si>
    <t>N H 33, MAIN ROAD RAMGARH CANT, JHARKHAND, RAMGARH, JHARKHAND</t>
  </si>
  <si>
    <t>HDFC BANK LTD, POONAM CINEMA ROAD, TOWER CHOWK,  DARBHANGA, DARBHANGA, BIHAR</t>
  </si>
  <si>
    <t>HDFC BANK LTD, DURGA COMPLEX, JHARSUGUDA, JHARSUGUDA, ODISHA</t>
  </si>
  <si>
    <t>SHANKAR CINEMA ROAD, ANGUL, DIST - ANGUL, ANGUL, ODISHA</t>
  </si>
  <si>
    <t>HDFC BANK LTD.,  1ST &amp; 2ND FLOOR,  , SINGH COMPLEX,  D N SINGH ROAD,  , KHALIFABAGH CHOWK,  BHAGALPUR , BHAGALPUR, BIHAR</t>
  </si>
  <si>
    <t>MACHNOOR COMPLEX, OPP. GOVIND RAO PETROL PUMP, GANDHI CHOWK, RAICHUR, KARNATAKA</t>
  </si>
  <si>
    <t>HDFC BANK LTD, B V V SANGHA COMPLEX, RAICHUR BELGAUM ROAD, BAGALKOTE, KARNATAKA</t>
  </si>
  <si>
    <t>#2-27,  2-27/A, OPP. CITY CORPORATION,  MAIN ROAD, GULBARGA, GULBARGA, KARNATAKA</t>
  </si>
  <si>
    <t>CITY AVENUE, OPPOSITE ANUPAM GARDEN, G.E ROAD, RAIPUR (C.G), RAIPUR, CHHATTISGARH</t>
  </si>
  <si>
    <t>460 DM ROAD, BULLANDSHAHR, ., BULLANDSHAHR, UTTAR PRADESH</t>
  </si>
  <si>
    <t>BLOCK A, RAO TRADE CENTER, LINK ROAD, BILASPUR (C.G), BILASPUR, CHHATTISGARH</t>
  </si>
  <si>
    <t>QAF PLAZA, NEHRU WARD, PIPARIYA, PIPARIYA, MADHYA PRADESH</t>
  </si>
  <si>
    <t>3 RD LANE , NEAR CENTRAL BANK OF INDIA, ITARSI, DIST HOSHANGABAD., ITARSI, MADHYA PRADESH</t>
  </si>
  <si>
    <t>KR BUILDING,  GROUND AND FIRST FLOOR, TRICHY KARUR MAIN ROAD, PETTAVAITHALAI, PETTAVAITHALAI, TAMIL NADU</t>
  </si>
  <si>
    <t>NO 251 E KADAMANKULAM, RAJAPALAYAM-TENKASI ROAD, SOUTH VENGANALLUR, RAJAPALAYAM, TAMIL NADU</t>
  </si>
  <si>
    <t>NO 422 - A,  PERIYAKULAM ROAD, OPP CONVENT, THENI DIST, THENI ALLINAGARAM, TAMIL NADU</t>
  </si>
  <si>
    <t>PLOT NO 4, DAYLAB ROAD, MOHAN COLONY, BANSWARA, RAJASTHAN</t>
  </si>
  <si>
    <t>BAZAR NO 1, RAMGANJ MANDI, DIST KOTA, RAMGANJ MANDI, RAJASTHAN</t>
  </si>
  <si>
    <t>GROUND FLR , PRERNA COMPLEX, OPP GAYATRI TEMPLE, HIGHWAY, DEESA, GUJARAT</t>
  </si>
  <si>
    <t>VRUNDAVAN ARCADE, OPP G P O, STATION ROAD, PATAN, GUJARAT</t>
  </si>
  <si>
    <t>SHOWROOM NO 001, PLATINUM PLAZA, PART 4,  BODAKDEV II, AHMEDABAD, GUJARAT</t>
  </si>
  <si>
    <t>GURUKRUPA COMPLEX, NEAR STATE BANK OF INDIA, LIC ROAD., GODHRA, GUJARAT</t>
  </si>
  <si>
    <t>HDFC BANK LTD.,  MADANGANGA , GOVIND NAGAR ROAD,  DURGA MILL, COMPOUND,  NEAR YAADGAR CHOWK, DAHOD, GUJARAT</t>
  </si>
  <si>
    <t>HDFC BANK LTD., 1,  NARAYAN ENCLAVE,  RAJIV COLONY, MEERA MARKET, CHITTORGARH, RAJASTHAN</t>
  </si>
  <si>
    <t>NO 1 VENKATRAMAN ROAD, MAHALINGAPURAM, POLLACHI, POLLACHI, TAMIL NADU</t>
  </si>
  <si>
    <t>OPPOSITE REST HOUSE, RATNABANDHA ROAD, ., DHAMTARI, CHHATTISGARH</t>
  </si>
  <si>
    <t>179 SANTOSHPUR AVENUE, SANTOSHPUR, 24 PARAGANAS (S), KOLKATA, WEST BENGAL</t>
  </si>
  <si>
    <t>GROUND AND FIRST FLOOR CTS NO 495, PLOT NO 37 TO 41 MUTHA COLONY, NEAR CIVIL HOSPITAL SADAR BAZAR, SATARA, MAHARASHTRA</t>
  </si>
  <si>
    <t>NO KMS TOWER, THAZHEPALAM JUNCTION, TIRUR, TIRUR, KERALA</t>
  </si>
  <si>
    <t>MANSINGH COMPLEX, DIST JALGAON, C T S NO 3294, (H NO 4/285), OPP CSM COMPLEX,  JAMNER ROAD, BHUSAVAL, MAHARASHTRA</t>
  </si>
  <si>
    <t>SHRIMAN SANKULS SHOP NO 1 TO 4, SHOP NO 440/2,  NEAR S T STAND, MUMBAI-AGRA ROAD, DISTT-NASIK, PIMPALGAON, MAHARASHTRA</t>
  </si>
  <si>
    <t>SURVEY NO 244/3 4 5, RAJIV GANDHI INFOTECH PARK, NR TATA JOHNSON CONTROLS, PUNE, MAHARASHTRA</t>
  </si>
  <si>
    <t>27 NEW MGR,  MAIN ROAD, KANDANCHAVADI, PERUNGUDI, CHENNAI, TAMIL NADU</t>
  </si>
  <si>
    <t>7/42, BANK BAZAR, RAMAN,  DIST BHATINDA, RAMAN, PUNJAB</t>
  </si>
  <si>
    <t>HDFC Bank Ltd, Main Chowk Pehowa, Distt Kurukshetra, Haryana</t>
  </si>
  <si>
    <t>RATTAN TOWERS , WARD NO 5, SUGAR MILL ROAD, DISTT-RUPNAGAR, MORINDA, PUNJAB</t>
  </si>
  <si>
    <t>OLD COURT ROAD, NEAR POLICE STATION, BASSI PATHANA, BASSI PATHANA, PUNJAB</t>
  </si>
  <si>
    <t>HDFC BANK LTD, PLOT NO.66/1/2, CHANDIGARH-LUDHIANA ROAD, SAMRALA, PUNJAB</t>
  </si>
  <si>
    <t>HOTEL PARADISE, PROPERTY NO 1634/35/36, WARD NO 9,  NEW ROAD (NH-8), HAMIRPUR, HIMACHAL PRADESH</t>
  </si>
  <si>
    <t>HDFC BANK LTD, 24/52, BYPASS ROAD, DISTT-FATEHGARH SAHIB., AMLOH, PUNJAB</t>
  </si>
  <si>
    <t>15/86 TEHSIL CHOWK, KANGRA-DHARAMSHALA ROAD, OPP GOVT POLYTECHNIC, DIST KANGRA, KANGRA, HIMACHAL PRADESH</t>
  </si>
  <si>
    <t>KHASRA NO 451 AND 491/1, MUJA KASBA BAZAR, OPP MC BULDG, RAMPUR BUSHAHR, DISTT-SHIMLA, RAMPUR, HIMACHAL PRADESH</t>
  </si>
  <si>
    <t>KHASRA NO 586 AND KHATAUNI NO 463, MISHRI LAL MARKET, OPP BUS STAND, LUCKNOW-SULTANPUR ROAD, JAGDISHPUR, UTTAR PRADESH</t>
  </si>
  <si>
    <t>BUILDING NO 332, KATORA TAL PUNJABI COLONY, NEAR CHEEMA CHOWK, RAMNAGAR ROAD, KASHIPUR, UTTARAKHAND</t>
  </si>
  <si>
    <t>MOHALLA-CHAUDHRYAN, DELHI RD (NH-24), NAGAR PANCHAYAT JOYA, TEHSIL-AMROHA, DISTT-J P NAGAR, JOYA, UTTAR PRADESH</t>
  </si>
  <si>
    <t>BANK HOUSE, THE MAILL ROAD, NAINITAL,  UTTARAKHAND, NAINITAL, UTTARAKHAND</t>
  </si>
  <si>
    <t>B-2 AIE, OPP JYOTHI THEATRE, RAMACHANDRAPURAM,  MEDAK, RAMACHANDRAPURAM, TELANGANA</t>
  </si>
  <si>
    <t>PROPERTY NO 4053, 54, 55, KHARAR LANDRAN ROAD,  KHARAR, DISTT-SAS NAGAR, KHARAR, PUNJAB</t>
  </si>
  <si>
    <t>PLOT NO 1 S NO 209/1/E MANJIRA NGR, KALVAKUNTA, DIST - MEDAK, SANGAREDDY, TELANGANA</t>
  </si>
  <si>
    <t>SURAJ HOUSE,  SHOP NO 1 AND 2, GR FLOOR,  PATLIPADA, GHODBUNDER ROAD,  THANE, THANE, MAHARASHTRA</t>
  </si>
  <si>
    <t>Shop No . 1 &amp; 2 Ground Floor Sharda Square Nr Kachharam Statue Ulhasnagar , THANE, MAHARASHTRA</t>
  </si>
  <si>
    <t>SHOP NO 4 AND 5, PANVELKAR PRIDE, OPP SITAI SADAN, SAI SECTION, STATION ROAD, THANE, MAHARASHTRA</t>
  </si>
  <si>
    <t>GR FLR,  JADE MANSION, NEAR CRC FOOTBALL GROUND, CHINCHINIM ASSOLNA ROAD,  SALCETE, CHINCHINIM, GOA</t>
  </si>
  <si>
    <t>SHOP NO ASH 9 TO ASH 13, MOLYEKAR BHAVAN, OPP DEMPO RESIDENCE, SANTA CRUZ, GOA</t>
  </si>
  <si>
    <t>HDFC BANK LTD.,  SHOP NO 2, CHAYA RESIDENCY, CHADVADDO,  VARCA, SALCETE, GOA</t>
  </si>
  <si>
    <t>AMIDHARA,  GR FLOOR, PLOT NO R-16, SHREEBAUG, DIST-RAIGAD, ALIBAUG, MAHARASHTRA</t>
  </si>
  <si>
    <t>NO 404/1 (18), COLVA HOLIDAY HOME, OPP WILLIAM BEACH RESTORT, 4TH WARD,  COLVA SALCETE, SALCETE, GOA</t>
  </si>
  <si>
    <t>DELHI-ALWAR ROAD, OPPOSITE BUS STAND, SOHNA, DIST-GURGAON., SOHNA, HARYANA</t>
  </si>
  <si>
    <t>Door No VIII/620/4,Ground Floor ,Smitha Tourist Home Building, Chendamangalam Jn,North Paravur. Kerala</t>
  </si>
  <si>
    <t>KMC BUILDING CHERPU P O, CHERPU, ., THRISSUR, KERALA</t>
  </si>
  <si>
    <t>SUVIDHA RESIDENCY, UNIT NO 101, 102, SHOP NO 1, 2, AND 3, HISSA NO 5/1 TO, 5/6, PLOT NO 1, HINGRE KHURD, PUNE, MAHARASHTRA</t>
  </si>
  <si>
    <t>1ST FLOOR, RENUKA COMMERCIAL COMPLEX, NIRALA BAZAR, AURANGABAD, MAHARASHTRA</t>
  </si>
  <si>
    <t>HDFC BANK LTD, GROUND FLOOR, VARMA NIWAS BUILDING, SHASTRINAGAR, OPP KHOPOLI POLICE STATION, RAIGAD, KHOPOLI, MAHARASHTRA</t>
  </si>
  <si>
    <t>NO 6-1-2992/1 WARD NO 12, KUSUGI ROAD, NEAR APMC YARD, SINDHANUR, KARNATAKA</t>
  </si>
  <si>
    <t>GROUND FLOOR, CENTRAL FACILITY BUILDING,  APMC-I, PHASE-II,  MASALA MARKET,  VASHI, NAVI MUMBAI, MAHARASHTRA</t>
  </si>
  <si>
    <t>SAI CHAMBERS, SHOP NO. 8,  9,  10 AND 72, PLOT NO. 44,  CBD BELAPUR, NAVI MUMBAI, MAHARASHTRA</t>
  </si>
  <si>
    <t>RCP,  BUILDING 8C,  GROUND FLOOR, OPP GHANSOLI RAILWAY STATION, THANE BELAPUR ROAD, NAVI MUMBAI, MAHARASHTRA</t>
  </si>
  <si>
    <t>NO. 327-328,  KP HEIGHTS, 80 FEET ROAD,  HAL 2ND STAGE, INDIRA NAGAR, BANGALORE, KARNATAKA</t>
  </si>
  <si>
    <t>HDFC BANK LTD, NO.3, TIMES SQUARE, 14TH MAIN SECTOR-5, HSR LAYOUT, BANGALORE, KARNATAKA</t>
  </si>
  <si>
    <t>GROUND FLOOR,  UNIT NO 001A, HALLMARK BUSINESS PLAZA, NEAR COLLECTORS OFFICE,  BANDRA EAST, MUMBAI, MAHARASHTRA</t>
  </si>
  <si>
    <t>GR.FLOOR, MAYFLOWER CHS LTD, OPP.MUKUND STEEL, LBS MARG, KURLA W., MUMBAI, MAHARASHTRA</t>
  </si>
  <si>
    <t>TAIN SQUARE, SHOP NO.22, BUILDING-A, NEAR FATIMA NAGAR, PUNE, MAHARASHTRA</t>
  </si>
  <si>
    <t>HDFC BANK LTD.,  NETHAJI , SUBHASHCHANDRA BOSE COMMERCIAL, COMPLEX,  NEHRU ROAD,  SHIMOGA, SHIMOGA, KARNATAKA</t>
  </si>
  <si>
    <t>HDFC BANK LTD., 8,  LATTICE BRIDGE ROAD, THIRUVANMIYUR, CHENNAI, TAMIL NADU</t>
  </si>
  <si>
    <t>DAKSHINI COMPLEX, VILL.-DHANDIGHI, DIGHA BYPASS,  CONTAI, DIST-PURBA MIDNAPORE, KOLKATA, WEST BENGAL</t>
  </si>
  <si>
    <t>N.N ROAD,  DIST - COOCH BEHAR, COOCH BEHAR, ., COOCH BEHAR, WEST BENGAL</t>
  </si>
  <si>
    <t>NAQASH BUILDING, SARAF KADASI ROAD, MAHARAJ GUNJ SRINAGAR, SRINAGAR, JAMMU AND KASHMIR</t>
  </si>
  <si>
    <t>VISHAL MOTORS, SADABAD GATE, Agra-Aligarh Road, HATHRAS, UTTAR PRADESH</t>
  </si>
  <si>
    <t>LG Showroom, Eye Hospital Road, SITAPUR, SITAPUR, UTTAR PRADESH</t>
  </si>
  <si>
    <t>AGGARWAL BUILDING,  KHATIMA ROAD, U.S.NAGAR, ., SITARGANJ, UTTARAKHAND</t>
  </si>
  <si>
    <t>AJOULI MORH, NEAR FOOD JUNCTION, NAYA NANGAL, NAYA NANGAL, PUNJAB</t>
  </si>
  <si>
    <t>ADJOINING SHAMSHER AVENUE, FEROZEPUR ROAD, LUDHIANA, BAREWAL AWANA, PUNJAB</t>
  </si>
  <si>
    <t>273 EAST MOHAN NAGAR, OPPOSITE JAY CEE MOTORS, 100 FT ROAD, AMRITSAR, PUNJAB</t>
  </si>
  <si>
    <t>HDFC BANK LTD, NEAR CHAUHAN EYE HOSPITAL, UNA NANGAL ROAD., UNA, HIMACHAL PRADESH</t>
  </si>
  <si>
    <t>IRRIGATION COLONY, K.P.ROAD, ANANTNAG, SRINAGAR, ANANTNAG, JAMMU AND KASHMIR</t>
  </si>
  <si>
    <t>HDFC BANK LTD, 1ST FLOOR, RESHI BUILDING, IQBAL MARKET., SOPORE, JAMMU AND KASHMIR</t>
  </si>
  <si>
    <t>MOHINI HOSPITAL, PRIYADARSHINI NAGAR, BAREILLY, BAREILLY, UTTAR PRADESH</t>
  </si>
  <si>
    <t>4/58, ZERO ROAD(Shiv CharanLal Road), CHOWK, ALLAHABAD, ALLAHABAD, UTTAR PRADESH</t>
  </si>
  <si>
    <t>4099,  Darshan Enclave, Civil Lines, FAIZABAD, FAIZABAD, UTTAR PRADESH</t>
  </si>
  <si>
    <t>CIVIL LINES,  MAIN ROAD, NEAR PETROL PUMP, BIJNOR, BIJNOR, UTTAR PRADESH</t>
  </si>
  <si>
    <t>6-8-98, 99, 100, K N R MANSION, GANESH BASTI, KOTHAGUDEM, KOTHAGUDEM, TELANGANA</t>
  </si>
  <si>
    <t>HDFC BANK LTD., 1180,  DIGIHA, GONDA ROAD, BEHRAICH, UTTAR PRADESH</t>
  </si>
  <si>
    <t>HDFC BANK LTD., OLANG GANJ NAGAR J.C, CHAWRAHA, JAUNPUR, UTTAR PRADESH</t>
  </si>
  <si>
    <t>HDFC BANK LTD,  548/1, MOHALLA DWARIKAPURI, AGRA ROAD,  ETAH, ETAH, UTTAR PRADESH</t>
  </si>
  <si>
    <t>HDFC BANK LTD., 139 KA, TOWN HALL ROAD, SHAHJAHANPUR, UTTAR PRADESH</t>
  </si>
  <si>
    <t>HDFC BANK LTD., C-2/50,  KAMLA NAGAR, AGRA, AGRA, UTTAR PRADESH</t>
  </si>
  <si>
    <t>HDFC BANK LTD, NEAR OBC,INDRI CHOWK, SAHARANPUR ROAD ,LADWA-136132,DISTT KURUKSHETRA</t>
  </si>
  <si>
    <t>PLOT NO.1,  RAJESH NAGAR COLONY, AMBALA ROAD, YAMUNANAGAR, JAGADHARI, HARYANA</t>
  </si>
  <si>
    <t>PLOTNO.28, PHASE 1, INDUSTRIAL AREA,  CHANDIGARH, CHANDIGARH, CHANDIGARH</t>
  </si>
  <si>
    <t>GROUND FLOOR &amp; FIRST FLOOR, NO.3284, K.R.ROAD,  BANASHANKARI 2ND STAGE, NEAR UPHAAR SAGAR, BANGALORE, KARNATAKA</t>
  </si>
  <si>
    <t>HDFC BANK LTD., NO. 85/65,  SANNATHI STREET, TIRUVANNAMALAI, TIRUVANNAMALAI, TAMIL NADU</t>
  </si>
  <si>
    <t>HDFC BANK LTD, NO.7, PURNIMA,  GROUND FLOOR, M.K.PUTTALINGAIAH ROAD, 2ND STAGE, BANGALORE, KARNATAKA</t>
  </si>
  <si>
    <t>HDFC BANK LTD. SURKAN ARCADE, BHUJBAL FARM ROAD, PLOT NO.ME-1, CIDCO,  INDIRA NAGAR, NASHIK, MAHARASHTRA</t>
  </si>
  <si>
    <t>No.29, 30 &amp; 31,  NELLUKARAN STREET, 1ST FLOOR, ANNAI INDIRA GANDHI SALAI, KANCHIPURAM, TAMIL NADU</t>
  </si>
  <si>
    <t>NEW NO-104,  OLD NO-284, PAPER MILLS ROAD, PERAMBUR, NEXT TO SINGAPORE PLAZA, CHENNAI, TAMIL NADU</t>
  </si>
  <si>
    <t>HDFC BANK LTD, 171,  POONAMALLEE HIGH ROAD, MANAVALAN NAGAR, THIRUVALUR, TAMIL NADU</t>
  </si>
  <si>
    <t>SHOP NO.2 &amp; 3, FLORENCE BUILDING, VIMAN NAGAR, OFF PUNE NAGAR HIGHWAY, PUNE, MAHARASHTRA</t>
  </si>
  <si>
    <t>NS ROAD,  NETAJI CHOWMUHANI,  P.S., P.S.WEST AGARTALA, DIST.WEST TRIPURA, AGARTALA, TRIPURA</t>
  </si>
  <si>
    <t>NO 71,  1ST CROSS,  BTM LAYOUT, 2ND STAGE,  NEXT TO KARANTH HOSPITAL, BANGALORE, BANGALORE, KARNATAKA</t>
  </si>
  <si>
    <t>5,  COMMUNITY CENTER, GARG PLAZA, SECTOR 8,  ROHINI, NEW DELHI, DELHI</t>
  </si>
  <si>
    <t>HDFC BANK LTD, MALVA SHAHNAI COMPLEX, 1 TILAK NAGAR,  AB ROAD, DEWAS, MADHYA PRADESH</t>
  </si>
  <si>
    <t>GROUND FLOOR,  THE GRAND MALL, OPP. SBI ZONAL OFFICE, S M ROAD,  AMBAWADI, AHMEDABAD, GUJARAT</t>
  </si>
  <si>
    <t>HDFC BANK LTD, FP153/B5,  ARVIND INDUSTRIAL ESTATE, MEMCO ROAD,  BAPUNAGAR, AHMEDABAD, GUJARAT</t>
  </si>
  <si>
    <t>SHIVALIK ARCADE, 100 FT.ROAD, PRAHLADNAGAR, AHMEDABAD, GUJARAT</t>
  </si>
  <si>
    <t>SITE.NO.904, B H ROAD, G V COMPLEX,  SUBHASH NAGAR, NEXT TO JOSCO COLLEGE,  NELAMANGALA, NELAMANGALA, KARNATAKA</t>
  </si>
  <si>
    <t>32 ARHAT BAZAR, DEHRADUN, DEHRADUN, DEHRADUN, UTTARAKHAND</t>
  </si>
  <si>
    <t>GROUND FLOOR, NAVJIVAN BAZAR, NAVJIVAN MILL COMPOUND, KALOL, GUJARAT</t>
  </si>
  <si>
    <t>FIROZ CHAMBERS,  12/973, 974, KHAND BAZAAR, LALGATE, SURAT, GUJARAT</t>
  </si>
  <si>
    <t>SHOP NO.1, ZANDA CHOWK, FIRST FLOOR, SAFFRON COMPLEX, KOSAMBA, KOSAMBA, GUJARAT</t>
  </si>
  <si>
    <t>HDFC BANK LTD, S.NO.56/1,  KAWADE NAGAR, NEW SANGAVI, PUNE, MAHARASHTRA</t>
  </si>
  <si>
    <t>GROUND FLOOR,  ANMOL COMPLEX, NR. ELECTRICITY HOUSE,  RELIEF ROAD, AHMEDABAD, AHMEDABAD, GUJARAT</t>
  </si>
  <si>
    <t>Ground Floor, Shop No. 1,2 &amp; 3, Opp Reliance Industries Main Gate, Moti Khvadi, Jamnagar, Gujarat</t>
  </si>
  <si>
    <t>GROUND FLOOR,  RIDDHI COMPLEX, OPP. KRIBHKO TOWNSHIP, HAZIRA, SURAT, GUJARAT</t>
  </si>
  <si>
    <t>9934, NEW ROHTAK ROAD, SARAI ROHILLA,  ANAND PARBAT, KAROL BAGH,  NEW DELHI, NEW DELHI, DELHI</t>
  </si>
  <si>
    <t>2, 3 HAPPY COLONY, VILLA COLONY, INDORE ROAD, DHAR, MADHYA PRADESH</t>
  </si>
  <si>
    <t>HDFC Bank Ltd. , Martand Tower, Mahal Colony, A.B.Road, SHIVPURI, MADHYA PRADESH</t>
  </si>
  <si>
    <t>HDFC BANK LTD. 82/3,  , UNIVERSITY ROAD, TEEN BATTI CHOURAHA,  UJJAIN, UJJAIN, MADHYA PRADESH</t>
  </si>
  <si>
    <t>HDFC BANK LTD, OPPOSITE BUS STAND, HARDA, HARDA, MADHYA PRADESH</t>
  </si>
  <si>
    <t>PARASIA ROAD, OPP.ASARAM BAPU MAHILA ASHRAM, ., CHHINDWARA, MADHYA PRADESH</t>
  </si>
  <si>
    <t>C/O VEHICLE HOUSE, A.B. ROAD, NEAR BADAPUL, GUNA, MADHYA PRADESH</t>
  </si>
  <si>
    <t>HDFC BANK LTD, 49,  PADWA, DOODH TALAI, KHANDWA, MADHYA PRADESH</t>
  </si>
  <si>
    <t>PLOT NO 29 &amp; 33/12,  JAWAHAR WARD, BABU CHOWK GANJ,  BETUL, ., BETUL, MADHYA PRADESH</t>
  </si>
  <si>
    <t>HDFC BANK LTD., TANDON COMPLEX, TANDON BAGICHA, BALAKOT ROAD, DAMOH., DAMOH, MADHYA PRADESH</t>
  </si>
  <si>
    <t>GROUND FLOOR,  M/S S.R TOWERS, WARD NO-24, RIC DURG,  MAUZA DURG, RAJENDRA PARK CHOWK,  STATION ROAD, DURG, CHHATTISGARH</t>
  </si>
  <si>
    <t>HDFC BANK LTD, KRISHNA MILLENIUM, PLOT NO - 23/06, 23/07, GANDHI MANDIR, WARD NO 08,  STATION ROAD, BHATAPARA, CHHATTISGARH</t>
  </si>
  <si>
    <t>HDFC BANK LTD. AMBIKAWANI COMPLEX, OPPOSITE POLYTECHNIC COLLEGE, NAMNAKALA RING ROAD,  P.S. AMBIKAPUR, AMBIKAPUR, CHHATTISGARH</t>
  </si>
  <si>
    <t>HDFC BANK LTD, PLOT NO 646/1, TRANASPORT NAGAR ROAD, KORBA, CHHATTISGARH</t>
  </si>
  <si>
    <t>GROUND FLOOR,  JAI SHANKAR NIWAS, WARD NO. 13,  NEAR RAILWAY STATION, CIVIL LINES, RAJNANDGAON, CHHATTISGARH</t>
  </si>
  <si>
    <t>HDFC BANK LTD, C/5,  RADHA VALLABH MARKET, KHARGONE, KHARGONE, MADHYA PRADESH</t>
  </si>
  <si>
    <t>HDFC BANK LTD, MAMRAM TOWER,  PLOT NO 1 &amp; 2.BLOCK C, LSC MAYUR VIHAR-III, KONDLI, GHAROLI, NEW DELHI, DELHI</t>
  </si>
  <si>
    <t>PLOT NO2, LOCAL SHOPPING COMPLEX, NEAR MAX BALAJI HOSPITAL, I P EXTENSION,  PATPARGANJ, NEW DELHI, DELHI</t>
  </si>
  <si>
    <t>HDFC BANK LTD, GROUND FLOOR,  SHOP NO. 30 &amp; 31, DLF TOWER - A,  JASOLA VIHAR, NEW DELHI, DELHI</t>
  </si>
  <si>
    <t>HDFC BANK LTD,  A-30,  BLOCK-A, SECTOR-23,  DWARKA, NEW DELHI, DELHI, DELHI</t>
  </si>
  <si>
    <t>PLOT NO.1&amp;2,  V4 MAYUR PLAZA,  LSC, MAYUR VIHAR PH-1, NEAR JEEVAN ANMOL HOSPITAL, NEW DELHI, DELHI</t>
  </si>
  <si>
    <t>HDFC BANK LTD, MOTOR STAND,  DELHI GARH ROAD,  NH-24, PHILKUWA, GHAZIABAD, UTTAR PRADESH</t>
  </si>
  <si>
    <t>HDFC BANK LTD., PLOT NO 114,  G.T.ROAD, DIST-GAUTAM BUDH NAGAR, DADRI, UTTAR PRADESH</t>
  </si>
  <si>
    <t>HDFC BANK LTD, GALI NO 3, ARYA NAGAR, KOSIKALAN, UTTAR PRADESH</t>
  </si>
  <si>
    <t>HDFC BANK LTD, DLF CYBER CITY DEVELOPERS LTD, BLDG NO 10,  UPPER GR FLOOR TOWER A, GURGAON, HARYANA</t>
  </si>
  <si>
    <t>HDFC BANK LTD, PLOT NO-1,  BLOCK A-2, COMMERCIAL COMPLEX,  SECTOR 110, NOIDA, UTTAR PRADESH</t>
  </si>
  <si>
    <t>HDFC BANK LTD., 5185-86,  NAYA BAZAR, LAHORI GATE , KHARI BAOLI, NEW DELHI, DELHI</t>
  </si>
  <si>
    <t>HDFC BANK LTD, C-34/4, LAWRENCE ROAD, INDUSTRIAL AREA, NEW DELHI, NEW DELHI, DELHI</t>
  </si>
  <si>
    <t>B-6 VISHAL ENCLAVE, NEAR RAJA GARDEN, NEW DELHI, NEW DELHI, DELHI</t>
  </si>
  <si>
    <t>HDFC BANK LTD, B-105,  CHITRANJAN PARK, ., NEW DELHI, DELHI</t>
  </si>
  <si>
    <t>1ST FL,  AGGARWAL MILLENNIUM TOWWR 2, PLOT NO.E4, NETAJI SUBHASH PLACE,  PITAMPURA, NEW DELHI, DELHI</t>
  </si>
  <si>
    <t>HDFC BANK, RAJKOTIA ROAD, NEAR SBI,  JHAJJAR, JHAJJAR, HARYANA</t>
  </si>
  <si>
    <t>GROUND FLOOR &amp; FIRST FLOOR, BHERUNATH PLAZA,  GOHARBAUG, CHIKHLI ROAD, BILLIMORA - SURAT, GUJARAT</t>
  </si>
  <si>
    <t>SKYLARK APARTMENTS, NEAR BICHOLIM MUNICIPAL BUILDING, AUCHITWADA, BICHOLIM, GOA</t>
  </si>
  <si>
    <t>RAMAN RATI, OPP. BALAJI ASHRAM, VARINDAVAN, VARINDAVAN, UTTAR PRADESH</t>
  </si>
  <si>
    <t xml:space="preserve">HDFC BANK LTD Ground Floor Ahmedpur Karrch Pargana,Near Max Shopping Mall ,Uttarakhand  </t>
  </si>
  <si>
    <t>1170,  KHAIRBAD, ALLAHABAD ROAD, ., SULTANPUR, UTTAR PRADESH</t>
  </si>
  <si>
    <t>KACCHWAHA COMPLEX,  29 M CHAK, AHMEDPUR NAZOOL,  SATYA NAGAR, RAE BAREILLY, RAE BAREILLY, UTTAR PRADESH</t>
  </si>
  <si>
    <t>HDFC BANK LTD., VIMAL TOWER, AGRA ROAD, FIROZABAD, UTTAR PRADESH</t>
  </si>
  <si>
    <t>438/21,  KOTWALI ROAD, ., ., DEORIA, UTTAR PRADESH</t>
  </si>
  <si>
    <t>GAUTAM COMPLEX, STATION ROAD, DIST-BHAVNAGAR, BOTAD, GUJARAT</t>
  </si>
  <si>
    <t>BABABOONIA CHALK,  RAJENDRA PATH, CHAPRA SIWAN ROAD, SIWAN, SIWAN, BIHAR</t>
  </si>
  <si>
    <t>ANDUL GOLAP BAGAN, P.O. ANDUL MOURI, P.S.SANKRAIL,  DIST - HOWRAH, ANDUL, WEST BENGAL</t>
  </si>
  <si>
    <t>JEYPORE MAIN ROAD, NEAR NH INSPECTION BUNGALOW, KORAPUT, JEYPORE, ODISHA</t>
  </si>
  <si>
    <t>HDFC BANK LTD, GROUND FLOOR,  OPP LAXMIJI MANDIR, RANCHODAJI COLLEGE CHOWKDI ROAD, PETLAD, GUJARAT</t>
  </si>
  <si>
    <t>1ST FLOOR, KOMAL ASSOCIATES, CM 1/2,  SHOP NO.A106 TO A114, UMBERGAON MAIN ROAD, UMBERGAON, GUJARAT</t>
  </si>
  <si>
    <t>HDFC BANK LTD, GROUND FLOOR,  HIMGIRI ENCLAVE, HALOL GODHRA ROAD,  HALOL , HALOL, GUJARAT</t>
  </si>
  <si>
    <t>FIRST &amp; SECOND FLOOR, 12-12 NAVRANG INDUSTRIAL SOCIETY, SOSYO CIRCLE, UDHNA MAGDALLA ROAD, SURAT, GUJARAT</t>
  </si>
  <si>
    <t>FIRST FLOOR, JAI AMBE COMPLEX, OPP.BAVLA NAGAR PALIKA OFFICE, BAVLA, GUJARAT</t>
  </si>
  <si>
    <t>NOOTAN NAGAR, KUBER BUAG, DIST-BHAVNAGAR, MAHUVA, GUJARAT</t>
  </si>
  <si>
    <t>SHOP NO.9A/14-A/15-B/14-B/17, GALAXY AVENUE, NR.GALAXY CINEMA, NARODA DIST-AHMEDABAD, AHMEDABAD, GUJARAT</t>
  </si>
  <si>
    <t>VRAJ DARSHAN APPARTMENTS, SHOP NO. U 23-24-25-26, VAPI-SILVASSA ROAD, DADRA, DADRA NAGAR HAVELI</t>
  </si>
  <si>
    <t>GROUND FLOOR, SHREEJI ARCADE, NEAR T.B.HOSPITAL, VISNAGAR ROAD, VIJAPUR, GUJARAT</t>
  </si>
  <si>
    <t>SURVEY NO 1021 AND 1109, NEAR POST OFFICE, PRATAP ROAD,  MARKET CHOWK, WANKANER, GUJARAT</t>
  </si>
  <si>
    <t>Ground Floor &amp; First Floor, Plot /no.34, Parijat Co-Op Housing Society, S. No. 687/2/B, 689/B/2, Bibvewadi, Pune-411037, Maharashtra.</t>
  </si>
  <si>
    <t>HDFC Bank Ltd, C M tower , Behind Modi Petrol pump, Gurunanak Gate, Gondia, Maharashtra</t>
  </si>
  <si>
    <t>HDFCBANK LTD, DHRUV MART, NEAR SBI MAIN BRANCH, KHAMGAON, MAHARASHTRA</t>
  </si>
  <si>
    <t>HDFC BANK LTD., NIRMAL BAKERY SQUARE, OPP. BANK OF MAHARASHTRA, WARDHA, MAHARASHTRA</t>
  </si>
  <si>
    <t>HDFCBANK LTD., SHRADDHA TOWERS, 1185, SANGAMNER ROAD, SHRIRAMPUR DIST., SHRIRAMPUR, MAHARASHTRA</t>
  </si>
  <si>
    <t>GROUND FLOOR FILIX BUILDING, OPP. ASIAN PAINTS,   NR VIJAY SALES, LBS MARG  BHANDUP WEST MUMBAI, MUMBAI, MAHARASHTRA</t>
  </si>
  <si>
    <t>PLOT NO.79,  GROUND AND FIRST FLOOR, DIAMOND PARK,  VINAYAK NAGAR, GACHIBOWLI, HYDERABAD, TELANGANA</t>
  </si>
  <si>
    <t>Ground Floor, Plot No: 4/A &amp; 4/B, Sy Nos: 984/A, 985/A,988/A, Beeramguda Colony, Ameenpur Mandal, Dist. Sangareddy,  Telangana</t>
  </si>
  <si>
    <t>SHREE KRISHNA COMPLEX, OLD MODEL CINEMA, GANDHI ROAD, AHMEDABAD, GUJARAT</t>
  </si>
  <si>
    <t>HDFC Bank Ltd, GF, Shop No 17 to 21 Matrix Plaza,Hathijan Jasoda Nagar Road,Vatva, AHMEDABAD, GUJARAT</t>
  </si>
  <si>
    <t>HDFC BANK Ltd., SS ARCADE, Plot No.45,Municipal No. No 8-10-349, Opp Bus Depot Gate 2, Devi Colony,Bidar , KRNATAKA</t>
  </si>
  <si>
    <t>SR COMPLEX,  NEAR RTC BUSSTAND, SHIRDI SAI NAGAR, GUDUR NELLORE DIST, GUDUR, ANDHRA PRADESH</t>
  </si>
  <si>
    <t>SRI LAKSHMI KRISHNA COMPLEX, D.NO.621/211A, 619/212, KAMARAJANAR ROAD, ATTUR, TAMIL NADU</t>
  </si>
  <si>
    <t>HDFC BANK LTD., H 1 A / 12 SECTOR 63, SECTOR 63,  GAUTAM BUDH NAGAR, NOIDA, UTTAR PRADESH</t>
  </si>
  <si>
    <t>Puthanathani Branch, Tirur Puthanathani Road, Puthanathani, Malappuram District .  Kerala</t>
  </si>
  <si>
    <t>HDFC Bank Ltd., Ground Floor, Sy No.: 79/4, Opp. to Cloud Nine, Outer Ring Road, Bellandur, Varthur Hubli, Bangalore, Karnataka - 560103</t>
  </si>
  <si>
    <t>SOUTH SUBHASH PALLY, OPP.MILAN SANGHA PLAYGROUND, DANKUNI,  HOOGHLY, DANKUNI, WEST BENGAL</t>
  </si>
  <si>
    <t>HDFC BANK LTD, NAKSHATRA APARTMENT,  G T ROAD, WARD NO 1,  CHANDANNAGAR,  HOOGHLY, CHANDANNAGAR, WEST BENGAL</t>
  </si>
  <si>
    <t>5-6-570/6, HYDERBAD ROAD, NIZAMABAD DIST., NIZAMABAD, TELANGANA</t>
  </si>
  <si>
    <t>HDFC Bank Ltd., No.406, 8th Main, Vaddarapalya, Banashankari 5th Stage, Bangalore.</t>
  </si>
  <si>
    <t>HDFC Bank Ltd., Ground Floor, No.31/2, Katha No 248, 181/1, Balagere Road, Varthur, Hubli, Karnataka - 560087</t>
  </si>
  <si>
    <t>GANESH PLAZA, MAHAPRAGYA VIHAR, 100 FEET ROAD, RAJASMAND, RAJASMAND, RAJASTHAN</t>
  </si>
  <si>
    <t>HDFC BANK LTD, KESHAV COMPLEX, PLOT NO -15, NIMBERA HOUSE, MANDORE ROAD, POATA, JODHPUR, RAJASTHAN</t>
  </si>
  <si>
    <t>HDFC BANK LTD, ICG CAMPUS, GURUKUL MARG, SFS,  MANSAROVAR, JAIPUR, RAJASTHAN</t>
  </si>
  <si>
    <t>HDFC BANK LTD, SHREE RADHEY, OPPOSITE PRABHAT LAWN, AGRA ROAD, DAUSA, RAJASTHAN</t>
  </si>
  <si>
    <t>6/25 GULAB BHAWAN, KAPTAN BABU KI KOTHI, SETH PRATAP SINGH MARG, DHOLPUR, RAJASTHAN</t>
  </si>
  <si>
    <t>HDFC Bank Ltd, Ground Floor, Shop No. 1 &amp; 1A, Shraddha Heights , Next to BBC , Eksar Road,   Borivali (W) Mumbai - 400092, Maharashtra.</t>
  </si>
  <si>
    <t>HDFC BANK, Sai Miracle, Plot No. 16, 17/19, Sector 35E, Kharghar, Navi Mumbai,</t>
  </si>
  <si>
    <t>SHOP NO.1-8,  GRD FLOOR, MADHU MANGAL, NEXT TO CHINTAMANI GANESH MANDIR, OPP.VIRAR RAILWAY STATION,  VIRAR(E), MUMBAI, MAHARASHTRA</t>
  </si>
  <si>
    <t>2-414, N.K. ROAD, KURNOOL DIST, NANDYAL, ANDHRA PRADESH</t>
  </si>
  <si>
    <t>FIRST FLOOR,  BOB PLAZA, NEAR PLAMOODU BRIDGE, PLAMOODU,  PATTOM, TRIVANDRUM, KERALA</t>
  </si>
  <si>
    <t>SUMIT ENCLAVE GROUND FLOOR PLOT NO, 564 TPS 3 20FT FLYOVER  ROAD, JUNCTION OF LINK ROAD &amp; SV ROAD, MUMBAI, MAHARASHTRA</t>
  </si>
  <si>
    <t>DHEERAJ KAWAL,  GROUND FLOOR, LBS MARG, VIKHROLI WEST, MUMBAI, MAHARASHTRA</t>
  </si>
  <si>
    <t>HDFC BANK,  H -6, MODEL TOWN, DELHI, DELHI, DELHI</t>
  </si>
  <si>
    <t>HDFC BANK, R-2, INDERPURI, NEW DELHI, DELHI</t>
  </si>
  <si>
    <t>HDFC BANK LTD, OPP SECTOR 10 A, KHANDSA ROAD, GURGAON, HARYANA</t>
  </si>
  <si>
    <t>HDFC BANK, H-37, BALI NAGAR, NEW DELHI, DELHI</t>
  </si>
  <si>
    <t>KAILASSH, 50/2599-SOUTH MAIN STREET, TAMILNADU, THANJAVUR, TAMIL NADU</t>
  </si>
  <si>
    <t>TS NO 9954 / 3A1, MARTHANDAPURAM 3RD STREET, ALANGUDI MAIN ROAD, PUDUKOTTAI, TAMIL NADU</t>
  </si>
  <si>
    <t>NO 41 B, SALEM MAIN ROAD, BHARATHI PURAM, DHARMAPURI, TAMIL NADU</t>
  </si>
  <si>
    <t>SHOP NO G-11, 108, 109, 110, 111, VASUDEV ARCADE, NEAR RUPALI CANAL,  BHATAR, SURAT, GUJARAT</t>
  </si>
  <si>
    <t>GROUND FLOOR &amp; FIRST FLOOR, AALISHAN APPT.NEAR MAHAVIR BHAGVAN, CITYLIGHT, SURAT, GUJARAT</t>
  </si>
  <si>
    <t>HDFC BANK LTD., BHARUKA BHAVAN, OPP.YASHWANT STADIUM,  DHANTOLI, NAGPUR, MAHARASHTRA</t>
  </si>
  <si>
    <t>6-1-57,  FIRST FLOOR, SHREYA,  NEAR KRISHNA PARK, PALAKONDA ROAD, SRIKAKULAM, ANDHRA PRADESH</t>
  </si>
  <si>
    <t>KRISHNA ARCADE,  GANDHI ROAD, OPP.SUNDARACHARLU CLUB, PRODDATTUR, PRODDATTUR, ANDHRA PRADESH</t>
  </si>
  <si>
    <t>D.NO.1-4-128 &amp; 129, KALDI COMPLEX, 1ST FLOOR, OPP.NEW TOWN HIGH SCHOOL, MAHABUBNAGAR, TELANGANA</t>
  </si>
  <si>
    <t>JARDINE HOUSE, 4,  CLIVE ROW, KOLKATA, KOLKATA, WEST BENGAL</t>
  </si>
  <si>
    <t>HDFC BANK LTD, 1ST AND 2ND FLOOR - BARARA TOWERS, DOCTORS LANE, NANDED, MAHARASHTRA</t>
  </si>
  <si>
    <t>HDFC BANK LTD., POKARNA TOWERS, MAHADEV MANDIR ROAD, OPP.POSTAL GROUND, YAVATMAL, MAHARASHTRA</t>
  </si>
  <si>
    <t>PLOT NO.23, HAREVIBAI CO-OP.HSG SOC., UNNATI BUILDING,  CAVES ROAD, NEAR JAIN TEMPLE,  JOGESHWARI(EAST), MUMBAI, MAHARASHTRA</t>
  </si>
  <si>
    <t>OLIVIA COMPLEX, VILLAGE NAIGOAN, TALUKA VASAI, NAIGOAN WEST, THANE, MAHARASHTRA</t>
  </si>
  <si>
    <t>SHOP NO 1,  2 and 3, ANAJANADRI TOWERS, JP NAGAR MIYAPUR, SERILINGAMPALLI, HYDERABAD, TELANGANA</t>
  </si>
  <si>
    <t>1-212 SAPTAGIRI, BHAVANI NAGAR, MALKAJGIRI, HYDERABAD, TELANGANA</t>
  </si>
  <si>
    <t>DOOR NO 31-1-67, A R N COMPLEX,  KURNOOL ROAD, ONGOLE, ONGOLE, ANDHRA PRADESH</t>
  </si>
  <si>
    <t>SHOP NO.127,  KRISHNAKUNJ, SALASAR BRIDGE,  BHOOMI FLYOVER ROAD, BHAYANDER WEST - THANE, THANE, MAHARASHTRA</t>
  </si>
  <si>
    <t>GROUND FLOOR, SNS AXIS BUILDING, OPPOSITE JEEVAN BHARTI SCHOOL, NEAR MAHAVIR HOSPITAL, NANPURA, SURAT, SURAT, GUJARAT</t>
  </si>
  <si>
    <t>108/D,  RAMNIVAS, LAJPATRAI ROAD, VILE PARLE WEST, MUMBAI, MAHARASHTRA</t>
  </si>
  <si>
    <t>HDFC BANK LTD, GIRIRAJ CO-OP HSG, SHOP NO 10/11/12 , SECTOR 48, SEAWOODS, NAVI MUMBAI., NAVI MUMBAI, MAHARASHTRA</t>
  </si>
  <si>
    <t>SHOP NO. 1,  2 AND 3, PLATINUM SHREE CHINTAMANI CHS, SECTOR 14,  PLOT NO. 18,  SANPADA, NAVI MUMBAI, MAHARASHTRA</t>
  </si>
  <si>
    <t>ANGRUTI, PLOT NO.14, SECTOR-24, SION PANVEL ROAD, TURBHE - VASHI, NAVI MUMBAI, MAHARASHTRA</t>
  </si>
  <si>
    <t>3-4-174/6/A, HYDERGUDA, ATTAPUR,  RAJENDRA NAGAR, HYDERABAD, TELANGANA</t>
  </si>
  <si>
    <t>14-8-14, OPP.SATYANARAYANA THEATRE, MAIN ROAD,  VISAKHAPATNAM, ANAKAPALLI, ANDHRA PRADESH</t>
  </si>
  <si>
    <t>H, NO 7-9, JP ROAD, CHINNAMIRAM, BHIMAVARAM WEST GODAVARI DIST, CHINNAMIRAM, ANDHRA PRADESH</t>
  </si>
  <si>
    <t>VIDYA TOWERS, OPP ANJALI TALKIES, ARUNDELPET, NARSARAOPETA, ANDHRA PRADESH</t>
  </si>
  <si>
    <t>SHOP NO.9-15, SAI SHREE ARCADE II, OPP.GOPURAM, PUTTAPARTHI,  ANANTHAPUR DT., PUTTAPARTHI, ANDHRA PRADESH</t>
  </si>
  <si>
    <t>SITE NO.43, G BLOCK, 60 FEET MAIN ROAD SAHAKARNAGAR, BANGALORE, KARNATAKA</t>
  </si>
  <si>
    <t>SITE NO.2559/2146/1888/1468, K R Road, MELINAPETE, HOSKOTE, KARNATAKA</t>
  </si>
  <si>
    <t>SAI SADAN BUILDING, NO.369 KAMARAJ NAGAR MAIN ROAD, AVADI, CHENNAI, TAMIL NADU</t>
  </si>
  <si>
    <t>SITE NO.188,  4TH STAGE, HALAGEVADARAHALLI LAYOUT, RAJARAJESHWARI NAGAR, BANGALORE, KARNATAKA</t>
  </si>
  <si>
    <t>No. 3891/2922, Ward No1, J J Complex, Boodikere Road, Kanakapura, Ramanagar Dist.  Karnataka</t>
  </si>
  <si>
    <t xml:space="preserve">	Plot No 4 &amp; 5, Pawar Estate, Ganesh Nagar, Chinthal Road, Qutubullapur Mandal, Hyderabad, Telangana</t>
  </si>
  <si>
    <t>2-3-34/8 R DEVILAL COMPLEX, MAIN ROAD, UPPAL KALAN, HYDERABAD, TELANGANA</t>
  </si>
  <si>
    <t>C 171 MIG, PHASE II,  VANASTHALIPURAM, L B NAGAR, HYDERABAD, TELANGANA</t>
  </si>
  <si>
    <t>HDFC BANK LTD, GROUND FLOOR,  SUVARNA ARCADE, BM ROAD HASSAN, HASSAN, KARNATAKA</t>
  </si>
  <si>
    <t>SITE NO.P-4, KSSIDC INDUSTRIAL AREA, MAHADEVAPURA, BANGALORE, KARNATAKA</t>
  </si>
  <si>
    <t>B C CIRCLE, KUNCHANAKUPPE GATE, BIDADI, BIDADI, KARNATAKA</t>
  </si>
  <si>
    <t>HDFC BANK,  NO.86,  , R C SQUARE,  HMT MAIN ROAD,  , NEXT TO BATA SHOWROOM,  MATHIKERE, BANGALORE, KARNATAKA</t>
  </si>
  <si>
    <t>PRABHAVA,  SITE NO.42 &amp; 44, S D COMPLEX, GARVEBHAVIPALLYA, HOSUR MAIN ROAD,  BOMMANAHALLY, BANGALORE, KARNATAKA</t>
  </si>
  <si>
    <t>SITE NO.71/2, MIRZA ROAD, TMC LIMITS CHANDRAPUR ROAD, ANEKAL, KARNATAKA</t>
  </si>
  <si>
    <t>HDFC BANK LTD,  374/1,  , DOUBLE ROAD,  NRI LAYOUT, KALKERE,  BANGALORE, BANGALORE, KARNATAKA</t>
  </si>
  <si>
    <t>HDFC BANK LTD, NO. 88,  GROUND FLOOR, EAST CAR STREET,  CHIDAMBARAM, CHIDAMBARAM, TAMIL NADU</t>
  </si>
  <si>
    <t>NO 5 MIG, P T RAJAN SALAI, K K NAGAR, CHENNAI, TAMIL NADU</t>
  </si>
  <si>
    <t>HDFC BANK LTD., NEAR P.H.AUTOMOBILES, OPP.POLICE HEADQUARTERS,  MULL ROAD, CHANDRAPUR, MAHARASHTRA</t>
  </si>
  <si>
    <t>HDFC BANK LTD, TREETH STHAN,  HOTEL VINOD, STATION ROAD, BEAWAR, RAJASTHAN</t>
  </si>
  <si>
    <t>HDFC BANK LTD, JASORIYA APARTMENTS, NEAR NEW MANDI, KUMHER GATE, EXHIBITION ROAD, BHARATPUR, RAJASTHAN</t>
  </si>
  <si>
    <t>HDFC BANK LTD, KUKSHI BARWANI ROAD, SUSARI, SUSARI, MADHYA PRADESH</t>
  </si>
  <si>
    <t>HDFC BANK LTD, PATLAWDA BHAWAN,  AMBIKA BAZAR, M.G.ROAD, SHUJALPUR, MADHYA PRADESH</t>
  </si>
  <si>
    <t>PLOT NO 44,  PREM PLAZA, AMALTAS COLONY PHASE I, CHUNNA BHATI KOLAR ROAD, BHOPAL, MADHYA PRADESH</t>
  </si>
  <si>
    <t>HDFC BANK LTD, SHILPI PLAZA, PILI KOTHI ROAD, REWA, MADHYA PRADESH</t>
  </si>
  <si>
    <t>189/2A,  VALLI VILAS COMMERCIAL, COMPLEX,  NEAR ADYAR ANANDA BHAVAN, BHARATHI ROAD, CUDDALLORE, TAMIL NADU</t>
  </si>
  <si>
    <t>HDFC BANK LTD. NO.56, DOSS SON BUILDING,  EAST OF TOWER, TOWER JUNCTION,  NAGERCOIL, NAGERCOIL, TAMIL NADU</t>
  </si>
  <si>
    <t>HDFC BANK LTD., SAMAD MARKET, 290 LINK ROAD,  NETAJI MORE, ARAMBAGH, WEST BENGAL</t>
  </si>
  <si>
    <t>HDFC BANK LTD, CLUB ROAD, HOTEL GEETANJALI COMPLEX, SILCHAR, ASSAM</t>
  </si>
  <si>
    <t>HDFC BANK, 1ST FLOOR, ARJUN TOWERS,  CHIRWAPATTY, TINSUKIA, ASSAM</t>
  </si>
  <si>
    <t>HDFC BANK LTD, P.O,  P.S. KHARAGPUR, Dist. PASCHIM MEDNIPORE, KHARAGPUR, WEST BENGAL</t>
  </si>
  <si>
    <t>105,  S.N.P. AREA, MAIN RAOD, DIST. PURBI SINGHBHUM, JAMSHEDPUR, JHARKHAND</t>
  </si>
  <si>
    <t>HDFC BANK, C-3/8,  OPPOSITE C4E MARKET, JANAKPURI, NEW DELHI, DELHI</t>
  </si>
  <si>
    <t>NO 5A,  KALAPATTI MAIN ROAD, NEAR SUGUNA AUDITORIUM,  , NEHRU NAGAR WEST, COIMBATORE, TAMIL NADU</t>
  </si>
  <si>
    <t>HDFC BANK LTD, SHOP NO. 85-86, SAROJINI NAGAR MARKET, NEW DELHI, DELHI</t>
  </si>
  <si>
    <t>HDFC BANK, 73-75/1,  60/1, CHAWRI BAZAR, NEW DELHI, DELHI</t>
  </si>
  <si>
    <t>HDFC BANK LTD., R K B PATH, KARTICKPARA, DIBRUGARH, ASSAM</t>
  </si>
  <si>
    <t>KOYAMBEDU BRANCH,  NO.18/77, 1ST MAIN ROAD,  SRI AYYAPPA NAGAR, NEAR MARTHOMA SCHOOL CHINMAYA NAGAR, CHENNAI, TAMIL NADU</t>
  </si>
  <si>
    <t>HDFC BANK LTD., YWCA,  1086, P.H.ROAD, CHENNAI, TAMIL NADU</t>
  </si>
  <si>
    <t>HDFC Bank Limited , Ground Floor , Unit Number – 3 A /38 &amp; 39, Gaurav Path, UIT , Sector 3 A , Bhiwadi  District Alwar.</t>
  </si>
  <si>
    <t>NO 1193, TRICHY MAIN ROAD, VILLUPURAM , VILLUPURAM, TAMIL NADU</t>
  </si>
  <si>
    <t>HDFC BANK LTD, DHABAS COMPLEX, NEW BUS STAND,  OLD DELHI, SHAHPURA, RAJASTHAN</t>
  </si>
  <si>
    <t>GROUND FLOOR,  ASHLEY TOWERS,  , BEVERLY PARK MIRA ROAD EAST,  , LANDMARK - BESIDES CINEMAX THEATER, THANE, MAHARASHTRA</t>
  </si>
  <si>
    <t>NO 55A, SADAHALLI VILLAGE, SADAHALLI POST, DEVANAHALLI TALUK, BANGALORE, KARNATAKA</t>
  </si>
  <si>
    <t>9/2,  2nd Cross, SANKEY ROAD, LOWER PALACE ORCHARDS, SADASHIVNAGAR, BANGALORE, KARNATAKA</t>
  </si>
  <si>
    <t>HDFC BANK LTD, BUSINESS PARK,  FIRST FLOOR, C111-SAHEEDNAGAR, BHUBANESWAR, ODISHA</t>
  </si>
  <si>
    <t>HDFC Bank Ltd., Ground Floor, Gandhi , School Road, Moti Chowk, Khagaul</t>
  </si>
  <si>
    <t>GROUND FLOOR,  ORANGE THE MALL, NR.IOC CIRCLE,  MEHSANA HIGHWAY, CHANDKHEDA, AHMEDABAD, GUJARAT</t>
  </si>
  <si>
    <t>ARIZONA BULD,  SHOP NO.5, OPP. KISHIN LEELA TOWER,  HARDASWADI, GANESH PURSHOTTAM PAI ROAD, THANE, MAHARASHTRA</t>
  </si>
  <si>
    <t>GROUND FLOOR,  SHOP 1, 5,  SIMANDHAR , ELEGANCE, NR, TORRENT POWER CIRCLE, RAMNAGAR ROAD, SABARMATI., AHMEDABAD, GUJARAT</t>
  </si>
  <si>
    <t>HDFC BANK LTD, GROUND FLOOR,  C26, 35D, RAM KATORA, LAHURABIR, VARANASI, UTTAR PRADESH, VARANASI, UTTAR PRADESH</t>
  </si>
  <si>
    <t>HDFC BANK LTD., 155,  DIAMOND HARBOUR ROAD, MANTON BEHALA, KOLKATA, WEST BENGAL</t>
  </si>
  <si>
    <t>HDFC BANK LTD, VPO BEGOWAL,  TEHSIL-BHOLATH, DIST-KAPURTHALA, BEGOWAL, PUNJAB</t>
  </si>
  <si>
    <t>HDFC BANK LTD, HOTEL DOLPHIN, GURDASPUR ROAD, MUKERIAN, PUNJAB</t>
  </si>
  <si>
    <t>HDFC BANK LTD, MADINA SHOPPING MALL, KAK SARAI,  KARAN NAGAR, SRINAGAR, JAMMU AND KASHMIR</t>
  </si>
  <si>
    <t>HDFC BANK LTD, A 3 NDSE, SOUTH EX PART 1, NEW DELHI., NEW DELHI, DELHI</t>
  </si>
  <si>
    <t>110/189, R K NAGAR, G T ROAD, KANPUR, UTTAR PRADESH</t>
  </si>
  <si>
    <t>HDFC BANK LTD., N.K TOWER, OPP JOHAL PALACE, MANDI ROAD, NURMAHAL, NURMAHAL, PUNJAB</t>
  </si>
  <si>
    <t>NALCO, BIJU PATTNAIK CHOWK, DIST - KORAPUT, DAMANJODI, ODISHA</t>
  </si>
  <si>
    <t>HDFC BANK LTD, NO.115,  R.K.SALAI, OPP KALYANI HOSPITAL, CHENNAI, TAMIL NADU</t>
  </si>
  <si>
    <t>HDFC BANK, VATIKA TECHNOLOGY PARK, SECTOR-49,  BADSHAHPUR, GURGAON, HARYANA</t>
  </si>
  <si>
    <t>HDFC Bank Ltd., Ground Floor, No.3A, 4A , 5A , 6A , NH4, Dasanapura Adakamaranahalli, Bangalore Rural, Karnataka - 562162</t>
  </si>
  <si>
    <t>SHOP NO.38 AND 39, PATEL HERITAGE, PLOT NO.15 AND 17, SECTOR 7,  KHARGHAR, NAVI MUMBAI, MAHARASHTRA</t>
  </si>
  <si>
    <t>MUTHU SHOPPING COMPLEX (1ST FLOOR), 83, 84 VIJAYAPURAM, TIRUVARUR, TIRUVARUR, TAMIL NADU</t>
  </si>
  <si>
    <t>HDFC BANK LTD, NO 243,  NORTH CAR STREET, NEAR MUTTARAMMAN TEMPLE, TUTICORIN, TAMIL NADU</t>
  </si>
  <si>
    <t>GLITZ, GROUND FLOOR,  NEAR ZAVERI BAZAAR, VITHALWADI,  KALBADEVI ROAD, MUMBAI, MAHARASHTRA</t>
  </si>
  <si>
    <t>DAVAL COURT BUILDING, DATTA PADA ROAD,  NEAR WELCOME HOTEL, BORIVILI EAST, MUMBAI, MAHARASHTRA</t>
  </si>
  <si>
    <t>PAKALAVARI STREET, CITY POST OFFICE ROAD, DIST-GANJAM, BRAHMAPORE, ODISHA</t>
  </si>
  <si>
    <t>LA SERENA,  PLOT NO 34, JN OF DADABHAI AND J P ROAD, ANDHERI WEST, MUMBAI, MAHARASHTRA</t>
  </si>
  <si>
    <t>PARAS BANK SQUARE, CHD-AMBALA HIGHWAY, DERABASSI, DERABASSI, PUNJAB</t>
  </si>
  <si>
    <t>HDFC Bank Ltd., No.96/1, Ground Floor, Junction Main Rd, Suramangalam, Salem, Tamil Nadu</t>
  </si>
  <si>
    <t>HDFC BANK LTD, H-57, MAIN ROAD, LAJPAT NAGAR, MORADABAD, UTTAR PRADESH</t>
  </si>
  <si>
    <t>5/19, VISHAL KHAND, GOMTI NAGAR, LUCKNOW, UTTAR PRADESH</t>
  </si>
  <si>
    <t>NO 43G New Vellore Road, Arcot, Ranipet, Tamil Nadu</t>
  </si>
  <si>
    <t>SHOP NO 4, 5, 6, GROUND FLOOR, RAZMAH BUILDING, L J RO, MATUNGA WEST, MUMBAI, MAHARASHTRA</t>
  </si>
  <si>
    <t>HDFC Bank Ltd.,  Shop No 7, Upper Ground Floor, Maurya Paradise, Plot No 33, Shailesh Co-operative Housing Society,  No 1073, Karvenagar Pune 411052</t>
  </si>
  <si>
    <t>KASTURI UDYOG,  SHOP NO 1, 2, 3, NEAR PHATAK, BHAYANDER EAST, THANE, MAHARASHTRA</t>
  </si>
  <si>
    <t>VIP PLAZA, VIP ROAD, PURI, PURI, ODISHA</t>
  </si>
  <si>
    <t>SHRADDHA BLDG,  GROUND FLOOR, JN OF GOKHALE AND RANADE ROAD, DADER WEST, MUMBAI, MAHARASHTRA</t>
  </si>
  <si>
    <t>GROUND FLOOR,  SHOP NO 1 &amp; 2, DECCAN VIHAR COOP HSG SOC, BHAVANI SHANKAR ROAD DADAR WEST, MUMBAI, MAHARASHTRA</t>
  </si>
  <si>
    <t>GROUND FLOOR,  ACCORD COMMERCIAL, NEXT TO VODAFONE GALLERY, GOREGAON EAST RAILWAY STATION, MUMBAI, MAHARASHTRA</t>
  </si>
  <si>
    <t>CENTRIUM MALL SHOP NO 1, 2, 3., LOKHANDWALA TOWNSHIP, KANDIVILI EAST, MUMBAI, MAHARASHTRA</t>
  </si>
  <si>
    <t>HDFC BANK LTD., GRAH SANGRAH, KALYAN CIRCLE, STATION ROAD, SIKAR, SIKAR, RAJASTHAN</t>
  </si>
  <si>
    <t>HDFC BANK, PLOT NO RR -1, MIANWALI NAGAR,  MAIN ROHTAK ROAD, NEW DELHI, DELHI</t>
  </si>
  <si>
    <t>IB-154, SALT LAKE, SALT LAKE SECTOR-3, KOLKATA, WEST BENGAL</t>
  </si>
  <si>
    <t>ORCHID PLAZA, NEAR RAJARHAT POLICE STATION, RAJARHAT, KOLKATA, WEST BENGAL</t>
  </si>
  <si>
    <t>91,  B.T. ROAD, B.T. ROAD, KOLKATA, KOLKATA, WEST BENGAL</t>
  </si>
  <si>
    <t>HDFC Bank Ltd., Upper Grd. Floor, Municipal No 8/1A, Plot No. 1, 2 &amp; 2A, Lukerganj, G.T. Road, Prayagraj, UP</t>
  </si>
  <si>
    <t>2/CP213/214/215 &amp; 216, E-BLOCK MAIN ROAD RAJAJIPURAM, RAJAJIPURAM, LUCKNOW, UTTAR PRADESH</t>
  </si>
  <si>
    <t>Ground Floor, A762, Indra Vihar, Kota, Rajasthan</t>
  </si>
  <si>
    <t xml:space="preserve">HDFC Bank Ltd., Ground Floor, Plot No 2,Beside Jwala Mata Mandir, Jafar Nagar,Borgaon Road, Nagpur </t>
  </si>
  <si>
    <t>HDFC Bank Ltd., Ground Floor, No.39, Ullal Main Road, Near Mangalore PU College, Bangalore, Karnataka - 560056</t>
  </si>
  <si>
    <t>HDFC Bank Ltd.,No.38, Bhavani Main Road,Ground Floor,Kavindapdi,Erode District - 638455</t>
  </si>
  <si>
    <t>HDFC Bank Ltd., Ground Floor, Hotel Pratap Plaza, Kotwali Chouraha, Bharatpur</t>
  </si>
  <si>
    <t>HDFC Bank Ltd., Ground Floor, Ward -No-15, Ajnod Road, Opp. IDBI Bank, Sanwer, Dist. Indore, Madhya Pradesh</t>
  </si>
  <si>
    <t>Ladge Complex, Ladge Park, Jaysingpur Road Shirol, Tal. Shirol, Dist. Kolhapur, Maharashtra</t>
  </si>
  <si>
    <t>HDFC Bank Ltd., Ground Floor, 478 A, KP Road, Kottar, Nagercoil, Tamil Nadu - 629002</t>
  </si>
  <si>
    <t>HDFC Bank Ltd, House no .632 A,632A/1 And 632 A/2, Ground Floor ,Oppo To Indapur S.T Bus Depot, At-Post Talashet (indapur) Taluka-Mangaon, Dist-Raigad 402112.Mahatrashtra.</t>
  </si>
  <si>
    <t>HDFC Bank Ltd, Plot No. 33, Santaji Ward, Market Road, Bhandara, Maharashtra - 441904</t>
  </si>
  <si>
    <t>HDFC Bank, Ground Floor, Shree Lal Bahadur Shastri Degree College, Civil Lines, Dist. Gonda, Uttar Pradesh</t>
  </si>
  <si>
    <t>HDFC Bank LTD, Floor 1-3 , Khira bhavan Sandhurst bridge , SVP road , Chowpatty ,Mumbai</t>
  </si>
  <si>
    <t>SHOP NO.25, 26, 27&amp;28, GROUND FLOOR, CROSS POINT MALL, OPP.GALLERIA MARKET,  DLF PHASE 4, GURGAON, HARYANA</t>
  </si>
  <si>
    <t>TOWER A, GF-02, GLOBAL BUSINESS PARK, M.G. ROAD, GURGAON, HARYANA</t>
  </si>
  <si>
    <t>SAHAR PLAZA,  J.B. NAGAR, ANDHERI KURLA ROAD, ANDHERI EAST, MUMBAI, MAHARASHTRA</t>
  </si>
  <si>
    <t>No. 99, Akshata Towers, K H Road, Bengaluru.</t>
  </si>
  <si>
    <t>143,  GROUND FLOOR, SOONA MAHAL, MARINE DRIVE,  MUMBAI., MUMBAI, MAHARASHTRA</t>
  </si>
  <si>
    <t>NO,  70/2,  BANGALORE MAIN BRANCH, MILLER ROAD, ., BANGALORE, KARNATAKA</t>
  </si>
  <si>
    <t>SCF -69, PHASE 3 B2, SECTOR 60,  SAS NAGAR, MOHALI, PUNJAB</t>
  </si>
  <si>
    <t>21/6,  GROUND FLOOR, MIT MARATHON, BUND GARDEN, PUNE, MAHARASHTRA</t>
  </si>
  <si>
    <t>SHOP NO 2,  GROUND FLOOR, AMBROSIA BUILDING,  OPP GINGER HOTEL, PATTO,  PANAJI, PANAJI, GOA</t>
  </si>
  <si>
    <t>HDFC BANK LTD, GROUND FLOOR, SACRAMENTA BUILDING, BAZARWADDO, CANSAULIM, GOA</t>
  </si>
  <si>
    <t>GROUND FLOOR,  XAVIER COMPLEX, NEAR MAPUSA INDUSTRIAL ESTATE, ALTO MAPUSA, MAPUSA, GOA</t>
  </si>
  <si>
    <t>HDFC BANK LTD, NO 30,  CENOTAPH ROAD, TEYNAMPET, CHENNAI, TAMIL NADU</t>
  </si>
  <si>
    <t>HDFC BANK LTD, SCO 3, SECTOR - 15/C, CHANDIGARH, CHANDIGARH</t>
  </si>
  <si>
    <t>GROUND FLOOR, MANORAMA JUNCTION, ERNAKULAM SOUTH, KOCHI, KERALA</t>
  </si>
  <si>
    <t>HDFC BANK LTD, P34-A, PRINCE ANWAR SHAH ROAD, KOLKATA, WEST BENGAL</t>
  </si>
  <si>
    <t>HDFC BANK LTD, M-36,  OUTER CIRCLE, CONNAUGHT PLACE, NEW DELHI, DELHI</t>
  </si>
  <si>
    <t>3, 4 &amp; 5, DREAM CENTRE, NAVELIM,  SALCETE, NAVELIM, GOA</t>
  </si>
  <si>
    <t>GR FLOOR,  5TH CROSS ROAD, WILINGDON ISLAND, WILINGDON ISLAND, KOCHI, KERALA</t>
  </si>
  <si>
    <t>HDFC BANK LTD, SHOP NO. 6, 7, 8, X-1A,  SEC-12, NOIDA, UTTAR PRADESH</t>
  </si>
  <si>
    <t>P-341, C I T ROAD, SCHEME-6 M, KOLKATA, WEST BENGAL</t>
  </si>
  <si>
    <t>HDFC BANK LTD,  AC OLD NO 56, NEW  NUMBER 16/1,  GROUND FLOOR,  , 5TH AVENUE,   ANNANAGAR, CHENNAI, TAMIL NADU</t>
  </si>
  <si>
    <t>103/31,  26TH MAIN ROAD, 4TH T BLOCK, JAYANAGAR,  NEAR R V COLLEGE, BANGALORE, KARNATAKA</t>
  </si>
  <si>
    <t>PREM SAGAR CO-OPERATIVE HOS,  SOC, HALL NO.1,  SHOP NO.185,  CTS 4269, NEAR PCMC AUDITORIUM CHINCHWAD, PUNE, MAHARASHTRA</t>
  </si>
  <si>
    <t>6-3-698/A, PUNJAGUTTA, PUNJAGUTTA, HYDERABAD, TELANGANA</t>
  </si>
  <si>
    <t>HDFC BANK LTD, SHOP NO.3-4,  HAASH BUSINESS CENTRE, NEAR ANKUR SCHOOL, PALDI-VASNA ROAD, AHMEDABAD, GUJARAT</t>
  </si>
  <si>
    <t>17, RADHA RAMAN APARTMENT, BAPU BAGWE ROAD, NEAR DAHISAR BRIDGE, KANDERPADA, MUMBAI, MAHARASHTRA</t>
  </si>
  <si>
    <t>5/1, SUBODH MALLICK ROAD, JADAVPUR, KOLKATA, WEST BENGAL</t>
  </si>
  <si>
    <t>HDFC BANK LTD, 253, 254/13,  11TH MAIN ROAD, 3RD PHASE,  PEENYA INDUSTRIAL AREA, BANGALORE, KARNATAKA</t>
  </si>
  <si>
    <t>1ST FLOOR,  HOTEL R.V TOWERS, EAST NADA, GURUVAYOOR, GURUVAYOOR, KERALA</t>
  </si>
  <si>
    <t>NANDANVAN INDUSTRIAL ESTATE, GROUND FLOOR, GALA NO.AB/B2, LBS MARG, OPP.ETERNITY MALL,  THANE WEST, THANE, MAHARASHTRA</t>
  </si>
  <si>
    <t>HDFC BANK LTD, 8 A,  MILAP NIKETAN, BAHADUR SHAH ZAFAR MARG,  ITO, NEW DELHI, DELHI</t>
  </si>
  <si>
    <t>HDFC BANK LTD, NO 154 PRAKASAM SALAI, BROADWAY, CHENNAI, TAMIL NADU</t>
  </si>
  <si>
    <t>HDFC BANK LTD, SCO 11-12 PUDA COMPLEX, NEAR FIELD GUNJ,  KIDWAI NAGAR, LUDHIANA, PUNJAB</t>
  </si>
  <si>
    <t>136/115, HILL CART ROAD, P O SILIGURI, DT- DARJEELING, SILIGURI, WEST BENGAL</t>
  </si>
  <si>
    <t>UPPER GRD. FLR,  COMMERCE HOUSE, 7, RACE COURSE ROAD, INDORE, MADHYA PRADESH</t>
  </si>
  <si>
    <t>GROUND FLOOR,  PRODUCTIVITY HOUSE, PRODUCTIVITY ROAD, ALKAPURI, VADODARA, GUJARAT</t>
  </si>
  <si>
    <t>P/34, INDIA EXCHANGE PLACE, SHAH HOUSE, KOLKATA, WEST BENGAL</t>
  </si>
  <si>
    <t>GROUND FLOOR, SILVER WILLOW, DABA GARDENS, VISAKHAPATNAM, ANDHRA PRADESH</t>
  </si>
  <si>
    <t>HDFC BANK LTD,  , GROUND FLOOR,  SHOP NO 1 TO 4,  , RK HUB,  RAILWAY STATION ROAD,  , VALLABH VIDHYA NAGAR, GUJARAT</t>
  </si>
  <si>
    <t>HDFC BANK LTD.,  NO. 22, 7TH EAST CROSS,  GANDHI NAGAR, KATPADI,  VELLORE, VELLORE, TAMIL NADU</t>
  </si>
  <si>
    <t>Ground Floor, Babubhai House, Near Kulkarni Garden, Sharanpur Road, Nashik, Maharashtra</t>
  </si>
  <si>
    <t>HDFC BANK LTD, CTS NO. 5854, CONGRESS ROAD,  TILAKWADI, BELGAUM, BELGAUM, KARNATAKA</t>
  </si>
  <si>
    <t>FIDAVI TOWER,  GROUND FLOOR, OPP.SARAF CHAMBERS, MOUNT ROAD,  NAGPUR, NAGPUR, MAHARASHTRA</t>
  </si>
  <si>
    <t>HDFC BANK LTD, UPPER GROUND, SHOP NO I1, 16 TO 25, SARELA SHOPPING CENTER, SARELAWADI, SURAT, GUJARAT</t>
  </si>
  <si>
    <t>HDFC Bank Ltd., "SREENIVAS BAVAN" 1050 AVINASHI ROAD, NEAR ANNA STATUE, COIMBATORE - 641 018. TAMILNADU</t>
  </si>
  <si>
    <t>GROUND AND FIRST FLOOR, MADHAV PLAZA,  SHOP NO.27 TO 32, NEAR LAL BUNGALOW CIRCLE, JAMNAGAR, GUJARAT</t>
  </si>
  <si>
    <t>HDFC Bank Ltd., Ground Floor, Plot No- 73, District Centre, Chandrasekharpur, Bhubaneswar, Dist- Khordha, Odisha</t>
  </si>
  <si>
    <t>GROUND FLOOR, JAI HIND PRESS BUILDING, OPP. SHARDABAUG,  SHROFF ROAD, RAJKOT, GUJARAT</t>
  </si>
  <si>
    <t>NO 9,  SRI LAKHSMI NAGAR, BANGALORE HIGH ROAD, SRIPERUMBUDUR, SRIPERUMBUDUR, TAMIL NADU</t>
  </si>
  <si>
    <t>MAJESTIC CENTER, BYE PASS ROAD, NEAR BABY MEMORIAL HOSPITAL, CALICUT, KERALA</t>
  </si>
  <si>
    <t>HDFC BANK LTD, BLUE SEA,  OPPOSITE CANARA BANK, CANDOLIM MARKET, CANDOLIM, GOA</t>
  </si>
  <si>
    <t>HDFC BANK LTD, 179-M P NAGAR,  ZONE-II, NEAR HOTEL LAKE, BHOPAL, MADHYA PRADESH</t>
  </si>
  <si>
    <t>SYAM SCION, PMG JUNCTION,  LAW COLLEGE ROAD, THIRUVANTHAPURAM, TRIVANDRUM, KERALA</t>
  </si>
  <si>
    <t>SHORNUR ROAD, SHORNUR ROAD, TRICHUR, THRISSUR, KERALA</t>
  </si>
  <si>
    <t>HDFC BANK LTD., OPP.CIVIL HOSPITAL, DIST-KARNAL, NISSING, HARYANA</t>
  </si>
  <si>
    <t>B-34,  ASHOK VIHAR, PHASE - 1, NEW DELHI, NEW DELHI, DELHI</t>
  </si>
  <si>
    <t>HDFC BANK LTD, CHAUDI, NH 17, CANACONA GOA, CANACONA, GOA</t>
  </si>
  <si>
    <t>88,  DHALIWAL TOWER, MAHAVIR MARG, NEAR BMC CHOWK, JALANDHAR, PUNJAB</t>
  </si>
  <si>
    <t>GANPATI TOWER,  GROUND FLOOR, THAKUR VILLAGE, KANDIVALI EAST, MUMBAI, MAHARASHTRA</t>
  </si>
  <si>
    <t>HDFC BANK LTD, PLOT NO. 83,  SECTOR-5, RAJENDER NAGAR,  DIST-GHAZIABAD, SAHIBABAD, UTTAR PRADESH</t>
  </si>
  <si>
    <t>HDFC Bank Ltd.,6, Sapru Marg , Hazratganj, Lucknow, U.P.</t>
  </si>
  <si>
    <t>No.5/1 , Prestige Terrace , Ground Floor , Union Street , Infantry Road , Bangalore</t>
  </si>
  <si>
    <t>HDFC BANK LTD, KAYARMANJ, M G RAOD,  BALLAL BAGH, MANGALORE, KARNATAKA</t>
  </si>
  <si>
    <t>HDFC BANK LTD,  HOTEL PREETHI, CLASSIC TOWERS, OOTY COONOOR ROAD., OOTY, TAMIL NADU</t>
  </si>
  <si>
    <t>5 G GR FLOOR, BUS PLAZA, LAWSON ROAD , CANTONMENT, TRICHY, TAMIL NADU</t>
  </si>
  <si>
    <t>NO.2940/D-8,  SHWETHA COMPLEX, GROUND FLOOR,  TEMPLE ROAD, V V PURAM, MYSORE, KARNATAKA</t>
  </si>
  <si>
    <t>3, DURGA NURSERY ROAD, DURGA NURSERY ROAD, UDAIPUR, RAJASTHAN</t>
  </si>
  <si>
    <t>HDFC BANK LTD, HEDA CHAMBERS,  GROUND FLOOR, 1466,  C-WARD,  KONDA, KOLHAPUR, MAHARASHTRA</t>
  </si>
  <si>
    <t>NACHAN ROAD, OLD DUTTA AUTOMOBILE BUILDING, BENACHITY, DURGAPUR, WEST BENGAL</t>
  </si>
  <si>
    <t>HDFC BANK LTD, 1ST FLOOR,  SHAZ 120-121, MADANSINH CHOWK, DIST-KACHCHH, ADIPUR, GUJARAT</t>
  </si>
  <si>
    <t>74 AND 75, KAMARAJAR SALAI, MADURAI, MADURAI, TAMIL NADU</t>
  </si>
  <si>
    <t>#16,  SREE COMPLEX,  45 FEET ROAD,  , VALLALAR SALAI EXTN, VENKATESWARA NAGAR, SARAM POST,  , PONDICHERRY, PONDICHERRY</t>
  </si>
  <si>
    <t>HDFC BANK LTD, 1ST FLOOR,  HOLDING NO 1, P.O-MANGO, JAMSHEDPUR, JHARKHAND</t>
  </si>
  <si>
    <t>HDFC BANK LTD, SHOP NO 3, 4,  LALGANGA BUSINESS PARK, PACHPEDI NAKA,  RAIPUR, RAIPUR, CHHATTISGARH</t>
  </si>
  <si>
    <t>NO.6 BRINDHAVAN ROAD, FAIR LANDS, SALEM, SALEM, TAMIL NADU</t>
  </si>
  <si>
    <t>HDFC BANK LTD, 636,  VIJAY NAGAR, SBI CHOUK,  MR-4 MAIN ROAD, JABALPUR, MADHYA PRADESH</t>
  </si>
  <si>
    <t>HDFC BANK LTD, CHITTUNDAYIL SHOPPING COMPLEX, NEAR PARTHASARATHY TEMPLE, ADOOR, ADOOR, KERALA</t>
  </si>
  <si>
    <t>HDFC BANK LTD, KAITHOTTA HOUSE, NEW NO.5, SAIT COLONY FIRST STREET, CHENNAI, TAMIL NADU</t>
  </si>
  <si>
    <t>GROUND FLOOR,  ISCON PARK, OPP STAR INDIA BAZAAR, JODHPUR CROSS ROADS, AHMEDABAD, GUJARAT</t>
  </si>
  <si>
    <t>GROUND FLOOR, NATIONAL NANDANAM, PALACE ROAD,  EDAPALLY, KOCHI, KERALA</t>
  </si>
  <si>
    <t>THRISSUR ROAD, THRISSUR ROAD, THRISSUR ROAD, KUNNAMKULAM, KERALA</t>
  </si>
  <si>
    <t>SHOP NO.7-9,  GROUND FLOOR, SHANTI MALL,  OPP NAVARANG TOWER, SATADHAR CIRCLE, AHMEDABAD, GUJARAT</t>
  </si>
  <si>
    <t>SRI RANGA ARCADE, 1ST FLOOR,  OPP NTTF,  P B ROAD, DHARWAD, DHARWAD, KARNATAKA</t>
  </si>
  <si>
    <t>NO.411,  AMM FOUNDATION BUILDING, MTH ROAD, AMBATTUR, CHENNAI, TAMIL NADU</t>
  </si>
  <si>
    <t>HDFC Bank Ltd. EICHER MOTORS LTD.PLOT NO.101 &amp; 102, SECTOR I, PITHAMPUR - DHAR, Indore , Madhya Pradesh</t>
  </si>
  <si>
    <t>SHOP NO-8, BLOCK-B 127, SECTOR-41, NOIDA, UTTAR PRADESH</t>
  </si>
  <si>
    <t>NO. 10-3-151, ENTRENCHMENT ROAD,  EAST MAREDPALLY, SECUNDERABAD, SECUNDERABAD, TELANGANA</t>
  </si>
  <si>
    <t>11,  K B PLAZA, ANNA AVENUE, MBT ROAD, RANIPET, RANIPET, TAMIL NADU</t>
  </si>
  <si>
    <t>ST, PETERS COLLEGE BUILDING, ERNAKULAM, KOLENCHERRY, KOLENCHERY, KERALA</t>
  </si>
  <si>
    <t>HDFC BANK LTD., MD TOWERS, NO.56,  VADAPALANI, JAWAHARLAL NEHRU ROAD, 100 FEET ROAD, CHENNAI, TAMIL NADU</t>
  </si>
  <si>
    <t>Ground Floor &amp; First Floor, No. 15/5, Cambridge Main Road,  Opp St. Lourdes Church, 
Ulsoor, Bangalore</t>
  </si>
  <si>
    <t>NO. 754, THIRUVOTTIYUR HIGH ROAD, THIRUVOTTIYUR, CHENNAI, TAMIL NADU</t>
  </si>
  <si>
    <t>HDFC BANK LTD, NO.89,  KARTHIK NAGAR, MARATHAHALLI, K R PURAM OUTER RING ROAD, BANGALORE, KARNATAKA</t>
  </si>
  <si>
    <t>HDFC BANK LTD, JISHNAS COMPLEX, VATANAPPALLY, THRISSUR, KERALA</t>
  </si>
  <si>
    <t>KANDRICKAL OLIVER CASTLE, NEAR MUNDAMATTOM FUELS, VENGALLOOR P O, THODUPUZHA, KERALA</t>
  </si>
  <si>
    <t>Ground floor, 1-A, Chowringhee square, Opposite Income Tax building , Kolkata</t>
  </si>
  <si>
    <t>NO.10/B, SRI NARAYANA KRISHNA COMPLEX, MC ROAD, AMBUR, TAMIL NADU</t>
  </si>
  <si>
    <t>HDFC BANK LTD, 46,  GANDHI MANDAPAM ROAD, KOTTURPURAM, CHENNAI, TAMIL NADU</t>
  </si>
  <si>
    <t>HDFC BANK LTD, SCO 46-47, SECTOR 9 - D, CHANDIGARH, CHANDIGARH</t>
  </si>
  <si>
    <t>HDFC BANK LTD, SCF 55-57, PHASE VII, MOHALI, PUNJAB</t>
  </si>
  <si>
    <t>HDFC BANK LTD, SCF 56-57, PHASE XI, MOHALI, PUNJAB</t>
  </si>
  <si>
    <t>G 14, KIRTI NAGAR EXTENSION, KIRTI NAGAR, NEW DELHI, DELHI</t>
  </si>
  <si>
    <t>Ground Floor ,  B-21-14570 GT Road Dholewal Chowk ,  Adjoining Gulzar Motors ,  Ludhiana</t>
  </si>
  <si>
    <t>HDFC Bank Ltd. Opposite Dhindsa Petrol Pump, Bhadson Road , Patiala , Punjab</t>
  </si>
  <si>
    <t>HDFC BANK LTD, OPP.G B MODI SCHOOL, STATION ROAD, JHUNJHUNU, RAJASTHAN</t>
  </si>
  <si>
    <t>HDFC BANK  LTD, PLOT NO 4 BAZAR DHOBIAN, OPPOSITE GOLDEN TEMPLE, AMRITSAR, PUNJAB</t>
  </si>
  <si>
    <t>HDFC BANK LTD, SCO 117 - 118, SECTOR 43-B, CHANDIGARH, CHANDIGARH</t>
  </si>
  <si>
    <t>HDFC BANK LTD, BASTI BAWA KHEL, KAPURTHALA ROAD, JALANDHAR, PUNJAB</t>
  </si>
  <si>
    <t>HDFC BANK LTD, GROUND &amp; FIRST FLOOR, THE SHELTER, 32ND ROAD,  NEAR     , R. D. NATIONAL COLLEGE,  BANDRA - W, MUMBAI, MAHARASHTRA</t>
  </si>
  <si>
    <t>PROPERTY No 16/10164, PADAM SINGH ROAD, KAROL BAGH, NEW DELHI, DELHI</t>
  </si>
  <si>
    <t>HDFC BANK LTD., CHAMBER ROAD, MOGA, MOGA, PUNJAB</t>
  </si>
  <si>
    <t>HDFC BANK LTD, NEAR KOTAK MAHINDRA BANK, G.T.ROAD,  MULLANPUR DAKHA, MULLANPUR DAKHA, PUNJAB</t>
  </si>
  <si>
    <t>HDFC BANK LTD, B-II-1848, MATA RANI ROAD, LUDHIANA, PUNJAB</t>
  </si>
  <si>
    <t>HDFC BANK LTD, SCO-144/145, SWASTIK VIHAR,  SECTOR 5, PANCHKULA, HARYANA</t>
  </si>
  <si>
    <t>HDFC BANK LTD, OPP. TAKHAT SHRI DAMDAMA SAHIB, DIST-BATHINDA, TALWANDI SABO, PUNJAB</t>
  </si>
  <si>
    <t>HDFC BANK LTD, 51, DHAN MANDI, KESRISINGHPUR, RAJASTHAN</t>
  </si>
  <si>
    <t>HDFC BANK LTD, SCO- 21, SECTOR 27/C, CHANDIGARH, CHANDIGARH</t>
  </si>
  <si>
    <t>HDFC BANK LIMITED, WARD NO 1 ,   G T ROAD, SAMALKHA ,   DIST PANIPAT, SAMALKHA, HARYANA</t>
  </si>
  <si>
    <t>HDFC BANK LTD, OPP.GRAIN MARKET, POANTA SAHIB ROAD, YAMUNANAGAR, HARYANA</t>
  </si>
  <si>
    <t>NEAR LIC OFFICE, KARNAL ROAD, DIST-KARNAL, ASSANDH, HARYANA</t>
  </si>
  <si>
    <t>HDFC BANK LTD, CHANDIGARH ROAD, NEAR GOVT SENIOR SECONDARY SCHOOL, NAWANSHAHR, PUNJAB</t>
  </si>
  <si>
    <t>3 D, VILLA STATION, VILLA STATION, JAIPUR, RAJASTHAN</t>
  </si>
  <si>
    <t>3, THE MALL, CHHOTI BARADARI, PATIALA, PUNJAB</t>
  </si>
  <si>
    <t>G T ROAD, PHAGWARA, P.O.PHAGWARA, PHAGWARA, PUNJAB</t>
  </si>
  <si>
    <t>HDFC BANK LTD., PLOT NO.2, MAQSUDAN, JALANDHAR, PUNJAB</t>
  </si>
  <si>
    <t>MICKEY'S HERITAGE,  TPS ROAD NO.7, NEAR SANTACRUZ STATION, SANTACRUZ EAST, MUMBAI, MAHARASHTRA</t>
  </si>
  <si>
    <t>DHAB WASTI RAM, NEAR FIRE BRIGADE OFFICE, MAJITH MANDI, AMRITSAR, PUNJAB</t>
  </si>
  <si>
    <t>HDFC BANK LTD., G.T.ROAD, BHOGPUR, BHOGPUR, PUNJAB</t>
  </si>
  <si>
    <t>HDFC BANK LTD, SCF 13-14,  BLOCK - F, BRS NAGAR, LUDHIANA, PUNJAB</t>
  </si>
  <si>
    <t>HDFC BANK LTD, SHUBHAM COMPLEX, K K NAGAR ROAD,  GHATLODIYA, AHMEDABAD, GUJARAT</t>
  </si>
  <si>
    <t>1ST FLOOR,  PANKAJ PLAZA, PLOT NO.7, POCKET 4,  SECTOR 11, DWARKA NEW DELHI, NEW DELHI, DELHI</t>
  </si>
  <si>
    <t>PAP COMPLEX, GT ROAD, JALANDHAR, JALANDHAR, PUNJAB</t>
  </si>
  <si>
    <t>HDFC BANK LTD, ANAJ MANDI,  SHNEWAL, DIST-LUDHIANA, SAHANEWAL, PUNJAB</t>
  </si>
  <si>
    <t>HDFC BANK LTD, SYAL COMPLEX, GILL ROAD,  MILLERGANJ, LUDHIANA, PUNJAB</t>
  </si>
  <si>
    <t>WARD NO.1, NEAR MILK PLANT, CHANDIGARH CHOWK, NARAINGARH, HARYANA</t>
  </si>
  <si>
    <t>HDFC BANK LTD, J-2/6 C,  B K  DUTT MARKET, RAJOURI GARDEN,  NEW DELHI, DELHI, DELHI</t>
  </si>
  <si>
    <t>DCM COMPLEX, G.T.ROAD, MALOUT, MALOUT, PUNJAB</t>
  </si>
  <si>
    <t>HDFC BANK LTD,  S-17,  , GREEN PARK EXTENSION, UPHAAR CINEMA COMPLEX,  NEW DELHI., NEW DELHI, DELHI</t>
  </si>
  <si>
    <t>HDFC BANK LTD, KIKKAR BAZAAR, BATHINDA, BATHINDA, PUNJAB</t>
  </si>
  <si>
    <t>A-32,  33,  34, NORTHEX MALL, ROHINI SECTOR 9, NEW DELHI, DELHI</t>
  </si>
  <si>
    <t>HDFC BANK LTD., ADJOINING STREET NO.11, CIRCULAR ROAD, ABOHAR, PUNJAB</t>
  </si>
  <si>
    <t>HDFC BANK LTD, 23,  NORTH WEST AVENUE ROAD, PUNJABI BAGH EXTENSION, NEW DELHI, DELHI</t>
  </si>
  <si>
    <t>HDFC BANK LTD, LSC - 19 AND 20,  BLOCK - A, PREET VIHAR, NEW DELHI, DELHI</t>
  </si>
  <si>
    <t>B 222-223, SECTOR 16, SECTOR 16, NOIDA, UTTAR PRADESH</t>
  </si>
  <si>
    <t>HDFC BANK LTD, 6926/137,  JAIPURIA MILLS, CLOCK TOWER,  SUBJI MUNDI, NEW DELHI, DELHI</t>
  </si>
  <si>
    <t>G.T.ROAD, ., ., GORAYA, PUNJAB</t>
  </si>
  <si>
    <t>SCO 178, SECTOR 38, C &amp; D, CHANDIGARH, CHANDIGARH</t>
  </si>
  <si>
    <t>HDFC BANK LTD, GROUNG FLOOR, 193, N.S.C.BOSE ROAD, KOLKATA, WEST BENGAL</t>
  </si>
  <si>
    <t>HDFC BANK LTD, NEAR VIKAS LANE, TALAB TILOO, JAMMU, JAMMU AND KASHMIR</t>
  </si>
  <si>
    <t>INDRALOK BUILDING, GROUND FLOOR, SAMARTH NAGAR ANDHERI(W), PO AZAD NAGAR, MUMBAI, MAHARASHTRA</t>
  </si>
  <si>
    <t>36 A, KHAN MARKET, KHAN MARKE, NEW DELHI, DELHI</t>
  </si>
  <si>
    <t>NEAR DOABA AUTOMOBILES, COURT ROAD, COURT ROAD, AMRITSAR, PUNJAB</t>
  </si>
  <si>
    <t xml:space="preserve">HDFC BANK Limited, C-11, Malviya Nagar, New Delhi </t>
  </si>
  <si>
    <t>C-11, Malviya Nagar, New Delhi</t>
  </si>
  <si>
    <t>HDFC BANK LTD, WHOLESALE BANKING OPERATIONS, 1ST FLOOR,  SUTHERI ROAD, HOSHIARPUR, PUNJAB</t>
  </si>
  <si>
    <t>HDFC BANK LTD, MODEL TOWN, NARINDER COMPLEX, SULTANPUR LODHI, PUNJAB</t>
  </si>
  <si>
    <t>NEW NO 105,  OLD NO 51, LA PLAZA, G P ROAD, CHENNAI, TAMIL NADU</t>
  </si>
  <si>
    <t>HDFC BANK LTD, 10/30, EAST PATEL NAGAR, NEW DELHI, DELHI</t>
  </si>
  <si>
    <t>HDFC BANK LTD., SHIVALIK COMPLEX, OPP.RAI PETROL PUMP,  G.T.ROAD, BANGA, PUNJAB</t>
  </si>
  <si>
    <t>HDFC BANK LTD, SCO 18 BHULLAR AVENUE, FATHEGARH CHURIAN ROAD, AMRITSAR, PUNJAB</t>
  </si>
  <si>
    <t>HDFC Bank Ltd, Shahbad Ladwa Road, Shahbad, Distt Kurukshetra, Haryana</t>
  </si>
  <si>
    <t>HDFC BANK LTD., GROUND FLOOR, HARCHOWAL ROAD, QUADIAN, PUNJAB</t>
  </si>
  <si>
    <t>G.T.ROAD, OPP BUS STAND, JALANDHAR ROAD, NAKODAR, PUNJAB</t>
  </si>
  <si>
    <t xml:space="preserve">HDFC Bank Ltd. Ward No. 9 Chandigarh Road Kurali, Dist. SAS Nagar , Punjab  </t>
  </si>
  <si>
    <t>HDFC BANK LTD, VAIBHAV PALACE, SHOP NO.10/11/12, NEW LINK RD, OPP.MEGA MALL, OSHIWARA, MUMBAI, MAHARASHTRA</t>
  </si>
  <si>
    <t>HDFC BANK LTD, 792,  5TH MAIN ROAD,  59TH CROSS, 5TH BLOCK,  RAJAJINAGAR, BENGALURU, KARNATAKA</t>
  </si>
  <si>
    <t>89, HEMKUNT CHAMBERS, NEHRU PLACE G 2 &amp; 3, NEW DELHI, DELHI</t>
  </si>
  <si>
    <t>HDFC BANK LTD, D-1A/A 10, NEAR ADITYA APPARTMENT, JANAKPURI, NEW DELHI, DELHI</t>
  </si>
  <si>
    <t>Shop No. 43, 44-45 &amp; 46, Ground Floor, Plot No.1, Block No. 205-C, Bengali Market, New Delhi</t>
  </si>
  <si>
    <t>HDFC BANK LTD.,  S-3 SHOPPING CENTRE, TILAK NAGAR,  JAIPUR, JAIPUR, RAJASTHAN</t>
  </si>
  <si>
    <t>NO.140/ABC AND 141/ABC, R.M.TOWERS, HASMATPET ROAD,  BOWENPALLY, SECUNDERABAD, TELANGANA</t>
  </si>
  <si>
    <t>HDFC BANK LTD, SCO 288, SECTOR 32D, CHANDIGARH, CHANDIGARH</t>
  </si>
  <si>
    <t>112 LUDHIANA, PAKHOWAL ROAD, PAKHOWAL ROAD, LUDHIANA, PUNJAB</t>
  </si>
  <si>
    <t>HDFC BANK LTD, SCO-9,  SECTOR-15, PART-II, GURGAON, HARYANA</t>
  </si>
  <si>
    <t>HDFC BANK LTD, RAILWAY STATION ROAD, DORAHA, DORAHA, PUNJAB</t>
  </si>
  <si>
    <t>HDFC BANK LTD., SCO 8 AND 9,  CRYSTAL PLAZA, GARHA ROAD, CHOTTI BARADARI, JALANDHAR, PUNJAB</t>
  </si>
  <si>
    <t>HDFC BANK LTD, 354-355,  LUDHIANA ROAD, ADJOINING LIC BUILDING, RAIKOT, PUNJAB</t>
  </si>
  <si>
    <t>PLOT NO.15, AGGARWAL PLAZA 1, OKHLA PHASE 1, NEW DELHI, DELHI</t>
  </si>
  <si>
    <t>HDFC BANK LTD., C.S.#3893, A,  MAIN ROAD, MUKESHBHAI PATEL COMPLEX, DIST-DHULE, SHIRPUR, MAHARASHTRA</t>
  </si>
  <si>
    <t>OPP.KALI MATA MANDIR, RISHI NAGAR, HAMBRA ROAD, LUDHIANA, PUNJAB</t>
  </si>
  <si>
    <t>HDFC BANK LTD., MALGODAM ROAD, RAMPURA PHUL,  DIST-BATHINDA, RAMPURA PHUL, PUNJAB</t>
  </si>
  <si>
    <t>318 - L MODEL TOWN, NEAR GULATI CHOWK, MODEL TOWN, LUDHIANA, PUNJAB</t>
  </si>
  <si>
    <t>HDFC BANK LTD., 24,  VIJAY NAGAR BRANCH, NEAR FOOTBALL CHOWK, JALANDHAR, PUNJAB</t>
  </si>
  <si>
    <t>A1-10, SHAKTI NAGAR EXT, NEW DELHI, NEW DELHI, DELHI</t>
  </si>
  <si>
    <t>GARG PLAZA, OPP.ANAJ MANDI, JAKHAL ROAD, PATRAN, PUNJAB</t>
  </si>
  <si>
    <t>HDFC BANK LTD., BESTECH CENTRAL SQUARE, SUSHANT LOK-II,  SECTOR-57, GURGAON, HARYANA</t>
  </si>
  <si>
    <t>HDFC BANK LTD,  SCO 11, SECTOR 16,  PANCHKULA, HARYANA, PANCHKULA, HARYANA</t>
  </si>
  <si>
    <t>SRI GANGANAGAR, SD COLLEGE CAMPUS, SUKHARIA CIRCLE SURATGARH ROAD, SRI GANGANAGAR, RAJASTHAN</t>
  </si>
  <si>
    <t>HDFC BANK LTD, CITY CASTLE,  MADAN FLOOR MILL CHOWK, RAILWAY ROAD, JALANDHAR, PUNJAB</t>
  </si>
  <si>
    <t>LAXMI MARKET, SAMRALA ROAD, MACHHIWARA,  DIST-LUDHIANA, MACHHIWARA, PUNJAB</t>
  </si>
  <si>
    <t>HDFC BANK LTD, BALLUPUR CHOWK, DEHRADUN, DEHRADUN, UTTARAKHAND</t>
  </si>
  <si>
    <t>HDFC BANK LTD, NEW TALWANDI ROAD, NEAR BUS STAND, DIST-FEROZEPUR, ZIRA, PUNJAB</t>
  </si>
  <si>
    <t>784/2 &amp; 784/15, JATAWALLAN MOHALLA, MANIMAJRA, CHANDIGARH, CHANDIGARH</t>
  </si>
  <si>
    <t>HDFC BANK LTD., DE SERVICE PARK, SRM ROAD, PACHALAM, KOCHI, KERALA</t>
  </si>
  <si>
    <t>HDFC Bank Ltd. Laxmi Priya Apartment, Ground Floor, 39/1 Sarat Bose Road KOLKATA, WEST BENGAL</t>
  </si>
  <si>
    <t>UG 1, BCM  CITY NAVLAKHA, AB ARCADE INDORE 01, INDORE, MADHYA PRADESH</t>
  </si>
  <si>
    <t>HDFC BANK LTD, NEAR LAXMI PETROL PUMP, SAUNKRA ROAD, TARAORI, HARYANA</t>
  </si>
  <si>
    <t>HDFC BANK LTD, SCO 95, DISTRICT SHOPPING CENTER, RANJIT AVENUE, AMRITSAR, PUNJAB</t>
  </si>
  <si>
    <t>G-149, VIKAS PURI, NEW DELHI,  BEHIND PVR CINEMAS, NEW DELHI, DELHI</t>
  </si>
  <si>
    <t>HDFC BANK LTD, B-40,  AMAR COLONY, LAJPAT NAGAR IV, NEW DELHI, DELHI</t>
  </si>
  <si>
    <t>KHASRA NO 369 SH - 24, HOSIARPUR ROAD,  GARHSHANKAR, DIST - HOSHIARPUR, GARHSHANKAR, PUNJAB</t>
  </si>
  <si>
    <t>SARAI ROAD, JANDIALA GURU, DIST-AMRITSAR, JANDIALA GURU, PUNJAB</t>
  </si>
  <si>
    <t>HDFC BANK LTD, MATA MODI ROAD, DIST-SANGRUR, SUNAM, PUNJAB</t>
  </si>
  <si>
    <t>S R B BUILDING, JANTA BHAWAN ROAD, GPO SIRSA, SIRSA, HARYANA</t>
  </si>
  <si>
    <t>HDFC BANK LTD, CIRCULAR ROAD, NEAR BUS STAND, FARIDKOT, PUNJAB</t>
  </si>
  <si>
    <t>KRISHNA CHOWK, OLD GRAIN MARKET,  GURU HAR SAHAI, FEROZEPUR, GURU HAR SAHAI, PUNJAB</t>
  </si>
  <si>
    <t>GROUND FLOOR ,  1007A TO 1009, RAGHUNANDAN TEXTILE MARKET, OPP. RATHI PALACE,  RING ROAD, SURAT, GUJARAT</t>
  </si>
  <si>
    <t>HDFC BANK LTD, SCO 194-195, INDUSTRIAL AREA,  PHASE II, CHANDIGARH, CHANDIGARH</t>
  </si>
  <si>
    <t>SCF 7-8, NEW GRAIN MARKET, NEW GRAIN MARKET, MUKTSAR, PUNJAB</t>
  </si>
  <si>
    <t>SHRI GURU RAM DAS SENIOR SEC SCHOOL, MODEL TOWN, PANIPAT, PANIPAT, HARYANA</t>
  </si>
  <si>
    <t>HDFC BANK LTD, RATHI CHAMBERS, BASANI INDUSTRIAL AREA, JODHPUR, RAJASTHAN</t>
  </si>
  <si>
    <t>PUNJAB POLICE ACADEMY, OLD G.T.ROAD, PHILLAUR  DIST. JALANDHAR, PHILLAUR, PUNJAB</t>
  </si>
  <si>
    <t>HDFC BANK LTD. SHOP NO.4-5, BRAR COMPLEX,  MOGA ROAD, BGAHAPURANA, MOGA, PUNJAB</t>
  </si>
  <si>
    <t>C/O KARTAR COMPLEX, ADJOINING PUNJAB &amp; SIND BANK, POLICE STATION ROAD, JALALABAD, PUNJAB</t>
  </si>
  <si>
    <t>HDFC BANK LTD, SHOP NO.112, OLD GRAIN MARKET, TALWANDI BHAI, PUNJAB</t>
  </si>
  <si>
    <t>SHOP NO 1 AND 2,  GROUND FLOOR, IMPERIUM,  MAROL MAROSHI ROAD, ANDHERI EAST, MUMBAI, MAHARASHTRA</t>
  </si>
  <si>
    <t>HDFC BANK LTD, MAIN MANSA SUNAM ROAD, BHIKHI, BHIKHI, PUNJAB</t>
  </si>
  <si>
    <t>HDFC BANK LTD, WARD NO.1, AGAMPUR CHOWNK, VERMA FURNITURE, NANGAL ROAD, ANANDPUR SAHIB, PUNJAB</t>
  </si>
  <si>
    <t>2/433, NEAR CANARA BANK, JANDIALA ROAD, TARN TARAN, PUNJAB</t>
  </si>
  <si>
    <t>HDFC BANK LTD, C-25,  UPASANA RESIDENCY, JAI SINGH HIGHWAY,  BANIPARK, JAIPUR, RAJASTHAN</t>
  </si>
  <si>
    <t>HDFC Bank Ltd., Plot no. 5 to 7 , Walking Square , Samana , Patiala, punjab</t>
  </si>
  <si>
    <t>WARD NO.7,  OPP CANARA BANK, ADJOINING BADWAL HOSPITAL, DISTRICT HOSHIARPUR, TANDA, PUNJAB</t>
  </si>
  <si>
    <t>HDFC BANK LTD, 2ND FLOOR,  AKASH PLAZA, NEAR JINDAL CHOWK, HISAR, HARYANA</t>
  </si>
  <si>
    <t>HDFC BANK LTD, SCO 6,  SECTOR 8, KARNAL, KARNAL, HARYANA</t>
  </si>
  <si>
    <t>BAINS TOWER 2, CHANDIGARH ROAD, DIST-HOSHIARPUR, MAHILPUR, PUNJAB</t>
  </si>
  <si>
    <t>AMBE PRERNA BUILDING,  GROUND FLOOR, SHOP NO 1/2/1A AND 1B,  OPPOSITE, GHANSOLI RAILWAY STATION, GHANSOLI W, NAVI MUMBAI, MAHARASHTRA</t>
  </si>
  <si>
    <t>HDFC BANK LTD, ALUDA HOUSE,  HOUSE NO 1552-1553, CHAURA RASTA, JAIPUR, RAJASTHAN</t>
  </si>
  <si>
    <t>W.NO-6, MAIN GURUDWARA ROAD, PAONTA SAHIB, PAONTA SAHIB, HIMACHAL PRADESH</t>
  </si>
  <si>
    <t>D 147, KAMLA NAGAR, ., NEW DELHI, DELHI</t>
  </si>
  <si>
    <t>SHOP NO: G - 115,  116,  117, 118, HIGH STREET CUM HIGHLAND CORPORATE, CENTRE,  KAPURBAWDI JUNCTION, THANE, MAHARASHTRA</t>
  </si>
  <si>
    <t>E-2/257, SHASTRI NAGAR, NEAR SHASTRI NAGAR METRO STATION, NEW DELHI, DELHI</t>
  </si>
  <si>
    <t>HDFC BANK LTD, 367, KOHAT ENCLAVE, PITAMPURA, NEW DELHI, DELHI</t>
  </si>
  <si>
    <t>APPOLO HOUSE,  4A/4 , OPP PILLAR NO. 504, TILAK NAGAR, NEW DELHI, DELHI</t>
  </si>
  <si>
    <t>SWASTIK VALUE HEIGHTS,  GROUND FLOOR, PLOT NO NDR 23,  TILAKNAGAR, ADJACENT TO SAHAKAR CINEMA, CHEMBUR, MUMBAI, MAHARASHTRA</t>
  </si>
  <si>
    <t>GROUND FLOOR,  NARSINH CENTRE, APTE ROAD DECCAN GYMKHANA, SHIVAJI NAGAR, PUNE, MAHARASHTRA</t>
  </si>
  <si>
    <t>HDFC BANK LTD, OPP.TATA CHEMICALS LTD MAIN GATE, NEAR UDAY BPO, MITHAPUR, GUJARAT</t>
  </si>
  <si>
    <t>GROUND AND FIRST FLOOR, KRISHNA COMPLEX,  NEAR MANAV HOTEL, HOSPITAL ROAD,  ANJAR(KUTCH), ANJAR, GUJARAT</t>
  </si>
  <si>
    <t>1 ST FLOOR,  SAI MALL, NEAR VAIBHAV CENEMA, OLD BUS STAND, VYARA, GUJARAT</t>
  </si>
  <si>
    <t>SHOP NO.48 TO 53, SHREE RANG COMPLEX, ZADESHWAR ROAD,  BHOLAV, BHARUCH, GUJARAT</t>
  </si>
  <si>
    <t>HDFC BANK LTD, Ground Floor &amp; Basement, Sarnath Centre G8, Upper Govind Nagar, Malad East., Mumbai</t>
  </si>
  <si>
    <t>UNICORN BUILDING,  175/3, C.G. ROAD, OPP.TO NATRAJ LAWNS, NEAR BASANT CINEMA,  CHEMBUR, MUMBAI, MAHARASHTRA</t>
  </si>
  <si>
    <t>GURUNATH SANKUL, KALDA CORNER, CHETNA NAGAR, AURANGABAD, MAHARASHTRA</t>
  </si>
  <si>
    <t>GROUND FLOOR, KRISHNA CROWN,  SHOP NO 7 TO 14, CHAITANYAA NAGAR, RAIGARH, CHHATTISGARH</t>
  </si>
  <si>
    <t>HUNGRY JACK PLAZA, NATIONAL HIGHWAY,  31-A, GANGTOK, GANGTOK, SIKKIM</t>
  </si>
  <si>
    <t>30-22-43,  BLOCK NO-13, NEAR VIJETA HOSPITAL, DURGA AGRAHARAM,  ELURU ROAD, VIJAYAWADA, ANDHRA PRADESH</t>
  </si>
  <si>
    <t>GR. FLOOR, SCF 60, ., SARDULGARH, PUNJAB</t>
  </si>
  <si>
    <t>BAHADURPUR BARETA ROAD, NR.MAIN BAHADURPUR BARETA CROSSING, VILLAGE BAHADURPUR, MANSA, PUNJAB</t>
  </si>
  <si>
    <t>HDFC BANK LTD, ND-200,  TANDA ROAD, NEAR EVERGREEN PUBLICATIONS, JALANDHAR, PUNJAB</t>
  </si>
  <si>
    <t>HDFC BANK LTD, NEAR AMBER CINEMA, G.T.ROAD , MODINAGAR, MODINAGAR, UTTAR PRADESH</t>
  </si>
  <si>
    <t>HDFC BANK LTD, 18/163A,  SHAMSHABAD ROAD, NEAR HOTEL AMAR, AGRA, UTTAR PRADESH</t>
  </si>
  <si>
    <t>6, ROYAL PLAZA, ROORKEE ROAD, PALLAV PURAM, MEERUT, UTTAR PRADESH</t>
  </si>
  <si>
    <t>HDFC BANK LTD, PATIALA ROAD, JAKHAL, JAKHAL, HARYANA</t>
  </si>
  <si>
    <t>HDFC BANK LTD, 50,  JLN ROAD, ALLAHABAD, ALLAHABAD, UTTAR PRADESH</t>
  </si>
  <si>
    <t>D-30/2,  A-1, GANGA BAGH COLONY, MADAN MOHAN MALVIYA MARG LANKA, VARANASI, UTTAR PRADESH</t>
  </si>
  <si>
    <t>1ST FLOOR, SECTOR 14, SECTOR 14, FARIDABAD, HARYANA</t>
  </si>
  <si>
    <t>KAITHAL KURUKSHETRA ROAD, OPPOSITE NEW GRAIN MARKET, KAITHAL, DHAND, HARYANA</t>
  </si>
  <si>
    <t>J K PLAZA, GAST KA TAZIA, LASHKAR, GWALIOR, MADHYA PRADESH</t>
  </si>
  <si>
    <t>BHIRABNATH ABASAN, MANASKAMANA ROAD, NEAR SUKANTO MORE (NH34), MALDA, WEST BENGAL</t>
  </si>
  <si>
    <t>HOLDING NO 135/B1/1, OPPSITE DURGA MANDIR, RATU ROAD, RANCHI, JHARKHAND</t>
  </si>
  <si>
    <t>PLOT NO 37,  SHELDON APTS 1ST FLOOR, NEAR LAKE HOMES CHANDIVLI FARM ROAD, ANDHERI (E), MUMBAI, MAHARASHTRA</t>
  </si>
  <si>
    <t>SURVEY NO 7/1 KATHA NO 418/1, NEAR KUDALAHALLI GATE BEMI LAYOUT, BROOKE FIELDS MAIN ROAD ITPL ROAD, BANGALORE, KARNATAKA</t>
  </si>
  <si>
    <t>1ST FLOOR, SANGHAVI SQUARE, M.G.ROAD,  GHATKOPAR-WEST, MUMBAI, MAHARASHTRA</t>
  </si>
  <si>
    <t>HDFC BANK LTD.,  JAY KAY HERITAGE, NEAR HOTEL GATEWAY GRANDEUR,  , CHRISTAIN BASTI,  GS ROAD, GUWAHATI, ASSAM</t>
  </si>
  <si>
    <t>HDFC BANK LTD, 218,  E-3,  KDA CHAURAHA, LAL BANGLA, KANPUR, UTTAR PRADESH</t>
  </si>
  <si>
    <t>GROUND FLOOR, 870, TIBI ROAD, NAI MAND, HANUMANGARH, RAJASTHAN</t>
  </si>
  <si>
    <t>PLOT NO.3, NEAR ASHIRWAD BANQUET HAL, KAITHAL ROAD, CHEEKA, HARYANA</t>
  </si>
  <si>
    <t>HDFC BANK LTD, MAHATMA GANDHI ROAD, SAFIDON, SAFIDON, HARYANA</t>
  </si>
  <si>
    <t>SANJAY GANDHI CHOWK, FATEHBAD ROAD, RATIA, RATIA, HARYANA</t>
  </si>
  <si>
    <t>HDFC BANK LTD, WARD NO.16, NEW MANDI ROAD, DHURI, PUNJAB</t>
  </si>
  <si>
    <t>PNB ROAD,  OPP GRAIN MARKET, DIST. BUDHLADA, ., BUDHALADA, PUNJAB</t>
  </si>
  <si>
    <t>NEAR HUSSANAR GATE, DAV SCHOOL, DAV SCHOOL, GIDDAR BAHA, PUNJAB</t>
  </si>
  <si>
    <t>GROUND FLOOR, SHOP NO.14, GRAIN MARKET, NIHALSINGHWALA, PUNJAB</t>
  </si>
  <si>
    <t>GROUND FLOOR, PLOT NO.11, WARD HOUSE ROAD, PILIBANGA, RAJASTHAN</t>
  </si>
  <si>
    <t>HDFC BANK LTD, OPP MUNICIPAL COMMITTEE, CHANDIGARH ROAD,  THOANA, TOHANA, HARYANA</t>
  </si>
  <si>
    <t>SAI BUILDING, OPP.MUVATTUPUZHA MADICAL CENTRE, VELLOORKUNNAM, MUVATTUPUZHA, KERALA</t>
  </si>
  <si>
    <t>MANAPPALLIL BUILDING, PUTHIYAKAVU, DIST ALLEPPEY, MAVELIKKARA, KERALA</t>
  </si>
  <si>
    <t>1ST FLOOR, KURUMBOLIL BUILDINGS, NATIONAL HIGHWAY NO.47, CHEPPAD, KERALA</t>
  </si>
  <si>
    <t>DOOR NO  XX11/557/B, NNP BUILDING, MUTTOM BAZAR, CHERTHALA, KERALA</t>
  </si>
  <si>
    <t>HDFC BANK LTD, RAJA MAHAL BUILDING, 1ST FLOOR, NEAR TEMPLE. DIST-ALLEPPEY, CHETTIKULANGARA, KERALA</t>
  </si>
  <si>
    <t>DOOR VIII / 30, MAIN ROAD, ERAMALLUR, ERAMALLUR, KERALA</t>
  </si>
  <si>
    <t>HDFC BANK LTD, XX/271 D,  SURABHI ARCADE, MAIDHANAM, VARKALA, KERALA</t>
  </si>
  <si>
    <t>HDFC BANK LTD, 32/771 D, OPP.PUTHIYADOM SRI KRISHNASWAMY TEM, KAYAMKULAM, KERALA</t>
  </si>
  <si>
    <t>D-TP 5/381, CHENNOTH BUILDINGS, KOKKOTHAMANGALAM, CHERTHALA, KERALA</t>
  </si>
  <si>
    <t>HDFC BANK LTD., TC 25/2344,  PREMIER TOWERS, AYURVEDA COLLEGE JUNCTION, M G ROAD, TRIVANDRUM, KERALA</t>
  </si>
  <si>
    <t>HDFC BANK LTD, PORUNNOLIL BUILDING, PETTA ROAD,  PALA,  KOTTAYAM, PALA, KERALA</t>
  </si>
  <si>
    <t>CSI  BAKER  COMPLEX JN, 1ST FLOOR PB NO 247, KOTTAYAM, KOTTAYAM, KERALA</t>
  </si>
  <si>
    <t>Kudamaloor- Medical College Road, Panampalam Jn, Arpookkara PO
Kottayam</t>
  </si>
  <si>
    <t>ARAYATT BUILDING, V.P.IX-346, KULATHURPRAYAR, KULATHUMUZHY, KERALA</t>
  </si>
  <si>
    <t>1ST FLOOR, SREEDHARI BUILDINGS, KAVALA, KURICHITHANAM, KERALA</t>
  </si>
  <si>
    <t>1ST FLOOR, ORAVAKKAL BUILDINGS, AMAYANNUR, ORAVAKKAL, KERALA</t>
  </si>
  <si>
    <t>DOOR NO VII/883 V AND W, 1 ST FLOOR, VETTOOR SHOPPING COMPLEX,  M C ROAD, ETTUMANOOR, KERALA</t>
  </si>
  <si>
    <t>HDFC BANK LTD, SANKARATHIL BUILDING,  M C ROAD, NEAR C M HOSPITAL, PANDALAM JUNCTION, PANDALAM, KERALA</t>
  </si>
  <si>
    <t>BHAVANI TRADE CENTRE, HIGH SCHOOL JUNCTION, KARUNAGAPPALLY,  DIST-KOLLAM, KOLLAM, KERALA</t>
  </si>
  <si>
    <t>1ST FLOOR KARIMPANAL ARCADE, EAST FORT PB NO 5141, THIRUVANANATHAPURAM, TRIVANDRUM, KERALA</t>
  </si>
  <si>
    <t>HDFC BANK LTD., GROUND FLOOR, BUILDING NO.XIV/859, HIGH RANGE JUNCTION, KOTHAMANGALAM, KOTHAMANGALAM, KERALA</t>
  </si>
  <si>
    <t>HDFC BANK LTD, 111/287D,  CARUTHEDATHU TOWER, 1ST FLOOR,  CHEMBUMUKKU, KOCHI, KERALA</t>
  </si>
  <si>
    <t>DOOR XI/867, DEVASWOM NADA, CHERAI, CHERAI, KERALA</t>
  </si>
  <si>
    <t>REGENT TOWERS, IYYATTILMUKKU, CHITTOOR ROAD, ERNAKULAM, KERALA</t>
  </si>
  <si>
    <t>GROUND FLOOR,  METELDA BUILDING, KALOOR - KADAVANTRA ROAD, KALOOR, KOCHI, KERALA</t>
  </si>
  <si>
    <t>HDFC BANK LTD, 30/1998 C, CHALIKKAVATTOM ROAD, VYTILLA, KERALA</t>
  </si>
  <si>
    <t>HDFC BANK LTD, VII/554,  M.C.ROAD, NR.LITTLE FLOWER HOSPITAL, ANGAMALY, ANGAMALLY, KERALA</t>
  </si>
  <si>
    <t>DOOR XXXIII/2411, DR.MENEZES BUILDINGS, DR.MENEZES BUILDINGS, PALLURUTHY, KERALA</t>
  </si>
  <si>
    <t>FIRST FLOOR,  MARIAN COMPLEX, NEAR AKJM ENGLISH MEDIUM HIGH SCHOO, K K ROAD, KANJIRAPPALLY, KERALA</t>
  </si>
  <si>
    <t>HDFC BANK LTD., DOOR NO.16/340,  M.C.ROAD, NEAR ST.MARY'S CATHOLIC CHURCH, PERUMBAVOOR, KERALA</t>
  </si>
  <si>
    <t>DOOR V/23LA, PEPPATHY JUNCTION, VELIAYANAD, VELIAYANAD, KERALA</t>
  </si>
  <si>
    <t>HDFC BANK LTD, CHERUKUNNU,  PARK AVENUE, P.O. CHERUKUNNU, KANNUR, KERALA</t>
  </si>
  <si>
    <t>HDFC BANK LTD, FIRST FLOOR,  VASULAL BUILDING, S N PARK, KANNUR, KERALA</t>
  </si>
  <si>
    <t>PAYYANNUR TRADE CENTRE, NEW BUS STAND, PAYYANNUR, PAYYANNUR, KERALA</t>
  </si>
  <si>
    <t>HDFC BANK LTD, 1701 - UNITY PLAZA, NH BYPASS ROAD,  KANNUR ROAD, VADAKARA, KERALA</t>
  </si>
  <si>
    <t>HDFC BANK LTD, GROUND FLOOR, TIGER HILLS, NR.MUNICIPAL OFFICE RD, T B JUNCTION, KASARAGOD, KERALA</t>
  </si>
  <si>
    <t>HDFC BANK LTD, GOLDEN ARCADE, NEAR AKASH AUDITORIUM, NORTH KOTTACHERY, KANHANGAD, KANHANGAD, KERALA</t>
  </si>
  <si>
    <t>HDFC BANK - ALATHUR, BISMI COMPLEX COURT ROAD, ALATHUR, ALATHUR, KERALA</t>
  </si>
  <si>
    <t>DOOR 3/596, MAIN ROAD, ., KODUVAYUR, KERALA</t>
  </si>
  <si>
    <t>HDFC BANK LTD, JRJ COMPLEX, MAIN ROAD, OTTAPALAM, KERALA</t>
  </si>
  <si>
    <t>1ST FLOOR N J COMPLEX, THAREKKAD, COLLEGE ROAD, PALAKKAD, KERALA</t>
  </si>
  <si>
    <t>HDFC BANK LTD, KARIVELI COMPLEX,  MAIN ROAD, PALAKKAD DISTRICT, VADAKKENCHERRY, KERALA</t>
  </si>
  <si>
    <t>SOBHA CORNER, KODATHIPADI, DIST - PALAKKAD, MANNARKKAD, KERALA</t>
  </si>
  <si>
    <t>HDFC BANK LTD, KOLANDHRA BUILDING, CHENDRAPINNI, THRISSUR, KERALA</t>
  </si>
  <si>
    <t>HDFC BANK LTD, 1ST FLOOR,  AYSHA COMPLEX, KECHERY, THRISSUR, KERALA</t>
  </si>
  <si>
    <t>SHAH SHOPPING MALL, SOUTH BYPASS ROAD, OPP PRIVATE BUS STAND, CHAVAKKAD, KERALA</t>
  </si>
  <si>
    <t>TRIPRAYAR TRADE CENTRE, POLY JUNCTION, DIST-THRISSUR, TRIPRAYAR, KERALA</t>
  </si>
  <si>
    <t>HDFC BANK LTD, CHAZHOOR COMPLEX, CHERIYAPALAM,  KARUVANNUR, THRISSUR, KERALA</t>
  </si>
  <si>
    <t>HDFC BANK LTD, PANTHALOOKARAN SHOPPING COMPLEX, KODAKARA, KODAKARA, KERALA</t>
  </si>
  <si>
    <t>D-VII/219, PB 2, SRINGAPURAM, DIST-TRICHUR, KODUNGALLUR, KERALA</t>
  </si>
  <si>
    <t>NATIONAL HIGHWAY NO.47, VADAKKAUM PADAN TOWERS, KORATTY, KORATTY, KERALA</t>
  </si>
  <si>
    <t>HDFC BANK LTD, ROOM NO. VIII/101-D-E, MAIN ROAD,  THRISSUR, PERUMPILAVU, KERALA</t>
  </si>
  <si>
    <t>DOOR X/683, PB 25 KK ABDU BUILDING, VADAKKENADA, LOKAMALLESWARAM, KERALA</t>
  </si>
  <si>
    <t>HDFC BANK LTD., PADAYATTI COMPLEX, OPP. PRIVATE BUS STAND, MALA, KERALA</t>
  </si>
  <si>
    <t>INDUS BUILDING,  CALICUT ROAD, CHANGARAMKULAM, MALAPURAM DIST, MALAPPURAM, KERALA</t>
  </si>
  <si>
    <t>GROUND FLOOR,  RAMATH AUDITORIUM AND, SHOPPING COMPLEX, MOONNUPEEDIKA,  PERINJANAM, THRISSUR, KERALA</t>
  </si>
  <si>
    <t>DOOR IV/607, MANGIDIYAN MUKKU, PUTHENCHIRA, PUTHENCHIRA, KERALA</t>
  </si>
  <si>
    <t> 599/A, Ground Floor, Opposite Asari Temple, Talikulam ,   Thrissur , Kerala</t>
  </si>
  <si>
    <t xml:space="preserve"> 599/A, Ground Floor, Opposite Asari Temple, Talikulam ,   Thrissur , Kerala</t>
  </si>
  <si>
    <t>SUN TOWER,  GROUND FLOOR, EAST FORT, TRICHUR , THRISSUR, KERALA</t>
  </si>
  <si>
    <t>1ST FLOOR IX/34, J JOS COMPLEX CENTER, VIA VELLANGALLUR, THUMBOOR, KERALA</t>
  </si>
  <si>
    <t>8-3-1013/1, PLOT NO.28, SUNIL TOWERS, SRINAGAR COLONY, YELLAREDYGUDA, HYDERABAD, TELANGANA</t>
  </si>
  <si>
    <t>NO.29,  GROUND FLOOR, P T COLONY, KHARKHANA ROAD, SECUNDERABAD, TELANGANA</t>
  </si>
  <si>
    <t>HDFC BANK LTD, SCO-311, SECTOR-40-D, CHANDIGARH, CHANDIGARH</t>
  </si>
  <si>
    <t>B 36, LAJPAT NAGAR II, NEW DELHI, NEW DELHI, DELHI</t>
  </si>
  <si>
    <t>HDFC BANK LTD, A3,  11, JANAKPURI, NEW DELHI, DELHI</t>
  </si>
  <si>
    <t>GF NO B 52, KALKAJI, NEW DELHI, NEW DELHI, DELHI</t>
  </si>
  <si>
    <t>GR FLOOR G 83, VIKAS MARG, PREET VIHAR, NEW DELHI, DELHI</t>
  </si>
  <si>
    <t>B-100 AND 101, SHARDA PURI, MANSAROVER GARDEN, NEW DELHI, DELHI</t>
  </si>
  <si>
    <t>D 153, NEW RAJINDER NAGAR, NEW RAJINDER NAGAR, NEW DELHI, DELHI</t>
  </si>
  <si>
    <t>DLF MOTI NAGAR, SHOP NO. DSM 012,  , GROUND FLOOR, DLF TOWER 15, SHIVAJI MARG, DELHI, NEW DELHI, DELHI</t>
  </si>
  <si>
    <t>D-845, SARASWATI VIHAR, PITAM PURA, NEW DELHI, DELHI</t>
  </si>
  <si>
    <t>HDFC BANK LTD, B-26,  EAST JYOTI NAGAR, MAIN LONI ROAD,  SHAHDARA, NEW DELHI, DELHI</t>
  </si>
  <si>
    <t>GF PANCHARATNA, PANCHAVATI CIRCLE, C G ROAD AHMEDABAD, AHMEDABAD, GUJARAT</t>
  </si>
  <si>
    <t>HDFC BANK LIMITED, SC0 70,  SEC 15, FARIDABAD, FARIDABAD, HARYANA</t>
  </si>
  <si>
    <t>21,  NTI LAYOUT, NARASIPURA, VIDYARANYAPURA MAIN ROAD, BANGALORE, KARNATAKA</t>
  </si>
  <si>
    <t>CTS NO.2956/57/58, DESAI CHAMBERS, KOPPIKAR ROAD, HUBLI, KARNATAKA</t>
  </si>
  <si>
    <t>IDEAL TOWERS,  GROUND FLOOR, OPP SHARAVU GANAPATHI TEMPLE, SHARAVU TEMPLE RD,  HAMPANKATTA, MANGALORE, KARNATAKA</t>
  </si>
  <si>
    <t>CENTRE FOR BASIC SCIENCES, KASTURBA MEDICAL COLLEGE, MANIPAL, MANIPAL, KARNATAKA</t>
  </si>
  <si>
    <t>HARBHAJJAN,  GROUND FLOOR, OPP.CST ROAD,  NEAR VIDYANAGRI POST, KALINA,  SANTACRUZ EAST, MUMBAI, MAHARASHTRA</t>
  </si>
  <si>
    <t>SHOP NO.5-5A, KRISHNA REGENCY, SUNDER NAGAR, NEAR.DALMIA COLLEGE,  MALAD WEST, MUMBAI, MAHARASHTRA</t>
  </si>
  <si>
    <t>SECTOR-15, KOPAR KHAIRANE, KOPAR KHAIRANE, NAVI MUMBAI, MAHARASHTRA</t>
  </si>
  <si>
    <t>HDFC BANK LTD, SHOP NO 1,  101,  PARMESHWARI PLAZA, NETAJI SUBASH ROAD,  MULUND WEST, MUMBAI, MAHARASHTRA</t>
  </si>
  <si>
    <t>HDFC BANK LTD, RUBY HOUSE, KHARADI MAGAPATTA BY PASS ROAD, PUNE, MAHARASHTRA</t>
  </si>
  <si>
    <t>REGAL APARTMENTS,  GROUND FLOOR, LANDMARK : OPP. H. P.PETROL PUMP, S.V. ROAD,  SANTACRUZ-W,  MUMBAI, MUMBAI, MAHARASHTRA</t>
  </si>
  <si>
    <t>HDFC BANK LTD, KHASRA NO. 355-356, GOPAL NAGAR,  MAJITHA ROAD, AMRITSAR, PUNJAB</t>
  </si>
  <si>
    <t>HDFC BANK LTD, NIRMAL PRAB TOWER, MAIN ROAD,  RAMA MANDI, JALANDHAR, PUNJAB</t>
  </si>
  <si>
    <t>HDFC BANK LTD, SCO 12,  SECTOR 32/A, CHANDIGARH,  SAMRALA ROAD, LUDHIANA, PUNJAB</t>
  </si>
  <si>
    <t>HDFC BANK LTD, SIRHIND ROAD,  DLF COLONY, SCO 43, 44., PATIALA, PUNJAB</t>
  </si>
  <si>
    <t>HDFC BANK LTD, G.T.ROAD, KARTARPUR, KARTARPUR, PUNJAB</t>
  </si>
  <si>
    <t>C 96 KAMALM KUNJ, SUBHASH MARG, C-SCHEME, JAIPUR, RAJASTHAN</t>
  </si>
  <si>
    <t>281 MOUNT ROAD, TEYNAMPET, CHENNAI, CHENNAI, TAMIL NADU</t>
  </si>
  <si>
    <t>HDFC BANK LTD, OLD NO 32, NEW NO 11, EAST PARK ROAD, OPP TO METRO, RAILWAY STATION,  SHENOY NAGAR, CHENNAI, TAMIL NADU</t>
  </si>
  <si>
    <t>100 FT. ROAD, 7TH STREET, GANDHIPURAM, COIMBATORE, TAMIL NADU</t>
  </si>
  <si>
    <t>SUDHER VANGIA MAIYAM, NO 5/5/1, 5/2,  CUTCHERY ROAD, NEAR PANNERSELVAM PARK., ERODE, TAMIL NADU</t>
  </si>
  <si>
    <t>NO 24 AND 25, GROUND FLOOR, SECOND AGRAHARAM, SALEM, TAMIL NADU</t>
  </si>
  <si>
    <t>HDFC BANK LTD, G-28/29, SECTOR 18, NOIDA, UTTAR PRADESH</t>
  </si>
  <si>
    <t>KALPETTA ARCADE, NEAR NEW BUS STAND, KALPETTA, KALPETTA, KERALA</t>
  </si>
  <si>
    <t>HDFC BANK LTD., WESIX BUILDING,  OPP HERBAL GARDEN, MAIN ROAD,  DIST-MALAPPURAM, KOTTAKKAL, KERALA</t>
  </si>
  <si>
    <t>CITY TOWER,  GANDHI JUNCTION, SULTHAN BATHERY, DIST-WAYANAD, SULTHAN BATHERY, KERALA</t>
  </si>
  <si>
    <t>HDFC BANK LTD., 1ST FLOOR,  KAIRALI PLAZA, MAIN ROAD, KARAMANA, TRIVANDRUM, KERALA</t>
  </si>
  <si>
    <t>HDFC BANK LTD, VENUS BUILDING,  NEAR RTO OFFICE, ATTINGAL, TRIVANDRUM, KERALA</t>
  </si>
  <si>
    <t>HDFC BANK LTD, Ground Floor, Chaliyar Complex, Ramanattukara , Kozhikkode, Kerala</t>
  </si>
  <si>
    <t>IX/1036(2),  CORDIAL RESIDENCY, OPP KURUPS LANE, SASTHAMANGALAM, THIRUVANANTHAPURAM, TRIVANDRUM, KERALA</t>
  </si>
  <si>
    <t>JCC TOWERS, NEAR POWER HOUSE JUNCTION, VIYYOOR, THRISSUR, KERALA</t>
  </si>
  <si>
    <t>HDFC BANK LTD, V/606,  UNNICHIRA JUNCTION, ERNAKULAM DISTRICT, THRIKKAKARA, KERALA</t>
  </si>
  <si>
    <t>SHOP NO. 1 AND 2, GRD FLOOR,  TECHNO CITY, PLOT NO-X 4/5,  TTC INDUSTRIAL AREA, NAVI MUMBAI, MAHARASHTRA</t>
  </si>
  <si>
    <t>HDFC BANK LTD, B-1A, 26 AND 27, SECTOR 51,  GAUTAM BUDH NAGAR, NOIDA, UTTAR PRADESH</t>
  </si>
  <si>
    <t>HDFC BANK LTD, DNO-58-1-357, SHYAMALA ARCADE, NEAR BHASHYAM SCHOOL, NAD KOTHA ROAD, VISAKHAPATNAM, ANDHRA PRADESH</t>
  </si>
  <si>
    <t>HDFC BANK LTD, 6-2-57, CINEMA ROAD, ADILABAD, TELANGANA</t>
  </si>
  <si>
    <t>NO.15-687-1, BUGGAIAH COMPOUND, TADIPATRI, TADIPATRI, ANDHRA PRADESH</t>
  </si>
  <si>
    <t>12-2-179/B, K.T.ROAD, KASIBUGGA, KASIBUGGA, ANDHRA PRADESH</t>
  </si>
  <si>
    <t>HDFC BANK LTD, MACHERLA ROAD, PIDUGURALLA, PIDUGURALLA, ANDHRA PRADESH</t>
  </si>
  <si>
    <t>17-1-210/4, SANTOSH NAGAR COLONY, HYDERABAD, HYDERABAD, TELANGANA</t>
  </si>
  <si>
    <t>NO.8-3-168/E/2/152, KRISHNA KUNJ, MOTINAGAR, HYDERABAD, TELANGANA</t>
  </si>
  <si>
    <t>7-1-210 BURUGULA, V.C COMPLEX BALKAMPET, MAIN ROAD,  AMEERPET, HYDERABAD, TELANGANA</t>
  </si>
  <si>
    <t>1-8-702/18,  PAKHAL PLAZA, NEXT TO SHANKAR MUTT, NALLAKUNTA,  VIDYANAGAR, HYDERABAD, TELANGANA</t>
  </si>
  <si>
    <t>NO. 8-1-300/2 GROUND FLOOR, KREST, BESIDE INTERNATIONAL SCHOOL, SHAIKPET, HYDERABAD, TELANGANA</t>
  </si>
  <si>
    <t>2-5-19, NEXT TO RTC BUS STAND, JAGITYALA, JAGITYALA, TELANGANA</t>
  </si>
  <si>
    <t>HDFC BANK LTD,  NO 8-3-217 AND 218, 1ST AND 2ND FLOOR, SIRI PLAZA,  WYRA ROAD, KHAMMAM, TELANGANA</t>
  </si>
  <si>
    <t>7-169, ROBERTSONPET, DIST-KRISHNA, MACHILIPATNAM, ANDHRA PRADESH</t>
  </si>
  <si>
    <t>7-10-11. PLOT NO.11, LINGAM BAGH COLONY , RAJIV MARG, GADWAL, GADWAL, TELANGANA</t>
  </si>
  <si>
    <t>HDFC BANK LTD, NO.18-44,  OPP GOSHALA,  , NEAR NEW BUS STAND,  HYDERABAD ROAD, SIDDIPET, TELANGANA</t>
  </si>
  <si>
    <t># 1-2-113, Opp: Market Office, Gunj, Bhongir, Telangana</t>
  </si>
  <si>
    <t>6-5-34, OPP. PUJITHA APARTMENT, HYDERABAD ROAD, NALGONDA, TELANGANA</t>
  </si>
  <si>
    <t>1-2-270/56/B&amp;C, M.G ROAD, SURYAPET, SURYAPET, TELANGANA</t>
  </si>
  <si>
    <t>3-1-75/1, MOHINI COMPLEX,  NEAR MM COURT, KODINGAL ROAD, TANDUR, TELANGANA</t>
  </si>
  <si>
    <t>PLOT NO.263, VIVEKANANDA NAGAR, KUKATPALLY, HYDERABAD, TELANGANA</t>
  </si>
  <si>
    <t>PLOT NO.1 TO 7, G.K.PROPERTIES, RANGAREDDY, MEDCHAL, HYDERABAD, TELANGANA</t>
  </si>
  <si>
    <t>HDFC BANK LTD, NO.25-11-1, OPP MANDAL OFFICE, BESIDE INDIAN BANK, ELURU, ANDHRA PRADESH</t>
  </si>
  <si>
    <t>HDFC BANK LTD, NO, 12, 104, YN COMPLEX, OLD LIC BUILDING, HUZURNAGAR ROAD, KODAD, TELANGANA</t>
  </si>
  <si>
    <t>HDFC BANK LTD, E-SECTOR, ITANAGAR, ITANAGAR, ARUNACHAL PRADESH</t>
  </si>
  <si>
    <t>STATION ROAD, WARD NO-5, BARPETA ROAD, BARPETA, ASSAM</t>
  </si>
  <si>
    <t>CHAPAGURI ROAD, BOC GATE, NORTH BONGAIGAON, BONGAIGAON, ASSAM</t>
  </si>
  <si>
    <t>HDFC BANK LTD, BISHNUPUR MARKET, OPP.NRL POLICE OUTPOST, NUMALIGARH, ASSAM</t>
  </si>
  <si>
    <t>B.G ROAD, LAKSHMI NAGAR, SIBSAGAR,  ASSAM, SIBSAGAR, ASSAM</t>
  </si>
  <si>
    <t>SUPRIYA CINEMA COMPLEX, SUPRIYA CINEMA ROAD, WEST CHAMPARAN DISTRICT, BETIAH, BIHAR</t>
  </si>
  <si>
    <t>HDFC BANK LTD, AMBITION SAPHIRE,  BESIDES RELIANCE, TRENDS,  RAJA BAZAR,  BAILEY ROAD, PATNA, BIHAR</t>
  </si>
  <si>
    <t>HDFC BANK LTD, HAZAR JYOTI COMPLEX, BANK ROAD, MOTIHARI, BIHAR</t>
  </si>
  <si>
    <t>NH - 31 OPP RAJENDRA BAL UDYAN, JAIL CHOWK, PURNIA, PURNIA, BIHAR</t>
  </si>
  <si>
    <t>HDFC BANK LTD, PIPAL PATI ROAD, OPPOSITE ALKA CINEMA, BUXAR, BIHAR</t>
  </si>
  <si>
    <t>HDFC BANK LTD, KBC BUILDING, BARRIER CHOWK,  DIST-JANJGIR, CHAMPA, CHHATTISGARH</t>
  </si>
  <si>
    <t>HDFC BANK LTD, SURJIT SINGH KHANUJA COMPLEX, 1ST FLOOR,  OPP.BUS STAND, KAWARDHA, CHHATTISGARH</t>
  </si>
  <si>
    <t>WARD NO - 1,  SHANKAR NAGAR, RAIPUR ROAD, MAHASAMUND, MAHASAMUND, CHHATTISGARH</t>
  </si>
  <si>
    <t>SUKH SAGAR BHAVAN,  GROUND FLOOR, OPP.CORPORATION BANK, BHATAPARA ROAD, BALODA BAZAR, CHHATTISGARH</t>
  </si>
  <si>
    <t>F1U-42 BLOCK, PITAMPURA, NEW DELHI, NEW DELHI, DELHI</t>
  </si>
  <si>
    <t>HDFC BANK LTD, 72, VED MANSION, NEW DELHI, DELHI</t>
  </si>
  <si>
    <t>HDFC BANK LTD, N-13,  KALKAJI, KALKAJI, NEW DELHI, DELHI</t>
  </si>
  <si>
    <t>HDFC BANK LTD, 11,  MAHILA COLONY, MAIN ROAD,  GANDHI NAGAR, NEW DELHI, DELHI</t>
  </si>
  <si>
    <t>HDFC BANK LTD, RAMNATH HOUSE, YUSUF SARAI COMPLEX, NEW DELHI, DELHI</t>
  </si>
  <si>
    <t>HDFC BANK LTD, A-71, EAST OF KAILASH, NEW DELHI, DELHI</t>
  </si>
  <si>
    <t>HDFC BANK LTD, F-10, DILSHAD COLONY, NEW DELHI, DELHI</t>
  </si>
  <si>
    <t>HDFC BANK LTD, A-38, ANAND VIHAR, NEW DELHI, DELHI</t>
  </si>
  <si>
    <t>HDFC BANK LTD, KHASRA NO.619/21, CHATTARPUR, NEW DELHI, DELHI</t>
  </si>
  <si>
    <t>HDFC BANK LTD, RZ-2,  OPPOSITE POLICE STATION, KAPASHERA, NEW DELHI, DELHI</t>
  </si>
  <si>
    <t>HDFC BANK LTD, 964-A,  WARD NO.7, OPP.POLICE STATION,  MEHRAULI, NEW DELHI, DELHI</t>
  </si>
  <si>
    <t>HDFC BANK LTD, C-192, VIVEK VIHAR, NEW DELHI, DELHI</t>
  </si>
  <si>
    <t>HDFC BANK LTD, G-14,  GROUND FLOOR AND, F-6 FIRST FLOOR,  SHEIKH SARAI, NEW DELHI, DELHI</t>
  </si>
  <si>
    <t>1ST FLOOR, SADANAND SMRUTI,  MAUS WADDO, NEAR MAHADEO TEMPLE, PERNEM, GOA</t>
  </si>
  <si>
    <t>HDFC BANK LTD, SUBASH CHOWK, MEMNAGAR, AHMEDABAD, GUJARAT</t>
  </si>
  <si>
    <t>GROUND FLOOR, SHIVALIK 2, BESIDES IOC, PETROL PUMP, 132 FEET RING ROAD, NEAR SHYAMAL CROSS ROAD, AHMEDABAD, AHMEDABAD, GUJARAT</t>
  </si>
  <si>
    <t>HDFC BANK LTD,  1ST FLOOR, AAKAR COMPLEX,  ABOVE SBI BANK, AHMEDABAD - SANAND HIGHWAY, SANAND, GUJARAT</t>
  </si>
  <si>
    <t>GROUND FLOOR, SHARANYA AVENUE,  DARPAN SIX ROADS, NEAR DARPAN CIRCLE,  NAVRANGPURA, AHMEDABAD, GUJARAT</t>
  </si>
  <si>
    <t>F-1 TO 3 AND S-1 TO 3, FIRST &amp; SECOND FLOOR, VIKRAM PLAZA,  CHANDLODIYA, AHMEDABAD, GUJARAT</t>
  </si>
  <si>
    <t>HDFC BANK LTD, GROUND FLOOR,  VISHWAM COMPLEX, NEAR DHARNIDHAR CROSS ROAD, VASNA, AHMEDABAD, GUJARAT</t>
  </si>
  <si>
    <t>SHOP NO.5-6,  KAILASH AVENUE, OPP.DESAI PETROL PUMP, SARKHEJ-BAVLA HIGHWAY, CHANGODAR, AHMEDABAD, GUJARAT</t>
  </si>
  <si>
    <t>HDFC BANK LTD, SHOP NO.5 TO 9,  SHUKHSAGAR COMPLEX, NEAR FORTUNE LANDMARK HOTEL, AHMEDABAD, GUJARAT</t>
  </si>
  <si>
    <t>LAXMI ENCLAVE,  GROUND FLOOR, SHOP NO.15,  16 &amp; 17,  , DABHOLI ROAD,  KATARGAM, SURAT, GUJARAT</t>
  </si>
  <si>
    <t>SHOP NO.1-4, ANMOL PLAZA, STATION ROAD, KHAMBHAT, GUJARAT</t>
  </si>
  <si>
    <t>GROUND FLOOR, SHAIL SHIKHAR, DAWN CHOWK, BHAVNAGAR, GUJARAT</t>
  </si>
  <si>
    <t>HDFC BANK LTD, GROUND AND FIRST FLOOR, LODHAWALA CHAMBER,  LOKHAND BAZAR, BHAVNAGAR, GUJARAT</t>
  </si>
  <si>
    <t>HDFC BANK LTD, BAJRANGDAS BAPA CHOWK, TALAJA, TALAJA, GUJARAT</t>
  </si>
  <si>
    <t>HDFC BANK LTD, PALACE ROAD, BHAIRAV PARA, PALITANA, GUJARAT</t>
  </si>
  <si>
    <t>KALYAN COMPLEX, POST OFFICE ROAD, NEAR NAGAR NAKA, KHAMBHALIA, GUJARAT</t>
  </si>
  <si>
    <t>HDFC BANK LTD, SHOP NO.4 TO 9,  CLOTH MARKET, OPP.VERAVAL MERCANTILE CO-OP BANK, KESHOD, GUJARAT</t>
  </si>
  <si>
    <t>HDFC Bank Ltd, Indraprastha complex, shop no 1 to 6,  Nr Trikon Baugh, Gir Gadhda Road, Una, Gujarat</t>
  </si>
  <si>
    <t>NARMADA HEIGHTS, GROUND FLR SHOP NO, G5 TO G10 AND BASEMENT SHOP NO 5, TO 6, STATION RD, NR CIVIL COURT, RAJPIPLA, GUJARAT</t>
  </si>
  <si>
    <t>PREMDHAN A GROUND FLOOR, OPP SUB JAIL, LUNSIQAI ROAD, NAVSARI, GUJARAT</t>
  </si>
  <si>
    <t>HDFC Bank Ltd., Mahajan Complex, Opp. Crystal School, Char-Kosiya Naka, Godhra-Modasa Highway, Lunawada.</t>
  </si>
  <si>
    <t>MADHUVAN PLAZA, PANCHVATI SOCITY, MAIN ROAD, RAJKOT, GUJARAT</t>
  </si>
  <si>
    <t>HDFC BANK LTD, CITY GOLD PLAZA, GROUND FLOOR, NR PATEL WADI, PEDAK RODA RAJKOT., RAJKOT, GUJARAT</t>
  </si>
  <si>
    <t>SAANIDHYA GROUND FLOOR, OPP. NAGRIK BANK SOCIETY, NIRMALA CONVENT SCHOOL ROAD, RAJKOT, GUJARAT</t>
  </si>
  <si>
    <t>HDFC BANK LTD., OPP.SARPRATAP HIGH SCHOOL, TOWER ROAD, IDAR, GUJARAT</t>
  </si>
  <si>
    <t>HDFC BANK LTD, GROUND FLOOR,  SHOP NO 1-4, BALAJI COMPLEX, E BLOCK, MALPUR ROAD, MODASA, GUJARAT</t>
  </si>
  <si>
    <t>HDFC BANK LTD, SHOP NO 1-5,  GROUND FLOOR, ABHISHEK AVENUE,  L P SAVANI ROAD, SURAT, GUJARAT</t>
  </si>
  <si>
    <t>HDFC BANK LTD, UG 8-12,  DIVYA DARSHAN SOCIETY, NR RUSHABH TOWER,  RANDER ROAD, SURAT, GUJARAT</t>
  </si>
  <si>
    <t>HDFC BANK LTD, F-13-14-15-17-18 SAARTHI COMPLEX, HIRA BAUG CIRCLE,  VARACHHA, SURAT, GUJARAT</t>
  </si>
  <si>
    <t>HDFC BANK LTD, PLOT NO 101,  102,  GROUND FLOOR, MAHENDRA PARK SOC,   PUNA KUMBHARIYA, SURAT, GUJARAT</t>
  </si>
  <si>
    <t>SHOP NO.UG - 8 TO 10, CHANDNI CHOWK COMPLEX, NR.RELIANCE TOWNSHIP PIPLOD, SURAT, GUJARAT</t>
  </si>
  <si>
    <t>PLOT NO 1084 ROAD NO 4 AND 6, GIDC, SACHIN, SURAT, GUJARAT</t>
  </si>
  <si>
    <t>HDFC BANK LTD, VANITA VISHRAM,  1ST FLOOR, OPP.DHIRAJ SONS,  ATHWAGATE, SURAT, GUJARAT</t>
  </si>
  <si>
    <t>HDFC BANK LTD, PLOT NO.24, B AND 25A, GROUND FLOOR, PATEL INDUSTRIAL ESTATE , KATARGAM., SURAT, GUJARAT</t>
  </si>
  <si>
    <t>GROUND FLOOR, BHARAJ COMPLEX, NEAR SHAH PETROL PUMP, LIMBDI, GUJARAT</t>
  </si>
  <si>
    <t>GROUND FLOOR, GALAXY BUILDING, TRIKONIYA BAUG, DHRANGADHRA, GUJARAT</t>
  </si>
  <si>
    <t>Sotta square, Nr. Sukhdham Haveli Char rasta, Waghodiya Rd, Vadodara. Gujarat</t>
  </si>
  <si>
    <t>SHREEJI COMPLEX, BESIDES SBI, VASNA ROAD, VADODARA, GUJARAT</t>
  </si>
  <si>
    <t>GROUND FLOOR, SHOP NO 24, 25, 26, 28, 29, S SQUARE COMPLEX , ELLORA PARK,  , SUBHANPURA ROAD, VADODARA, GUJARAT</t>
  </si>
  <si>
    <t>GROUND FLOOR,  SHOP NO 25, KOTHARI CRYSTAL,  B/S POR GIDC, N.H.08 SERVICE ROAD,  , POR, GUJARAT</t>
  </si>
  <si>
    <t>PLOT NO.5,  GROUND FLOOR, OPP CHITRA PETROL PUMP, CHITRA, BHAVNAGAR, GUJARAT</t>
  </si>
  <si>
    <t>HDFC BANK LTD, KURUKSHETRA-PIPLI ROAD, OPPOSITE SECTOR 5, PIPLI, HARYANA</t>
  </si>
  <si>
    <t>SCF-36, SECTOR 4, HUDA MARKET, GURGAON, HARYANA</t>
  </si>
  <si>
    <t>HDFC BANK LTD,  GROUND FLOOR, UNIT 2,  3,  PALM COURT,  SECTOR 14, MEHRAULI ROAD,  SUKHRALI CHOWK, GURGAON, HARYANA</t>
  </si>
  <si>
    <t>HDFC BANK LTD, SHOP NO.16, 17, 18 &amp; 19, DLF CITY COURT, SIKANDERPUR, GURGAON, HARYANA</t>
  </si>
  <si>
    <t>HDFC BANK LTD, SCO-321, SECTOR 29, GURGAON, HARYANA</t>
  </si>
  <si>
    <t>HDFC BANK LTD, SHOP NO.4-8,  D BLOCK,  SOUTH CITY II, COMMERCIAL SHOPPING CENTER, GURGAON, HARYANA</t>
  </si>
  <si>
    <t>HDFC BANK LTD, SCO 843 844, RAILWAY ROAD, OPP HUDA, NARWANA, NARWANA, HARYANA</t>
  </si>
  <si>
    <t>WARD NO. 13,  GROUND FLOOR, RAILWAY ROAD, NEAR ANAJ MANDI, KALAYAT, HARYANA</t>
  </si>
  <si>
    <t>NO.2186,  GROUND FLOOR, PEHWA CHOWK,  JIND ROAD, FATEHPUR, PUNDRI, HARYANA</t>
  </si>
  <si>
    <t>HDFC BANK LTD, MAIN KAITHAL, PATIALA ROAD, SIWAN, HARYANA</t>
  </si>
  <si>
    <t>HDFC BANK LTD, GT ROAD, GHARONDA, GHARONDA, HARYANA</t>
  </si>
  <si>
    <t>HDFC BANK LTD, SHOP NO.129, NEW GRAIN MARKET, ISMAILABAD, ISMAILABAD, HARYANA</t>
  </si>
  <si>
    <t>ANAAJ MANDI, NEAR SDM RESIDENCE, MAHENDARGARH, MAHENDERGARH, HARYANA</t>
  </si>
  <si>
    <t>HDFC BANK LTD, PLOT NO.65, VPO AMAR ANAJ MANDI, ISRANA, HARYANA</t>
  </si>
  <si>
    <t>43 - 44, GANDHI MARKET, NEAR BUS STAND, HANSI, HARYANA</t>
  </si>
  <si>
    <t>WARD NO.8, CIVIL ROAD, SAMTA CHOWK,  DIST-SONIPAT, GOHANA, HARYANA</t>
  </si>
  <si>
    <t>HDFC BANK LTD, SCF 6,  ASHOKA ENCLAVE, EXTN I,  SECTOR 35, FARIDABAD, HARYANA</t>
  </si>
  <si>
    <t>RAWAT TOWERS,  UPVAN MARKET, NANAK DAIRY ROAD,  HASSANPUR CHOWK, NH-02,  HODAL, HODAL, HARYANA</t>
  </si>
  <si>
    <t>HDFC BANK LTD, MAIN MARKET, V.P.O.BARWALA, BARWALA, HARYANA</t>
  </si>
  <si>
    <t>WARD NO.7 VERMA COMPLEX, BUILDING NO.821,  NEAR NEW BUS STAND, PALAMPUR, PALAMPUR, HIMACHAL PRADESH</t>
  </si>
  <si>
    <t>HDFC BANK LTD, NH-21,  MANALI ROAD, DHALPUR, KULLU, HIMACHAL PRADESH</t>
  </si>
  <si>
    <t>HDFC BANK LTD, NEAR BASANT CINEMA, CHUGAN GROUND, NAHAN , NAHAN, HIMACHAL PRADESH</t>
  </si>
  <si>
    <t>HDFC BANK LTD, BAGHAT BARZULLA CHOWK, SRINAGAR, SRINAGAR, JAMMU AND KASHMIR</t>
  </si>
  <si>
    <t>THANA ROAD, OPP SIDHU KANU HIGH SCHOOL, DUMKA, DUMKA, JHARKHAND</t>
  </si>
  <si>
    <t>HDFC BANK LTD, CHINSURA BUS STAND,  GROUND FLOOR, GHARI MORE,  HUGLI, CHINSURA, WEST BENGAL</t>
  </si>
  <si>
    <t>HDFC BANK LTD, ANAND VIHAR,  RANCHI PATNA ROAD, NEAR JHANDA CHOWK, JHUMRI TILAIYA, JHARKHAND</t>
  </si>
  <si>
    <t>1ST FLOOR,  RANKA RAJ COMPLEX, NEAR ZILA SCHOOL, CHHAH MUHAN CHOWK, DALTONGANJ, JHARKHAND</t>
  </si>
  <si>
    <t>DRV PLAZA,  BB ROAD, 19TH WARD, NEAR OLD BUS STAND, DEVANHALLI, KARNATAKA</t>
  </si>
  <si>
    <t>VT ARCADE,  WARD NO.5, SOUNDARYAMAHAL CINEMA, NEAR OLD BUS STAND,  SHENIGARAPETE, DODDABALLAPUR, KARNATAKA</t>
  </si>
  <si>
    <t>NO.297/291/16 AND 266/261/17, HOSAHALLI ROAD, HUNSAMARANAHALLI, BANGALORE, KARNATAKA</t>
  </si>
  <si>
    <t>HDFC BANK LTD, KHATA No. 35 /38/1359,  BM Road, IGNOOR, RAMANAGARAM, KARNATAKA</t>
  </si>
  <si>
    <t>NO 195, 10TH CROSS, WILSON GARDEN, BANGALORE, KARNATAKA</t>
  </si>
  <si>
    <t>NO.103,  R.V.ROAD, V V PURAM, BANGALORE, BANGALORE, KARNATAKA</t>
  </si>
  <si>
    <t>NO.406,  80 FEET ROAD, GIRI NAGAR, 1ST PHASE, BANGALORE, KARNATAKA</t>
  </si>
  <si>
    <t>HDFC BANK LTD, GROUND FLOOR ,  NO. 3,  , CHURCH STREET,  BANGALORE, BANGALORE, KARNATAKA</t>
  </si>
  <si>
    <t>VINYAS TOWERS,  NO.41,  100 FEET RING, ROAD,  OPP. MANDOVI MOTORS, JP NAGAR 4TH PHASE, BANGALORE, KARNATAKA</t>
  </si>
  <si>
    <t>NO.10,  J.C INDUSTRIAL AREA, ELECHENAHALLI,  KONANKUNTE CROSS, KANAKPURA ROAD, BANGALORE, KARNATAKA</t>
  </si>
  <si>
    <t>NO.192,  SERVICE ROAD, OFF WEST OF CHORD ROAD, 2ND STAGE EXTN,  MAHALAXMIPURAM, BANGALORE, KARNATAKA</t>
  </si>
  <si>
    <t>NO.1075, 12TH MAIN ROAD, 8 TH CROSS,  OFF 100 FEET ROAD, INDIRA NAGAR, BANGALORE, KARNATAKA</t>
  </si>
  <si>
    <t>NO.56,  SAI ARCADE, OPP.INTEL,  MARATHAHALLI, SARJAPUR RING ROAD,  D.B HALLI, BANGALORE, KARNATAKA</t>
  </si>
  <si>
    <t>NO.1563,  8TH CROSS, OPP CHANDRA LAYOUT, VIJAYANAGAR, BANGALORE, KARNATAKA</t>
  </si>
  <si>
    <t>NO 20,  VENUGOPAL SWAMY LAYOUT, INTERMEDIATE RING ROAD, KORAMANGALA, BANGALORE, KARNATAKA</t>
  </si>
  <si>
    <t>4AC-116,  4TH MAIN, PALVOTTI CHURCH STREET, OMBR LAYOUT, BANASWADI, BANGALORE, KARNATAKA</t>
  </si>
  <si>
    <t>HDFC Bank Ltd., Nama Arcade, Ground and First Floor, No.9/A, T.S.No.12/69/2, Parvathi Nagara Main Road,  Bellary, Karnataka</t>
  </si>
  <si>
    <t>HDFC BANK LTD, PVK COMPLEX, NEAR AMBEDKAR JABBAL , CIRCLE, COLLEGE ROAD, HOSPET., HOSPET, KARNATAKA</t>
  </si>
  <si>
    <t>KDO HEIGHTS, CTS NO 3372, 1, 2A, 2B, 4,  PARASHWANATH ROAD, GADAG., GADAG, KARNATAKA</t>
  </si>
  <si>
    <t>SY NO 917/1/A/3,  BERAING PLOT NO 11, AND 20,  OPP TALUKA PANCHYAT OFFICE, RAILWAY STATION MAIN ROAD, SEDAM, KARNATAKA</t>
  </si>
  <si>
    <t>KRUTI COMPLEX, 173 A-1 A,  NH-PB ROAD, OPP - LIC OFFICE, HAVERI, KARNATAKA</t>
  </si>
  <si>
    <t>HDFC BANK LTD, NO.12,  6TH BLOCK, TNHB,  MOGAPPAIR WEST, CHENNAI, TAMIL NADU</t>
  </si>
  <si>
    <t>Ground Floor, Ward No 29, Opposite Hotel Satpuda, Railway Station Road, Balaghat, Madhya Pradesh</t>
  </si>
  <si>
    <t>HDFC BANK Ltd., Plot No. 503 A &amp; B, Ward No. 7, Bareth Road, Ganj Basoda, Dist. Vidisha. Madhya Pradesh</t>
  </si>
  <si>
    <t>SHOP NO.1-4, ALARK SHOPPING MALL, LALGHATI, BHOPAL, MADHYA PRADESH</t>
  </si>
  <si>
    <t>C F PLAZA, AMRAWATI ROAD, BURHANPUR, BURHANPUR, MADHYA PRADESH</t>
  </si>
  <si>
    <t>HDFC BANK LTD, BUNDELKHAND COMPLEX, JAWAHAR ROAD, CHATTARPUR, MADHYA PRADESH</t>
  </si>
  <si>
    <t>HDFC BANK LTD, 6A,  SECTOR - A, BHAWANIPUR COLONY, ANNAPURNA ROAD, INDORE, MADHYA PRADESH</t>
  </si>
  <si>
    <t>HDFC BANK LTD, SHOP NO.9, 10, 11,  SHEHNAI 2, KANADIA ROAD, INDORE, MADHYA PRADESH</t>
  </si>
  <si>
    <t>HDFC BANK LTD, HARI CLINIC, STATION ROAD, BINA, MADHYA PRADESH</t>
  </si>
  <si>
    <t>HDFC BANK LTD, OPPOSITE MANDI, BHOPAL ROAD, RAISEN, MADHYA PRADESH</t>
  </si>
  <si>
    <t>47, SUTARIPURA, JAORA, JAORA, MADHYA PRADESH</t>
  </si>
  <si>
    <t>HDFC BANK LTD, ARIHANT COMPLEX, ENGLISH PURA, OPP SIDDHI VINAYAK TEMPLE, SEHORE, MADHYA PRADESH</t>
  </si>
  <si>
    <t>NAHATA AGRICULTURE FARM EQUIPMENT, KACHARI CHOWK, JABALPUR ROAD, SEONI, MADHYA PRADESH</t>
  </si>
  <si>
    <t>WARD NO. 16,  HOTEL KARAM BHOOMI, NEAR BANK OF BARODA, DEVELOPMENT AREA, SHEHDOL, MADHYA PRADESH</t>
  </si>
  <si>
    <t>HDFC BANK LTD, SHIV COMPLEX, OPP. STATE BANK OF INDORE, SIDHI, MADHYA PRADESH</t>
  </si>
  <si>
    <t>HDFC BANK LTD, OPP.GOHOI VATIKA, NEAR PITAMBARA PEETH, DATIA, MADHYA PRADESH</t>
  </si>
  <si>
    <t>HDFC BANK LTD, CIVIL LINES, OPP.RANGE OFFICE, TIKAMGARH, MADHYA PRADESH</t>
  </si>
  <si>
    <t>KANCHAN,  KASLIWAL COMPOUND, NEAR BUS STAND, DIST - AHMEDNAGAR, KOPARGAON, MAHARASHTRA</t>
  </si>
  <si>
    <t>LALTAKI, SAVEDI ROAD, AHMEDNAGAR, AHMEDNAGAR, MAHARASHTRA</t>
  </si>
  <si>
    <t>SAGAR HEIGHTS, OPPOSITE BUS STAND, TALUKA BEED, BEED, MAHARASHTRA</t>
  </si>
  <si>
    <t>GROUND FLOOR,  CTS 2019/A-1 AND , CTS 2019/A-2, CTS NO.2019/3 &amp; 2019/4, DANA BAZAR, TAL/DIST- JALGAON, JALGAON, MAHARASHTRA</t>
  </si>
  <si>
    <t>45 VIDYA KUNJ, KOTWAL NAGAR, VEER SAVARKAR MARG, NAGPUR, MAHARASHTRA</t>
  </si>
  <si>
    <t>PARDESHI PURA, NEAR NAGAR PARISHAD, NANDURBAR, NANDURBAR, MAHARASHTRA</t>
  </si>
  <si>
    <t>HDFC BANK LTD, DEOLALI CENTRAL MALL, 27 LAM DEOLALI CAMP, NASHIK, MAHARASHTRA</t>
  </si>
  <si>
    <t>GROUND FLOOR,  KABRA COMPLEX, NEAR LAXMINARAYAN TEMPLE, STATION ROAD, PARBHANI, MAHARASHTRA</t>
  </si>
  <si>
    <t>SANMATI APARTMENT, SAMATA NAGAR, DAUND, DAUND, MAHARASHTRA</t>
  </si>
  <si>
    <t>GROUND FLOOR AND 2ND FLOOR, LANDMARK, BUILDING PLOT NO A-1 S NO 42, 43, CTS NO 203 OPPOSITE BIG BAZAAR., PUNE, MAHARASHTRA</t>
  </si>
  <si>
    <t>SUDHARSHAN PLAZA, OPP.ST BUS STAND, NARAYANGAON, NARAYANGAON, MAHARASHTRA</t>
  </si>
  <si>
    <t>HDFC BANK LTD, PLOT NO.4/1, LAL BAHADUR SHASTRI ROAD, NAVI PETH, PUNE, MAHARASHTRA</t>
  </si>
  <si>
    <t>HDFC BANK LTD, SAI EMPIRE, SHOWROOM NO 4B, BANER ROAD, BANER, PUNE, MAHARASHTRA</t>
  </si>
  <si>
    <t>HDFC BANK LTD, SHETTY COMPLEX,  GP 69, THERMAX CHOWK,  SAMBHAJI NAGAR, PUNE, MAHARASHTRA</t>
  </si>
  <si>
    <t>LUNAWAT PRISM,  7-B, NEENA CO- OPERATIVE, HOUSING SOCIETY, PAUD ROAD,  OPP.VANAZ FACTROY, PUNE, MAHARASHTRA</t>
  </si>
  <si>
    <t>HDFC BANK LTD, Ground Floor, Khandge Hero, Near HP Petrol Pump, Station Road ,Talegaon Dabhade, Tal -Maval, Dist – Pune , MaharashtraMAHARASHTRA</t>
  </si>
  <si>
    <t>PARAS PLAZA, SHOP NO 1-9, UPPER GROUND, NEAR SBI,  RISOD ROAD, WASHIM, MAHARASHTRA</t>
  </si>
  <si>
    <t>KALPATARU ESTATE, BUILDING NO.1, JOGESHWARI-VIKHROLI LINK ROAD, ANDHERI EAST, MUMBAI, MAHARASHTRA</t>
  </si>
  <si>
    <t>SHOP NO.1, 2 AND 3, VALENCIA CONDOMINIUM, 11, JUHU TARA ROAD, SANTACRUZ WEST, MUMBAI, MAHARASHTRA</t>
  </si>
  <si>
    <t>SAEESH INTERNATIONAL HOTEL, NEAR SAWANTWADI POST OFFICE, SAWANTWADI, SAWANTWADI, MAHARASHTRA</t>
  </si>
  <si>
    <t>SAMKIT BUNGLOW, 3893/1,  BHAWANI PETH, SOLAPUR ROAD, BARSHI, MAHARASHTRA</t>
  </si>
  <si>
    <t>KISHORE SHADOW APARTMENTS, SAI BABA NAGAR, OPP MANISHA NAGAR, PUNE ROAD, KALWA, MUMBAI, MAHARASHTRA</t>
  </si>
  <si>
    <t>SHOP NO.10-14, WHITE FIELD BUILDING, GR.FLR, E-WING, FLOWER VALLEY COMPLEX, KHADAKPADA,  KALYAN WEST, MUMBAI, MAHARASHTRA</t>
  </si>
  <si>
    <t>GANGA APARMENT,  SHOP NO 1-4, NETAJI CHOWK, ULHASNAGAR (E), MUMBAI, MAHARASHTRA</t>
  </si>
  <si>
    <t>PLOT NO 51 VED BUNGLOW, NEAR OLD TALATHI OFFICE, KULGAON BADLAPUR EAST, BADLAPUR, MAHARASHTRA</t>
  </si>
  <si>
    <t>SHOP NO. 2,  GROUND FLOOR, BUILDING NO.1,  AMOL NAGAR, NAIGAON EAST, THANE, MAHARASHTRA</t>
  </si>
  <si>
    <t>SHOP NO.1, 2, 3, 4 AND 5, SHREE RAM SANKUL,  ACHOLE ROAD, NALASOPARA EAST, MUMBAI, MAHARASHTRA</t>
  </si>
  <si>
    <t>SHOP NO.1, 2,  3 &amp; 4, AKITA APT,  OPP. GOVT HOSPITAL, KUMBHARWADA, AGASHI VIRAR-WEST, MUMBAI, MAHARASHTRA</t>
  </si>
  <si>
    <t>HDFC BANK LTD,  , WARDHANE TOWER, NEAR MIDC GATE, BUTI BORI, MAHARASHTRA</t>
  </si>
  <si>
    <t>HDFC Bank Ltd., Upper &amp; Lower Ground Floor, Hotel Sagar Inn, Sr.no 72/2/15 Manjari Bk. Pune Solapur Road, Maharashtra</t>
  </si>
  <si>
    <t>HDFC BANK LTD, P.B.BUILDING,  LOOM-SOO-IUNG, NEW HILL, JOWAI, MEGHALAYA</t>
  </si>
  <si>
    <t>HDFC BANK LTD, LEAD BANK BUILDING, HAWAKHANA, TURA, MEGHALAYA</t>
  </si>
  <si>
    <t>HDFC BANK LTD, E -21,  DARPUI VENG, BURRA BAZAR,  AIZWAL, AIZWAL, MIZORAM</t>
  </si>
  <si>
    <t>HDFC BANK LTD., CITY TOWER BUILDING, CIRCULAR ROAD, DIMAPUR, NAGALAND</t>
  </si>
  <si>
    <t>P.O.-HATATOTA, TALCHER, DIST. ANGUL, TALCHER, ODISHA</t>
  </si>
  <si>
    <t>HDFC BANK LTD, NEAR GURUDWARA, NH-6, BARGARH, ODISHA</t>
  </si>
  <si>
    <t>Ground Floor, Plot No- 447, Bhagwan Trade Center , Near IFFCO Square, Atharbanki, Paradeep, Dist- Jagatsinghpur, Odisha</t>
  </si>
  <si>
    <t>SAHU NIWAS, JAGANNATHPUR, KASHIPUR ROAD, KEONJHAR, ODISHA</t>
  </si>
  <si>
    <t>HDFC BANK LTD, MAHABIR CHOWK, JODA, JODA, ODISHA</t>
  </si>
  <si>
    <t>HDFC BANK LTD, P.S AND P.O SALEPUR MAIN ROAD, SALEPUR,  DIST - CUTTACK, SALEPUR, ODISHA</t>
  </si>
  <si>
    <t>ADJOINING MILAN PALACE, VIJAY NAGAR, BATALA ROAD, AMRITSAR, PUNJAB</t>
  </si>
  <si>
    <t>HDFC BANK LTD, CHEEMA BUILDING,  G.T.ROAD, NR.MAHARAJA SAWAN SINGH HOSPITAL, BEAS, PUNJAB</t>
  </si>
  <si>
    <t>NO. 372 /2, NEAR PREET PALACE, TARN TARAN ROAD, PATTI, PUNJAB</t>
  </si>
  <si>
    <t>HDFC BANK LTD, GT ROAD,  NEAR LIC OFFICE, DIST-HOSHIARPUR, DASUYA, PUNJAB</t>
  </si>
  <si>
    <t>HDFC BANK LTD, PHILLAUR ROAD, APRA, APRA, PUNJAB</t>
  </si>
  <si>
    <t>HDFC BANK LTD, NAKODAR ROAD, OPP.ORTHONOVA HOSPITAL, JALANDHAR, PUNJAB</t>
  </si>
  <si>
    <t>HDFC BANK LTD, MALSIAN ROAD,  LOHIAN KHAS, TEHSIL SHAHKOT,  DISTT JALANDHAR, LOHIAN KHAS, PUNJAB</t>
  </si>
  <si>
    <t>HDFC Bank Ltd.,Khasra No.8//9/2,8//27,8//9/1/2, Moga Shahkot Road Shahkot Teh. Shahkot, Distt. Jalandhar</t>
  </si>
  <si>
    <t>HDFC BANK LTD, GAZEBO COMPLEX, PHASE-IV,  FOCAL POINT, LUDHIANA, PUNJAB</t>
  </si>
  <si>
    <t>SCO 26-27, URBAN ESTATE, PHASE-1,  DUGRI, LUDHIANA, PUNJAB</t>
  </si>
  <si>
    <t>HDFC BANK LTD, NO.215,  MOTI BAGH COLONY, PAKHOWAL ROAD, PHULLANWALA, PUNJAB</t>
  </si>
  <si>
    <t>WARD NO. 2, GROUND FLOOR &amp; FIRST FLOOR, OPP. TEHSIL COMPLEX, BALACHAUR, PUNJAB</t>
  </si>
  <si>
    <t>HDFC BANK LTD, SCF 24, PHASE II, MOHALI, PUNJAB</t>
  </si>
  <si>
    <t>HDFC BANK LTD., CHANDIGARH KURALI ROAD, TEHSIL KHARAR, MULLANPUR GARIBADAS, PUNJAB</t>
  </si>
  <si>
    <t>HDFC BANK LTD, RAIKOT ROAD, MANDI AHMEDGARH, AHMEDGARH, PUNJAB</t>
  </si>
  <si>
    <t>HDFC BANK LTD, NEAR CIRCUIT HOUSE, AJMER ROAD, KISHANGARH, RAJASTHAN</t>
  </si>
  <si>
    <t>G 47 ,  NEEMRANA INDUSTRIAL AREA, NEAR POLICE STATION, DIST-ALWAR, NEEMRANA, RAJASTHAN</t>
  </si>
  <si>
    <t>HDFC BANK LTD, OPP. POWER HOUSE, BEHROR, BEHROR, RAJASTHAN</t>
  </si>
  <si>
    <t>HDFC BANK LTD, ASHAPURNA MENSION, STATION ROAD, BARMER, RAJASTHAN</t>
  </si>
  <si>
    <t>HDFC BANK LTD, PRAVEJ PALZA,  OPPOSITE SAMATA, M G ROAD, PRATAPGRAH, RAJASTHAN</t>
  </si>
  <si>
    <t>HDFC BANK LTD, PURANI SARAK, NEAR LAL GHANTAGHAR, CHURU, RAJASTHAN</t>
  </si>
  <si>
    <t>HDFC BANK LTD, ADITYA TOWERS, NEW SANGANER ROAD, JAIPUR, RAJASTHAN</t>
  </si>
  <si>
    <t>HDFC BANK LTD, SDC VINAY,  36-37,  MOJI COLONY, MALVIYA NAGAR, JAIPUR, RAJASTHAN</t>
  </si>
  <si>
    <t>HDFC BANK LTD, 12 &amp; 37,  STADIUM SHOPPING CENTRE, OPP UMAID STADIUM, JODHPUR, RAJASTHAN</t>
  </si>
  <si>
    <t>1 A 1 (SFS), DOCTOR'S ENCLAVE, DR.S C NURSING HOME ROAD,  TALWANDI, KOTA, RAJASTHAN</t>
  </si>
  <si>
    <t>HDFC BANK LTD, 19, 20 INDRA COLONY, SAWAI MADHOPUR, SAWAI MADHOPUR, RAJASTHAN</t>
  </si>
  <si>
    <t>HDFC BANK LTD, SHREE NATH PLAZA, BHANKROTA, JAIPUR, RAJASTHAN</t>
  </si>
  <si>
    <t>NO.244,  SAI TOWERS, POLLACHI ROAD, UDUMALPET, UDUMALPET, TAMIL NADU</t>
  </si>
  <si>
    <t>HDFC BANK LTD, VARADHARAJA SHOPPING COMPLEX, MAIN ROAD, DINDIGAL, TAMIL NADU</t>
  </si>
  <si>
    <t>HDFC BANK LTD, GROUND FLOOR, NEW NO.20-1, OLD NO.9A, ALAGESAN ROAD, VEDACHALAM NAGAR, CHENGALPET, TAMIL NADU</t>
  </si>
  <si>
    <t>HDFC BANK LTD,  KARAPAKKAM, NO.4/690,  OKKIAM,  THORAIPAKKAM, NEAR PTC BUSSTOP,  CHENNAI, CHENNAI, TAMIL NADU</t>
  </si>
  <si>
    <t>HDFC BANK LTD, NO.80,  NEELA SOUTH STREET, NAGAPATTINAM, NAGAPATTINAM, TAMIL NADU</t>
  </si>
  <si>
    <t>HDFC BANK LTD, NO.61, NO.2, GANDHI ROAD, MAYILADUTHURAI, TAMIL NADU</t>
  </si>
  <si>
    <t>NO.45, SHANMUGARAJA ROAD, KARAIKUDI, KARAIKUDI, TAMIL NADU</t>
  </si>
  <si>
    <t>HDFC BANK LTD, 10, SOMESWARAR SANNATHI, KUMBAKONAM, TAMIL NADU</t>
  </si>
  <si>
    <t>HIG 80, PAVENDAR SALAI, NH 1, MARAIMALAI NAGAR, CHENGALPATTU, TAMIL NADU</t>
  </si>
  <si>
    <t>AN TOWERS,  NO.27, VELLALAR STREET, ADAMBAKKAM, CHENNAI, TAMIL NADU</t>
  </si>
  <si>
    <t>NO.131 - A, SHOLINGHUR HIGH ROAD, ARAKKONAM, ARAKKONAM, TAMIL NADU</t>
  </si>
  <si>
    <t>HDFC BANK LTD, NO.5, VELAYUTHAM ROAD, SIVAKASI, TAMIL NADU</t>
  </si>
  <si>
    <t>N K COMPLEX,  NO.15, RAZACK GARDEN, MMDA, ARUMBAKKAM, CHENNAI, TAMIL NADU</t>
  </si>
  <si>
    <t>HDFC BANK LTD, NO.37 1ST FLOOR, CAR STREET,  TRIPLICANE, CHENNAI, TAMIL NADU</t>
  </si>
  <si>
    <t>DOOR NO.5 &amp; 6, VENKATAKRISHNA ROAD, MANDAVELI, CHENNAI, TAMIL NADU</t>
  </si>
  <si>
    <t>OLD NO - 34,  NEW NO - 105, HABIBULLAH ROAD, TNAGAR, CHENNAI, TAMIL NADU</t>
  </si>
  <si>
    <t>CG 1, 2, 3,  VARALAKSHMI VILLA, NO 217/219, KONNUR HIGH ROAD,  AYANAVARAM, CHENNAI, TAMIL NADU</t>
  </si>
  <si>
    <t>HDFC BANK LTD, IRIS,  OLD NO.70,  NEW NO.69, KASTURIBAI NAGAR,  3RD MAIN ROAD, CHENNAI, TAMIL NADU</t>
  </si>
  <si>
    <t>NO 5,  PMK NAGAR,  FIRST  FLOOR, MAHALINGAPURAM MAIN ROAD, NUNGAMBAKKAM, CHENNAI, TAMIL NADU</t>
  </si>
  <si>
    <t>NO 25-14 GROUND FLOOR AND 1ST FLOOR, RAYAKOTTAI, NEAR FLY OVER KRISHNAGIRI, KRISHNAGIRI, TAMIL NADU</t>
  </si>
  <si>
    <t>DLF IT SEZ BLOCK 5, SHIVAJI GARDEN,  BLOCK 5, GROUND FLOOR,  SHIVAJI GARDENS, CHENNAI, TAMIL NADU</t>
  </si>
  <si>
    <t>NO. 81/16,  KAKKAN STREET, NEAR PHILIPS HOSPITAL, WEST TAMBARAM, CHENNAI, TAMIL NADU</t>
  </si>
  <si>
    <t>NO 16/24, SRINIVASARAGHAVAN ROAD, NEW PERUNGALATHUR, CHENNAI, TAMIL NADU</t>
  </si>
  <si>
    <t>NO 71,  VENKATESAPURAM, TRICHY MAIN ROAD,  , PERAMBALUR, PERAMBALUR, TAMIL NADU</t>
  </si>
  <si>
    <t>No.40,  SALMA CENTRE, VANDIKARA STREET, M G ROAD, RAMANATHAPURAM, TAMIL NADU</t>
  </si>
  <si>
    <t>No.73, SALEM MAIN ROAD, DIST-SALEM, ELLAMPILLAI, TAMIL NADU</t>
  </si>
  <si>
    <t>NO.5/12,  MOUNT POONAMALLEE ROAD, NEAR CHENNAI TRADE CENTER, NANDAMBAKKAM, CHENNAI, TAMIL NADU</t>
  </si>
  <si>
    <t>HDFC BANK LTD, THE CANOPY, UNIT II,  GROUND FLOOR, MAHINDRA WORLD CITY,  CHENGALPATTU, CHENNAI, TAMIL NADU</t>
  </si>
  <si>
    <t>NO.318, RAILWAY FEEDER ROAD, VIRUDHUNAGAR, VIRUDHUNAGAR, TAMIL NADU</t>
  </si>
  <si>
    <t>DOOR NO:17/67/4, NAGERCOIL MAIN ROAD, THUCKLAY KANYAKUMARI, THUCKLAY, TAMIL NADU</t>
  </si>
  <si>
    <t>NO.13/14, BAZAAR STREET, RASIPURAM, RASIPURAM, TAMIL NADU</t>
  </si>
  <si>
    <t>NETWEST VIJAY,  PHASE I, VAIGAI BLOCK, NO.48, VELACHERY, MAIN ROAD, PALLIKARANAI, CHENNAI, TAMIL NADU</t>
  </si>
  <si>
    <t>HDFC BANK LTD, 19,  GT B NAGAR, KAREILLY, ALLAHABAD, UTTAR PRADESH</t>
  </si>
  <si>
    <t>HDFC BANK LTD, PLOT NO 542,  535/2 AT NAI SADAK, SHAHJADPUR,  AMBEDKAR NAGAR, AKBARPUR, UTTAR PRADESH</t>
  </si>
  <si>
    <t>HDFC BANK LTD, HOUSE NO.555,  SUBHASH CROSSING, KANPUR ROAD, AURIYA, UTTAR PRADESH</t>
  </si>
  <si>
    <t>PLOT NO.843, AILWAL, NEAR TRIMHANI, AZAMGARH, UTTAR PRADESH</t>
  </si>
  <si>
    <t>PREMISES NO.32 &amp; 32A, TOWN HALL, BALLIA, BALLIA, UTTAR PRADESH</t>
  </si>
  <si>
    <t>JANKI BALLABH COMPLEX, VEER VINAY,  CROSSING, BALRAMPUR, BALRAMPUR, UTTAR PRADESH</t>
  </si>
  <si>
    <t>660/592,  FALTUNGANJ, NEAR BAREILLY COLLEGE, SHYAMGANJ ROAD,  BAREILLY, BAREILLY, UTTAR PRADESH</t>
  </si>
  <si>
    <t>HOUSE NO.1795, HOTEL GIRIRAJ, NR ROADWAYS CROSSING, MALVIVIYA ROAD, BASTI, UTTAR PRADESH</t>
  </si>
  <si>
    <t>HDFC Bank Ltd, Ground Floor, Shubhra Complex ,Mahua Bagh,Ghazipur, UP</t>
  </si>
  <si>
    <t>HDFC BANK LTD, NEAR PUNJAB NATIONAL BANK, CHOUDHARY WADA, SIKANDRABAD, UTTAR PRADESH</t>
  </si>
  <si>
    <t>HDFC BANK LTD., 587/588,  S.M PLOT NO.347/6, MAUJA CHANDASI, MUGALSARAI, UTTAR PRADESH</t>
  </si>
  <si>
    <t>Premises no 154, part of Khasra No 329Mi, Tad Ke Daud, Dalit Basti, South robertsanj, Pargana Badahar, Tehsil - robertsganj, Dist - Sonbhadra UP</t>
  </si>
  <si>
    <t>614/1/2/3, KATRA FATEH MAMOOR KHAN, OLD ARYA KANPUR ROAD, ETAWAH, UTTAR PRADESH</t>
  </si>
  <si>
    <t>HDFC BANK LTD, 17/237 LAL DARWAZA, FATEHGARH, FATEHGARH, UTTAR PRADESH</t>
  </si>
  <si>
    <t>HDFC BANK LTD, UTSAV PALACE, CIVIL LINES, FATEHPUR, UTTAR PRADESH</t>
  </si>
  <si>
    <t>NARAYAN BHAWAN, ETAH ROAD, SHIKOHABAD UP, SHIKOHABAD, UTTAR PRADESH</t>
  </si>
  <si>
    <t>HDFC BANK LTD, BK-11, SECTOR I, NOIDA, UTTAR PRADESH</t>
  </si>
  <si>
    <t>HDFC BANK LTD, A 15/15, SECTOR 44, NOIDA, UTTAR PRADESH</t>
  </si>
  <si>
    <t>HDFC BANK LTD, PLOT NO.4 &amp; 5,  BLOCK-B MARKET, SECTOR 31, NOIDA, UTTAR PRADESH</t>
  </si>
  <si>
    <t>HDFC BANK LTD, B 27,  SECTOR 84, HOSIERY COMPLEX, NOIDA, UTTAR PRADESH</t>
  </si>
  <si>
    <t>HDFC BANK LTD, HOUSE NO 144,  MOHAN TOWER, STATION ROAD, GONDA, UTTAR PRADESH</t>
  </si>
  <si>
    <t>HDFC BANK LTD, MALIK COMPLEX, M.G.ROAD, KANNAUJ, UTTAR PRADESH</t>
  </si>
  <si>
    <t>HDFC BANK LTD, 26/72, BIRHANA ROAD, KANPUR., KANPUR, UTTAR PRADESH</t>
  </si>
  <si>
    <t>117-H-1/369, PANDU NAGAR, KANPUR, KANPUR, UTTAR PRADESH</t>
  </si>
  <si>
    <t>HDFC BANK LTD, IN FRONT OF PUBLIC COLLEGEGE, LAKHIMPUR ROAD, GOLA GOKARAN NATH, UTTAR PRADESH</t>
  </si>
  <si>
    <t>HDFC BANK LTD, PLOT NO.900,  DHARAMSHALA ROAD, POST PADRAUNA, PADRAUNA, UTTAR PRADESH</t>
  </si>
  <si>
    <t>HDFC BANK LTD, 72/2,  USMAN ROAD, NEAR COMMAND CANTEEN,  CANTT, LUCKNOW, UTTAR PRADESH</t>
  </si>
  <si>
    <t>B-1/294, SECTOR G,  SAHARA STATES ROAD, JANKIPURAM, LUCKNOW, UTTAR PRADESH</t>
  </si>
  <si>
    <t>KHASRA NO.1098, MOHALLA LOHIYA NAGAR, MANAKPUR CHAURAHA FARENDA ROAD, MAHARAJGANJ, UTTAR PRADESH</t>
  </si>
  <si>
    <t>HDFC BANK LTD, JYOTI TOWER, SAHADATPURA, MAU NATH BHANJAN, UTTAR PRADESH</t>
  </si>
  <si>
    <t>HDFC BANK LTD, SURYANSH PLAZA, 171/1,  TARU KUNJ,  GARH ROAD, MEERUT, UTTAR PRADESH</t>
  </si>
  <si>
    <t>WARD NO.8,  HOUSE NO.101, NEAR ABHAY MANDIR, MOHALLA DHNKEENGANJ, MIRZAPUR, UTTAR PRADESH</t>
  </si>
  <si>
    <t>150 C.B. GUPTA COLONY, MEERUT - KARNAL ROAD, SHAMLI, SHAMLI, UTTAR PRADESH</t>
  </si>
  <si>
    <t>HDFC BANK LTD, GURUDARSHAN BUILDING, KACHAHARI ROAD, LAKHIMPUR, UTTAR PRADESH</t>
  </si>
  <si>
    <t>BHOMISHREE COMPLEX, 3,  KUTCHERY ROAD, CIVIL LINES, PRATAPGARH, UTTAR PRADESH</t>
  </si>
  <si>
    <t>HDFC BANK LTD, SHAUKAT ALI ROAD, RAH E MURTZA,  CIVIL LINES, RAMPUR, UTTAR PRADESH</t>
  </si>
  <si>
    <t>11/49,  PLOT NO.177 G A, TRANSPORT NAGAR, SHIVA PARK, RENUKOOT, UTTAR PRADESH</t>
  </si>
  <si>
    <t>356, TAKI NAGAR, UNNAO, UNNAO, UTTAR PRADESH</t>
  </si>
  <si>
    <t>HDFC BANK LTD, JEEVAN PALACE, OPP.SAI BHARAV MANDIR,  MALL ROAD, ALMORA, UTTARAKHAND</t>
  </si>
  <si>
    <t>WARD NO.3, KASHIPUR-RUDRAPUR ROAD, NEAR HIND OIL PETROL PUMP, GADARPUR, UTTARAKHAND</t>
  </si>
  <si>
    <t>HDFC BANK LTD, KABITA BHAWAN, 1ST FLR, HOWRAH AMTA, ROAD, NEAR DOMJUR HOSPITAL, DOMJUR, WEST BENGAL</t>
  </si>
  <si>
    <t>HDFC BANK LTD, 61/C,  G.T.ROAD, SERAMPORE,  HOOGHLY, SERAMPORE, WEST BENGAL</t>
  </si>
  <si>
    <t>HDFC BANK LTD, 241,  NABAPALLY RAJDANGA, KASBA, KOLKATA, WEST BENGAL</t>
  </si>
  <si>
    <t>HDFC BANK LTD, 209,  C.R.AVENUE, KOLKATA, KOLKATA, WEST BENGAL</t>
  </si>
  <si>
    <t>HDFC BANK LTD, PREMISES NO -43/3 FEDDER ROAD, KOLKATA, KOLKATA, WEST BENGAL</t>
  </si>
  <si>
    <t>HDFC BANK LTD, 19,  ARMENIAN STREET, KOLKATA, KOLKATA, WEST BENGAL</t>
  </si>
  <si>
    <t>HDFC BANK LTD, 186,  M.G.ROAD, HARIDEVPUR, KOLKATA, WEST BENGAL</t>
  </si>
  <si>
    <t>HDFC BANK LTD, 42,  D.L.ROY ROAD, BOW BAZAR, KRISHNANAGAR, WEST BENGAL</t>
  </si>
  <si>
    <t>HDFC BANK LTD, 1/1 PRAFULLA NAGAR, DUM DUM ROAD, KOLKATA, WEST BENGAL</t>
  </si>
  <si>
    <t>MANIKTALA MORE, HOLDING NO.56,  PADUM BASHAN, DIST-EAST MIDNAPORE, TAMLUK, WEST BENGAL</t>
  </si>
  <si>
    <t>20/A,  S.N.BANARJEE ROAD, BUDGE BUDGE, SOUTH 24 PARGANAS, KOLKATA, WEST BENGAL</t>
  </si>
  <si>
    <t>VILL - AMTALA,  P.O. - KANNANAGAR,  , P.S. BISHNUPUR,  , (BESIDE AMTALA RURAL HOSPITAL), AMTALA, WEST BENGAL</t>
  </si>
  <si>
    <t>NO.15-461, B.SRI VAISHANAVA DEVI NILAYAM, BEHIND GOVT AREA HOSPITAL, ADONI, ANDHRA PRADESH</t>
  </si>
  <si>
    <t>FIRST FLOOR 20, 20A, TAJ ROAD, SADAR BAZAR, AGRA, UTTAR PRADESH</t>
  </si>
  <si>
    <t>HDFC BANK LTD, Premises Adjoining Bus Stand , Amritsar Road , Ajnala. Amritsar, Punjab</t>
  </si>
  <si>
    <t>GROUND FLOOR, OSCAR ELITE TOWN, ALDONA, ALDONA, GOA</t>
  </si>
  <si>
    <t>HDFC BANK LTD, 5/42,  MASOODABAD CHOWK, ALIGARH, ALIGARH, UTTAR PRADESH</t>
  </si>
  <si>
    <t>8-1,  SY.NO.268/A1, T.B.ROAD, ALLAGADDA, ALLAGADDA, ANDHRA PRADESH</t>
  </si>
  <si>
    <t>S R CENTER, FIRST FLOOR, DOOR NO.9,  SRIMAN SRINIVASAN ROAD, ALWARPET, CHENNAI, TAMIL NADU</t>
  </si>
  <si>
    <t>HDFC BANK LTD, AG-26, SHALIMAR BAGH II, NEW DELHI, DELHI</t>
  </si>
  <si>
    <t>SRI GANGA ICE FACTORY, HARIDWAR ROAD, NEAR MALLA GODOWN, NAJIBABAD, UTTAR PRADESH</t>
  </si>
  <si>
    <t>HDFC BANK LTD, MAHABIR COMPLEX, HOSPITAL ROAD, ARRAH, BIHAR</t>
  </si>
  <si>
    <t>A - 849, SECTOR I, ASHIYANA, KANPUR ROAD, LUCKNOW, UTTAR PRADESH</t>
  </si>
  <si>
    <t>HDFC BANK LTD, VIDISHA RAILWAY OVER BRIDGE TIRAHA, CHOWRAI, ASHOK NAGAR, MADHYA PRADESH</t>
  </si>
  <si>
    <t>GOSWAMI MARKET,  WARD NO.6, KANNOD ROAD, ASHTA, ASHTA, MADHYA PRADESH</t>
  </si>
  <si>
    <t>HDFC BANK LTD, PUSHKAR COMPLEX, NEW AREA,  M.G.ROAD, AURANGABAD, BIHAR</t>
  </si>
  <si>
    <t>NO. 64, VGN NAGAR, AYYAPANTHANGAL, CHENNAI, TAMIL NADU</t>
  </si>
  <si>
    <t>BUILDING NO.1, RAM RAJA TRADERS, NEAR BABINA CHUNGI, BABINA, UTTAR PRADESH</t>
  </si>
  <si>
    <t>HDFC Bank Ltd., Gayatri Puram, Plot No. 257, Delhi Road, Adjoining ICICI Branch, Baghpat, U.P.</t>
  </si>
  <si>
    <t>HDFC BANK LTD, 153/25,  AMAR CINEMA COMPLEX, MOHALLA GULAR NAKA, BANDA, UTTAR PRADESH</t>
  </si>
  <si>
    <t>Hdfc Bank, Ward no 1, Chandigarh Rajpura road, District SAS Nagar, Punjab</t>
  </si>
  <si>
    <t>HDFC BANK LTD, DHIPASAHI, STATION ROAD, BARIPADA, ODISHA</t>
  </si>
  <si>
    <t>B-25, 26, 27, NEAR SAI MANDIR, KHARORA MAIN ROAD, TILDA, CHHATTISGARH</t>
  </si>
  <si>
    <t>PLOT NO.35, MAIN ROAD, GANGYAL, JAMMU, JAMMU AND KASHMIR</t>
  </si>
  <si>
    <t>HDFC BANK LTD, 432,  BHERA ENCLAVE, PASCHIM VIHAR, NEW DELHI, DELHI</t>
  </si>
  <si>
    <t>HDFC BANK LTD., GUPTA COMPLEX, SALANDI BYPASS, BHADRAK, ODISHA</t>
  </si>
  <si>
    <t>SCF 7, NEW GRAIN MARKET, BHAWANIGARH, BHAWANIGARH, PUNJAB</t>
  </si>
  <si>
    <t>HDFC BANK LTD, MANIKESWARI CHOWK, DISTT - KALAHANDI, BHAWANIPATNA, ODISHA</t>
  </si>
  <si>
    <t>HDFC BANK LTD, GADHBOR TOWER, SABUN MARG, BHILWARA, RAJASTHAN</t>
  </si>
  <si>
    <t>HDFC BANK LTD, RAMCHANDARPUR, MAIN ROAD, BIHAR SHARIF, BIHAR</t>
  </si>
  <si>
    <t>HDFC BANK LTD, OMKAR PLAZA,  PLOT NO.74, CHALUKYA NAGAR, SHOLAPUR ROAD, BIJAPUR, KARNATAKA</t>
  </si>
  <si>
    <t>HDFC BANK LTD., KOCHGAON, BISWANATH CHAIRALI, DISTT-SONITPUR, BISWANATH CHAIRALI, ASSAM</t>
  </si>
  <si>
    <t>HDFC BANK LTD., BORBHUIN,  15TH MILE, G.S. ROAD, BYRNIHAT, MEGHALAYA</t>
  </si>
  <si>
    <t>HDFC BANK LTD, NAVI ABBADI, JATTAN MOHALLA, ADAMPUR, PUNJAB</t>
  </si>
  <si>
    <t>HDFC Bank Ltd, Station Road, Palia Kalan , Dist. Lakhimpur Khiri, UP</t>
  </si>
  <si>
    <t>HDFC Bank Ltd., Ground &amp; Mezzanine floor, Khasra no. 79, Alam Sarai, Andar Chungi, Chandausi Chauraha, Sambhal, U.P.</t>
  </si>
  <si>
    <t>SULAKASHANA COMPLEX, HATWA MARKET,  KATCHERY ROAD, CHAPRA, CHAPRA, BIHAR</t>
  </si>
  <si>
    <t>BUILDING NO. 1, OPPOSITE GOVERNMENT REST HOUSE, CHARKHI DADRI, CHARKHI DADRI, HARYANA</t>
  </si>
  <si>
    <t>HDFC BANK LTD., FLAT NO.F-13/2,  Villege Nisha, JINDAL STEEL AND POWER COMPLEX, CHHENDIPADA, ODISHA</t>
  </si>
  <si>
    <t>HDFC Bank Ltd, Ground Floor, Mayur Tourist Home Building, MD No- 8-1-1, Ashok Circle, Hospet Road, Koppal, KARNATAKA</t>
  </si>
  <si>
    <t>HDFC BANK LTD, No 1276, Nishaath Plaza, 1st Floor, Marakkadai Junction, Mill Road, Coimbatore - 641001</t>
  </si>
  <si>
    <t>GROUND FLOOR, SIOLIM PLAZA TOWN, SIOLIM, SIOLIM, GOA</t>
  </si>
  <si>
    <t>HDFC BANK LTD, SANTI NIKETAN BUILDING, JHOLASAHI, CUTTACK, ODISHA</t>
  </si>
  <si>
    <t>VISHAL MART BUILDING, MAIN G.T. ROAD, MANGLORE CHOWKI, DEOBAND, UTTAR PRADESH</t>
  </si>
  <si>
    <t>GROUND FLOOR,  SAI COMPLEX, PRABHU STREET, OPP. VALSAD SAHAKARI BANK, DHARAMPUR, GUJARAT</t>
  </si>
  <si>
    <t>HDFC BANK LTD, OFFICE TILLA, D. K. ROAD, DHARMANAGAR, TRIPURA</t>
  </si>
  <si>
    <t>HDFC BANK LIMITED,  GROUND FLOOR, G-49,  BESTECH CITY CENTER,  NH-8,  , DHARUHERA,  DISTRICT REWARI, REWARI, HARYANA</t>
  </si>
  <si>
    <t>JAGANNATH ROAD, NEAR HOTEL SURYA, DHENKANAL, DHENKANAL, ODISHA</t>
  </si>
  <si>
    <t>HDFC BANK LTD, KALIBARI ROAD, DHUBRI TOWN, DHUBRI, ASSAM</t>
  </si>
  <si>
    <t>HDFC BANK LTD., CHARIYALI OPP FOREST RANGE OFFICE, ASSAM TOWN, DIGBOI, ASSAM</t>
  </si>
  <si>
    <t>HDFC BANK LTD, 4425 GROUND FLOOR,  4429 TO 4430, NAI SARAK, NEW DELHI, DELHI</t>
  </si>
  <si>
    <t>H.No.8-4-34/B, GANDHI NAGAR, BESIDES KAMAREDDY, SIRCILLA, TELANGANA</t>
  </si>
  <si>
    <t>HDFC BANK LTD, (B.O.C)AGIA ROAD, BALADMARI, GOALPARA, ASSAM</t>
  </si>
  <si>
    <t>HDFC BANK LTD, 24,  MILL ROAD, GOBICHETTIPALAYAM, GOBICHETTIPALAYAM, TAMIL NADU</t>
  </si>
  <si>
    <t>GROUND FLOOR, COMMUNITY CENTER, KAMAL CINEMA,  SAFDARJUNG ENCLAVE, NEW DELHI, DELHI</t>
  </si>
  <si>
    <t>HDFC BANK LTD, D.NO. 11/137,  137/A,  GVR CENTRAL, ELURU ROAD,  , GUDIVADA, ANDHRA PRADESH</t>
  </si>
  <si>
    <t>HDFC BANK LTD, WARD NO.8, VIVEK NAGAR, HAMIRPUR, UTTAR PRADESH</t>
  </si>
  <si>
    <t>14/6,  MACKANZIE LANE, GROUND FLOOR, NEAR P.S-GOLABARI, HOWRAH, WEST BENGAL</t>
  </si>
  <si>
    <t>NO.1513/E1, EAST MAIN ROAD, ANNA NAGAR-WEST EXTN, CHENNAI, TAMIL NADU</t>
  </si>
  <si>
    <t>H. NO. 4-9-701,  PLOT NO 12, NEAR BUS DEPOT STOP, LECTURERS COLONY,  HAYATHNAGAR, HYDERABAD, TELANGANA</t>
  </si>
  <si>
    <t>NAWA MONDHA, PLOT NO 8/163, NEAR STATE BANK OF INDIA, HINGOLI, MAHARASHTRA</t>
  </si>
  <si>
    <t>HDFC BANK LTD, J.K KEDIA RAOD, HOJAI, HOJAI, ASSAM</t>
  </si>
  <si>
    <t>NO.446,  17TH CROSS, 4TH SECTOR, HSR LAYOUT, BANGALORE, KARNATAKA</t>
  </si>
  <si>
    <t>HDFC BANK LTD., 201,  MAHATMA GANDHI ROAD, JUNGLIGHAT, PORT BLAIR, ANDAMAN AND NICOBAR</t>
  </si>
  <si>
    <t>NO.8-2-681/A/1/A/ GROUND FLOOR, ZOOM HOUSE,  ROAD NO.12, BANJARA HILLS, HYDERABAD, TELANGANA</t>
  </si>
  <si>
    <t>NO.3-6-288/3 GROUND FLOOR NO.101, SRI SIVARAMA TOWERS, OPP OLD MLA QUARTER HYDERGUDA, HYDERABAD, TELANGANA</t>
  </si>
  <si>
    <t>NO.5-1-680,  TK HOUSE, GROUND FLOOR,  BANK STREET, MAIN ROAD,  KOTI, HYDERABAD, TELANGANA</t>
  </si>
  <si>
    <t>NO.10-3-567,  LIGH 77/3RT, MALLEPALLY, VIJAY NAGAR COLONY, HYDERABAD, TELANGANA</t>
  </si>
  <si>
    <t>HDFC BANK LTD, TAMPHA EBEMA BUILDING, GANDHI AVENUE, IMPHAL, MANIPUR</t>
  </si>
  <si>
    <t>HDFC BANK LTD, ADITYA RESIDENCY,  MANIKBAGH, PALSIKAR SQUARE, INDORE, MADHYA PRADESH</t>
  </si>
  <si>
    <t>HDFC BANK LTD, NEAR NIRBHAY SINGH CIRCLE, POLICE LINE CIRCLE, JHALAWAR, RAJASTHAN</t>
  </si>
  <si>
    <t>HDFC BANK LTD, LAXMI ESTATE, ASTKOT MAIN ROAD, JASDAN, GUJARAT</t>
  </si>
  <si>
    <t>RAJENDRA HOSPITAL, OPPOSITE NAGAR PALIKA, JALORE, JALORE, RAJASTHAN</t>
  </si>
  <si>
    <t>HDFC BANK LTD, 1262/1,  VEERANGANA NAGAR, MAIN KANPUR ROAD, JHANSI, UTTAR PRADESH</t>
  </si>
  <si>
    <t>HDFC BANK LTD, M 1 SAKET, NEW DELHI, NEW DELHI, DELHI</t>
  </si>
  <si>
    <t>HDFC BANK LTD,  75/21 , RANJEET PURWA , HALSEY ROAD ,  KANPUR, KANPUR, UTTAR PRADESH</t>
  </si>
  <si>
    <t>5-3-251, WARD NO.5, BESIDE MUNICIPAL OFFICE, NH 7 ROAD, KAMAREDDY, TELANGANA</t>
  </si>
  <si>
    <t>HDFC BANK LTD, 2901-2902,  ARYA SAMAJ ROAD, BEDANPURA,  KAROL BAGH, NEW DELHI, DELHI</t>
  </si>
  <si>
    <t>HDFC BANK LTD, DR.PICKLE ROAD, NEXT TO SBI, KARWAR, KARNATAKA</t>
  </si>
  <si>
    <t>HDFC BANK LTD., PODDAR PLACE, M G ROAD., KATIHAR, BIHAR</t>
  </si>
  <si>
    <t>HDFC BANK LTD, NO.1104,  1ST MAIN ROAD, KENGERI SATELLITE TOWN, BANGALORE, KARNATAKA</t>
  </si>
  <si>
    <t>PLOT NO. 403 - 404, NEAR DURGA HOTEL,  KISHAN GATE, GIDC,  METODA, METODA, GUJARAT</t>
  </si>
  <si>
    <t>OPP. MISSION COMPOUND, NEAR GHANTAGHAR,  MAIN ROAD, KHATAULI,  DIST. MUZZAFAR NAGAR, KHATAULI, UTTAR PRADESH</t>
  </si>
  <si>
    <t>SHANMUGAR ILLAM, NEAR HANSA GARDEN, MADAMBAKKAM MAIN RD, CHENNAI, TAMIL NADU</t>
  </si>
  <si>
    <t>HDFC BANK LTD, KEZIEKE, NEAR KFC, KOHIMA, NAGALAND</t>
  </si>
  <si>
    <t>HDFC BANK LIMITED, MAIN ROAD,  WARD NO-09, NEAR ASSAM GRAMIN BIKASH BANK, KOKRAJHAR, ASSAM</t>
  </si>
  <si>
    <t>KANKARIA ESTATE,  6, LITTLE RUSSEL STREET, CAMAC STREET, KOLKATA, WEST BENGAL</t>
  </si>
  <si>
    <t>PLOT NO. 225,  226,  MPLH NO.82, NAZUL SHEET NO. 27,  BLOCK NO. 11, NEW SHIVAJI WARD, HINGANGHAT, MAHARASHTRA</t>
  </si>
  <si>
    <t>NO-2-41/2/A,  PAVAN PRIYANKA PLAZA, KOTHAGUDA CROSS ROADS, KONDAPUR, HYDERABAD, TELANGANA</t>
  </si>
  <si>
    <t>HDFC BANK LTD, GANDHI CHOWK,  PURANI DHAN MANDI, RAMPURA BAZAR, KOTA, RAJASTHAN</t>
  </si>
  <si>
    <t>HDFC BANK LTD, 894,  MAIN ROAD, KOVILPATTI, KOVILPATTI, TAMIL NADU</t>
  </si>
  <si>
    <t>MUMBAI - BANGLORE HIGHWAY, A/P UMBRAJ, TAL-KARAD,  DIST-SATARA, UMBRAJ, MAHARASHTRA</t>
  </si>
  <si>
    <t>NO 94-95, NAGARJUNA NAGAR COLONY, KAPRA KUSHAIGUDA, HYDERABAD, HYDERABAD, TELANGANA</t>
  </si>
  <si>
    <t>HDFC BANK LTD., PLOT NO.9, LOCAL SHOPPING COMPLEX, SECTOR B, POKET 1, VASANT KUNJ, NEW DELHI, DELHI</t>
  </si>
  <si>
    <t>NO.10-1-136/3, GROUND FLOOR,  LAKSHMI PLAZA, KANEKAR ROAD, RAYADURG, ANDHRA PRADESH</t>
  </si>
  <si>
    <t>HDFC BANK LTD., HOTEL RAJ,  NO 1/A,  BLCOK NO 11, WEBS ROAD, MADIKERI, KARNATAKA</t>
  </si>
  <si>
    <t>HDFC BANK LTD, 316,  HIG ANNA NAGAR, 80 FEET ROAD, MADURAI, TAMIL NADU</t>
  </si>
  <si>
    <t>UNIT NO.1, PLOT NO.154/2A, MAQBOOL ALAM ROAD, VARANASI TRADE CENTER, VARANASI, UTTAR PRADESH</t>
  </si>
  <si>
    <t>Near SBI Chowk , Infront of IndusInd Bank, Rewa Road , Maihar , Satna, Madhya Pradesh</t>
  </si>
  <si>
    <t>HDFC BANK LTD, CHAUTALA ROAD, OPP.NIRANKARI BHAWAN, MANDI DABWALI, HARYANA</t>
  </si>
  <si>
    <t>HDFC BANK LTD, SHREEJI MALL, NEAR SWAMINARAYAN TEMPLE ROAD, MANDVI, GUJARAT</t>
  </si>
  <si>
    <t>HDFC Bank Ltd. Ground Floor, Ward No 5, LNB Road, Mangaldoi, Darrang, Assam.</t>
  </si>
  <si>
    <t>HDFC BANK LTD, BYE-PASS,  NH 55, MERAMANDALI, MERAMANDALI, ODISHA</t>
  </si>
  <si>
    <t>B-1/I-1, MATHURA ROAD, MOHAN CO-OPRATIVE INDUSTRIAL ESTATE, NEW DELHI, DELHI</t>
  </si>
  <si>
    <t>HDFC BANK LTD, BF-1,  NEAR METRO STATION, TAGORE GARDEN, NEW DELHI, DELHI</t>
  </si>
  <si>
    <t>HDFC BANK LTD., A.T. ROAD, HAIBARGAON, NAGAON, ASSAM</t>
  </si>
  <si>
    <t>HDFC BANK LTD, TIMBER MARKET, GANDHI CHOWK, NAGAUR, RAJASTHAN</t>
  </si>
  <si>
    <t>SHOP NO.60-61, ROPAR ROAD, NALGARH, NALGARH, HIMACHAL PRADESH</t>
  </si>
  <si>
    <t>HDFC Bank Ltd.
NT Road, Near Jain Mandir, Nalbari, Assam</t>
  </si>
  <si>
    <t>HDFC BANK LTD, E-51, NARAINA VIHAR, NEW DELHI, DELHI</t>
  </si>
  <si>
    <t>HDFC Bank Ltd., Ground and First Floor, Swami Chandraprakash Amarpur Dham (Trust) Opp to APMC Market, Dindori Road, Panchavati Nashik MAHARASHTRA</t>
  </si>
  <si>
    <t>133/M/280, MARBEL MARKET, KIDWAI NAGAR, KANPUR, UTTAR PRADESH</t>
  </si>
  <si>
    <t>NO.50,  1ST MAIN ROAD, CIT NAGAR, NANDANAM, CHENNAI, TAMIL NADU</t>
  </si>
  <si>
    <t>H.No. 1-2-112, Eidgoan, Bhainsa Road, Nirmal, Telangana</t>
  </si>
  <si>
    <t>HDFC BANK LTD., AMINGAON, NEAR SBI, GUWAHATI, ASSAM</t>
  </si>
  <si>
    <t>NO.7/3,  OPP RMZ INFINITY, NEXT TO GOPAL MALL, OLD MADRAS ROAD, BANGALORE, KARNATAKA</t>
  </si>
  <si>
    <t>MANIK COMPLEX, 5434,  MOHALLA PATEL NAGAR, RAJ MARG, ORAI, UTTAR PRADESH</t>
  </si>
  <si>
    <t>HDFC BANK LTD., GROUND FLOOR, NEW PLOT, BANK STREET, DIST-JALGAON, AMALNER, MAHARASHTRA</t>
  </si>
  <si>
    <t>HDFC BANK LTD, 23/2,  MUTHAMIZH NAGAR, PAMMAL MAIN ROAD,  PALLAVARAM, CHENNAI, TAMIL NADU</t>
  </si>
  <si>
    <t>GROUND FLOOR, PITRU SMRUTI BLDG, OPP. BANK OF BARODA, PARDI, GUJARAT</t>
  </si>
  <si>
    <t>HDFC BANK LTD., OPP. PRAKASH PETROL PUMP, G T ROAD., SASARAM, BIHAR</t>
  </si>
  <si>
    <t>NO.40,  PUDUPET MAIN ROAD, TIRUPATTUR, TIRUPATTUR, TIRUPATTUR, TAMIL NADU</t>
  </si>
  <si>
    <t>HDFC BANK LTD,  SR NO 31/2, ANU SAKHA ESTATE,  NORTH MAIN ROAD, NEAR LANE 5,  KOREGOAN PARK, PUNE, MAHARASHTRA</t>
  </si>
  <si>
    <t>F126, FIRST FLOOR, KATWARIA SARAI, NEW DELHI, DELHI</t>
  </si>
  <si>
    <t>HDFC BANK LTD, 123,  NEETA COMPLEX BUILDING, RAHURI, RAHURI, MAHARASHTRA</t>
  </si>
  <si>
    <t>NO. 4 / 95, MAIN ROAD, RAJAMPET, RAJAMPET, ANDHRA PRADESH</t>
  </si>
  <si>
    <t>SURAJ APARTMENT, DHALIPARA,  NEW TOWN, RAJARHAT, KOLKATA, WEST BENGAL</t>
  </si>
  <si>
    <t>HDFC BANK LTD, DHARAMSHALA ROAD, DIST NALANDA, RAJGIR, BIHAR</t>
  </si>
  <si>
    <t>HDFC BANK LTD, KARGIL CHOWK, BYPASS ROAD, SITAMARHI, BIHAR</t>
  </si>
  <si>
    <t>C/O JASPURIA LINE, RAMNAGAR, DIST- NAINITAL, RAMNAGAR, UTTARAKHAND</t>
  </si>
  <si>
    <t>HDFC BANK LTD, N.S ROAD. COSMOS COMPLEX, DIST-JALPAIGURI, JAYGAON, WEST BENGAL</t>
  </si>
  <si>
    <t>HDFC BANK LTD, RANCHI MAIN ROAD, NEAR MAHAVIR TEMPLE, RANCHI, JHARKHAND</t>
  </si>
  <si>
    <t>HDFC Bank Ltd, No 14 Netaji Street, By-Pass Road, Redhills, Chennai</t>
  </si>
  <si>
    <t>HDFC BANK LTD, NEAR MALWA SWEETS, WARD NO.2, KHAMANON, PUNJAB</t>
  </si>
  <si>
    <t>SHOP NO-85,  WARD NO 17, HUDA COMPLEX, OPPOSITE SURYA HOTEL, CIVIL ROAD, ROHTAK, HARYANA</t>
  </si>
  <si>
    <t>HDFC BANK LTD, RAILWAY ROAD, NEAR HOTEL SURYA LOK, SAHARANPUR, UTTAR PRADESH</t>
  </si>
  <si>
    <t>H.NO.11-3/1/1,  PLOT NO 196 AND 197, JAYA PLAZA,  MADHURA NAGAR, SHAMSHABAD, HYDERABAD, TELANGANA</t>
  </si>
  <si>
    <t>BUILDING NO 09, PARIWAR COMPLEX, JHANSI ROAD, LALITPUR, UTTAR PRADESH</t>
  </si>
  <si>
    <t>HDFC BANK LTD, PLOT NO F 26/7, AYODHYA CHOWK,  SECTOR 7, NEW DELHI, DELHI</t>
  </si>
  <si>
    <t>PLOT NO.1, 2 AND 3, SRI SAI KRISHNA ARCADE, OPP NAVODAYA HIGH SCHOOL, HYDERABAD, TELANGANA</t>
  </si>
  <si>
    <t>HDFC BANK LTD, 210, OKHLA INDUSTRIAL AREA PH 3, NEW DELHI, DELHI</t>
  </si>
  <si>
    <t>NO. 2/21, SUSILA NAGAR, KELAMBAKKAM, CHENNAI, TAMIL NADU</t>
  </si>
  <si>
    <t>HDFC BANK LTD, B-247, PRIYADARSHINI VIHAR, NEW DELHI, DELHI</t>
  </si>
  <si>
    <t>NO.68 GROUND FLOOR, MINT STREET, SOWCARPET, CHENNAI, TAMIL NADU</t>
  </si>
  <si>
    <t>ALPINE HOTEL, BADRINATH MARG, NEAR BUS STAND, SRINAGAR, UTTARAKHAND</t>
  </si>
  <si>
    <t>RELAX INN BUILDING H. NO 83/4, WARD NO 4 BHOJPUR - TEHSIL, SUNDER NAGAR, SUNDER NAGAR, HIMACHAL PRADESH</t>
  </si>
  <si>
    <t>HDFC BANK LTD, 113/150,  BLOCK-C, SWAROOP NAGAR, KANPUR, UTTAR PRADESH</t>
  </si>
  <si>
    <t>HDFC BANK LTD, NO. 19-440,  SATYAKAMALA COMPLEX, SAGAR ROAD, MIRYALAGUDA, TELANGANA</t>
  </si>
  <si>
    <t>NO.75 A,  ARCOT ROAD, SALIGRAMAM, VADAPALANI, CHENNAI, TAMIL NADU</t>
  </si>
  <si>
    <t>NO. 1-62/2,  PLOT NO 29, KAVURI HILLS, PHASE ONE,  MADHAPUR, HYDERABAD., HYDERABAD, TELANGANA</t>
  </si>
  <si>
    <t>#20-1-87/1, 20-1-87/2, Near Bustand, Opp. Muncipal Office, Godavarikhani, Ramagundam</t>
  </si>
  <si>
    <t>HDFC BANK LTD, MAHARAJA PLACE, MUNICIPAL NO.538, PURANPUR, UTTAR PRADESH</t>
  </si>
  <si>
    <t>HARISH ARCADE,  PLOT NO. 2 &amp; 11, VIGNESH NAGAR,  KATTUR PO, THIRUVERUMBUR, TRICHY, TAMIL NADU</t>
  </si>
  <si>
    <t>NO.46,  MADURAI MAIN ROAD, OPP TO MEPCO SCHOOL, THIRUMANGALAM, THIRUMANGALAM, TAMIL NADU</t>
  </si>
  <si>
    <t>Ground and first floor, Door no 1/554-D and 1/554 -HPB Business point, Kovilakom Road,Nilambur ,Malappuram Dist Kerala</t>
  </si>
  <si>
    <t>HDFC BANK LTD, ANUSUYA COMPLEX, SHOP NO.5, 6 AND 7, GALINDE NAGAR,  BHIGWAN ROAD, PUNE, MAHARASHTRA</t>
  </si>
  <si>
    <t>SAWARNA MAHAL, OPP GOVT JUNIOR COLLEGE GROUND, BH ROAD, TUMKUR, KARNATAKA</t>
  </si>
  <si>
    <t>HDFC BANK LTD, SC 1 AND 2,  PAMPOSH ENCLAVE, GREATER KAILASH I, NEW DELHI, DELHI</t>
  </si>
  <si>
    <t>HDFC BANK LTD, G 22-33,  PANKAJ CENTRAL MARKET, PATPARGANJ, IP EXTENTION, NEW DELHI, DELHI</t>
  </si>
  <si>
    <t>HDFC BANK LTD, A-2,  CC COLONY, OPP. RANA PRATAP BAGH, NEW DELHI, DELHI</t>
  </si>
  <si>
    <t>OLD NO.319B/13,  NEW NO.46/B13, SOUTH BOAG ROAD, T NAGAR, CHENNAI, TAMIL NADU</t>
  </si>
  <si>
    <t>H NO. 38-54,  GROUND FLOOR, BUS DEPOT ROAD, VALLABHNAGAR, WANAPARTHY, TELANGANA</t>
  </si>
  <si>
    <t>9-1-3 TO 9-1-7, WARANGAL CENTRAL COMPLEX, JPN ROAD, WARANGAL, TELANGANA</t>
  </si>
  <si>
    <t>KHUBA COMPLEX, TRIPURANT, BASAVAKALYAN,  BIDAR, BASAVAKALYAN, KARNATAKA</t>
  </si>
  <si>
    <t>HDFC BANK LTD., CHETRI MARKET, CENTRAL PARK, NAMCHI BAZAAR, NAMCHI, SIKKIM</t>
  </si>
  <si>
    <t>HDFC BANK LTD., RANGPO BAZAR,  NEAR TRAFFIC POINT, EAST SIKKIM, RANGPO, SIKKIM</t>
  </si>
  <si>
    <t>HDFC BANK LTD.,  NAHAN ROAD, OPP IOC PETROL PUMP,  KALAAMB, DISTRICT SIRMOUR,  HIMACHAL PRADESH, KALA AMB, HIMACHAL PRADESH</t>
  </si>
  <si>
    <t>HDFC BANK LTD, JALANDHAR ROAD, DIST-KAPURTHALA, KALA SANGIAN, PUNJAB</t>
  </si>
  <si>
    <t>NH-22, Opp. ESI HOSPITAL, DIST-SOLAN, PARWANOO, HIMACHAL PRADESH</t>
  </si>
  <si>
    <t>HDFC BANK LTD, OPP RAMRAJE SHOPPING CENTER, SHINGNAPUR ROAD, PHALTAN, MAHARASHTRA</t>
  </si>
  <si>
    <t>HDFC BANK LTD, ERU CHAR RASTA, DIST-NAVSARI, NAVSARI, GUJARAT</t>
  </si>
  <si>
    <t>HDFC BANK LTD, SALDANHA BUILDING, CHIMULWADA, MARCELA, GOA</t>
  </si>
  <si>
    <t>HDFC BANK LTD, 65, M.G.ROAD, ALIRAJPUR, MADHYA PRADESH</t>
  </si>
  <si>
    <t>HDFC BANK LTD, HARENDER MARKET, KATORIA ROAD, BANKA, BIHAR</t>
  </si>
  <si>
    <t>HDFC BANK LTD, BABA HOTEL, KHANDAWA ROAD, BARWAHA, MADHYA PRADESH</t>
  </si>
  <si>
    <t>HDFC Bank Limited, Shop No. 23-40, Ground Floor, O2 Business Center, Near Reliance Petrol Pump,Ring Road 2, Bhanpuri Raipur, Chhattisgarh</t>
  </si>
  <si>
    <t>HDFC BANK LTD, GUNA NAKA,  NEAR HARIYALI, A.B.ROAD, BIAORA, MADHYA PRADESH</t>
  </si>
  <si>
    <t>GOPAL AGENCIES, NEAR GANDHI STATUE, STATION ROAD, BILARI, UTTAR PRADESH</t>
  </si>
  <si>
    <t>Bilaspur- Kapal mochan road Road, Bilaspur, Distt. Yamunanagar, Haryana</t>
  </si>
  <si>
    <t>HDFC BANK LTD, BINA COMMERCIAL COMPLEX, YASHWANT NAGAR,  NRAR BUS STAND, DALSINGHSARAI, BIHAR</t>
  </si>
  <si>
    <t>HDFC BANK LTD, VANDEMATARAM COMPLEX, NEHRU CROSS ROAD, DEHGAM, GUJARAT</t>
  </si>
  <si>
    <t>HDFC BANK LTD, OPP SUSUM HOSPITAL, DHAMNOD, DHAMNOD, MADHYA PRADESH</t>
  </si>
  <si>
    <t>BALAJI PLAZA, GANJ MARKET ROAD, OPP APMC, DHANERA, GUJARAT</t>
  </si>
  <si>
    <t>HDFC BANK LTD, BOC GATE,  UTOPIA COMPLEX, DIST-DIBRUGARH, DULIAJAN, ASSAM</t>
  </si>
  <si>
    <t>3-2-1, K AGRAHARAM, BANK STREET, AMALAPURAM, ANDHRA PRADESH</t>
  </si>
  <si>
    <t>HDFC BANK LTD, OPPOSITE NAGARPALIKA, DASHRA CHOWK,  MAIN ROAD, GADINGLAJ, MAHARASHTRA</t>
  </si>
  <si>
    <t>HDFC BANK LIMITED, KAVI NAGAR, INDRA CHOWK, GAJRAULA, UTTAR PRADESH</t>
  </si>
  <si>
    <t>1 GOKUL COMPLEX, BARSANA ROAD, ADJOINING STATE BANK OF INDIA, GOVARDHAN, UTTAR PRADESH</t>
  </si>
  <si>
    <t>HDFC BANK LTD, SHOP NO.7, VASANT PLAZA,  GANDHI ROAD, JAYSINGHPUR, MAHARASHTRA</t>
  </si>
  <si>
    <t>HDFC BANK LTD, PLOT NO.424,  GANDHI NAGAR, GROUND FLOOR,  CHINCHWAD ROAD, GADMUDSINGHI, MAHARASHTRA</t>
  </si>
  <si>
    <t>HDFC BANK LTD, FALLIMARKET, MAIN ROAD, KATOL, MAHARASHTRA</t>
  </si>
  <si>
    <t>HDFC BANK LTD, HOTEL AMOL, NAC ROAD, KHAGARIA, BIHAR</t>
  </si>
  <si>
    <t>HDFC BANK LTD, KRISHNA TALKIES ROAD, BASADI KOTPUTLI, KOTPUTLI, RAJASTHAN</t>
  </si>
  <si>
    <t>HDFC BANK LTD, NEAR BUS STAND, DIST-PANIPAT, MADLAUDA, HARYANA</t>
  </si>
  <si>
    <t>D YAGNIK CHAMBERS, OPP S.T.BUS STOP, DIST-GANDHINAGAR, MANSA, GUJARAT</t>
  </si>
  <si>
    <t>HDFC BANK LTD, MAIN ROAD., OPP. H.P.PETROL PUMP, MUNGELI, CHHATTISGARH</t>
  </si>
  <si>
    <t>HDFC BANK LTD, VINAYAKA COMPLEX,  RP ROAD, NANJANGUD, NANJANGUD, KARNATAKA</t>
  </si>
  <si>
    <t>HDFC BANK LTD., OPPOSITE SBI, NAUGACHHIA, NAUGACHHIA, BIHAR</t>
  </si>
  <si>
    <t>HDFC BANK LTD, GROUND FLOOR, NEAR HP PETROL PUMP RAJIM, RAJIM, CHHATTISGARH</t>
  </si>
  <si>
    <t>HDFC BANK LTD, PLOT NO 654, PIPLI CHOWK, DISTRICT BIKANER, NOKHA, RAJASTHAN</t>
  </si>
  <si>
    <t>HDFC BANK LTD, 28/16,  DESHMUKHWADI, SVP ROAD, PACHORA, MAHARASHTRA</t>
  </si>
  <si>
    <t>PARNAMI HOUSE, VADODARA - PADRA MAIN ROAD, DIST-VADODARA, PADRA, GUJARAT</t>
  </si>
  <si>
    <t>HDFC BANK LTD, OPP.GOVT HOSPITAL, CHANDRA SHEKHAR AZAD ROAD, RAJGARH, MADHYA PRADESH</t>
  </si>
  <si>
    <t>KHOOSHBU COMPLEX, TALAV ROAD, DIST-AMRELI, RAJULA, GUJARAT</t>
  </si>
  <si>
    <t>HDFC BANK LTD, 15/4, SAI VIHAR COLONY,  RAU, INDORE, MADHYA PRADESH</t>
  </si>
  <si>
    <t>HDFC BANK LTD, KOIRIA TOLA, MAIN ROAD, RAXAUL, BIHAR</t>
  </si>
  <si>
    <t>SHOP NO.2, SHRI SWAMI SAMARTH SANKUL, MALEGAON ROAD, DIST-NASIK, SATANA, MAHARASHTRA</t>
  </si>
  <si>
    <t>HDFC BANK LTD, NEAR GEETA TALKIES, SEONI-BANAPU HOSHANGABAD, SEONI MALWA, MADHYA PRADESH</t>
  </si>
  <si>
    <t>HDFC BANK LTD, MEGHRAJ COMPLEX, BHAVNAGAR,  RAJKOT ROAD, SIHOR, GUJARAT</t>
  </si>
  <si>
    <t>HDFC BANK LTD, Mangaldeep Complex, Shivaji Nagar, Bypass Road, Sillod, Maharashtra</t>
  </si>
  <si>
    <t>HDFC BANK LTD, BUS STAND ROAD, NEAR GALLA MANDI, DIST-VIDISHA, SIRONJ, MADHYA PRADESH</t>
  </si>
  <si>
    <t>HDFC BANK LTD, MAIN ROAD, DIST-SARGUJA, SURAJPUR, CHHATTISGARH</t>
  </si>
  <si>
    <t>HDFC BANK LTD, HARIOM BUILDING, JOSHI GALLI,  DIST-SANGLI, TASGAON, MAHARASHTRA</t>
  </si>
  <si>
    <t>SURVEY NO.205, VERAVAL MAIN ROAD, SHAPAR, SHAPAR, GUJARAT</t>
  </si>
  <si>
    <t>KASHIRAJ BUILDING, VITA KARAD ROAD, DIST-SANGLI, VITA, MAHARASHTRA</t>
  </si>
  <si>
    <t>HDFC BANK LTD, KHANDELWAL COMPLEX, NEAR KHANDEL PETROL PUMP, WARUD, MAHARASHTRA</t>
  </si>
  <si>
    <t>MUNICIPAL NO.310, 311/1, SARGAM TAIKIES PVT LTD, RAM NAGAR ROAD, AONLA, UTTAR PRADESH</t>
  </si>
  <si>
    <t>HDFC BANK LTD, PREMISES NO.244/1, WARD NO.10, SARAIMEER, UTTAR PRADESH</t>
  </si>
  <si>
    <t>PLOT NO.M-82, MOHALLA COLLEGE MARKET, ARYA NAGAR, NEAR BUS STAND, BARAHALGANJ, UTTAR PRADESH</t>
  </si>
  <si>
    <t>HDFC BANK LTD, KHASRA NO.853,  ASHOK NAGAR, NEAR BUS STAND, KANPUR ROAD, GHATAMPUR, UTTAR PRADESH</t>
  </si>
  <si>
    <t>HDFC Bank Ltd, Koeri tola Mehdawal Road Near Allahabad Bank Khalilabad, Sant Kabir Nagar UP -272175</t>
  </si>
  <si>
    <t>Muncipal No. 226, Ward No. 25, Gudahi Bazar, Station road, Main Market, Tehsil Maudaha, Disst. Hamirpur, U.P</t>
  </si>
  <si>
    <t>HDFC BANK LTD, PREMISES NO.297,  WARD NO.4, ZAMALPUR, MOHAMMADABAD, UTTAR PRADESH</t>
  </si>
  <si>
    <t>PREMISES NO-194, WARD NO.3, STATION ROAD,  DIST-BEHRAICH, NANPARA, UTTAR PRADESH</t>
  </si>
  <si>
    <t>MUNICIPAL NO- 161,  WARD NO 20/18., MOHALLA RAM LILA MAIDAN, JANKI NAGAR, NAUTANWA, UTTAR PRADESH</t>
  </si>
  <si>
    <t>HDFC BANK LTD, PLOT NO.135 KHA, SHAHJAHANPUR ROAD, POWAYAN, UTTAR PRADESH</t>
  </si>
  <si>
    <t>HDFC BANK LTD, 14,  SURYA SADAN, NEAR TEHSIL ANUPSHAHR, ANUPSHAHR, UTTAR PRADESH</t>
  </si>
  <si>
    <t>HDFC BANK LTD, 40,  MOTI GANJ, BHARTHANA, BHARTHANA, UTTAR PRADESH</t>
  </si>
  <si>
    <t>HDFC Bank Ltd. Ground Floor, Kalibari Road, Fatak Bazar, Silchar, Cachar, Assam</t>
  </si>
  <si>
    <t>HDFC Bank Ltd, Ground Floor, Main Chauraha, Bagkalan, Achnera Road, Kiraoli, Dist. Agra, Uttar Pradesh</t>
  </si>
  <si>
    <t>HDFC BANK LTD,  KHASRA NO.473 KHA(OF, NO.209/2),  VILLAGE KERAKATPUR,  POST, AND THANA,  LOHTA,  DIST VARANASI, VARANASI, UTTAR PRADESH</t>
  </si>
  <si>
    <t>HDFC BANK LTD, KHASRA NO.1153 AND 1154, RAIBAREILLY ROAD, MOHANLALGUNJ, UTTAR PRADESH</t>
  </si>
  <si>
    <t>HOUSE NO 142, WARD NO 2, THAKUR NAGAR WESTERN, SALEMPUR, UTTAR PRADESH</t>
  </si>
  <si>
    <t>HDFC BANK LTD, DURGA MANDIR ROAD, JHAJHA, JHAJHA, BIHAR</t>
  </si>
  <si>
    <t>HDFC BANK LTD, NETAJI MARKET, SUBHASH CHOWNK, FORBESGANJ, BIHAR</t>
  </si>
  <si>
    <t>HDFC BANK LTD, SHOP NO.9, ADDITIONAL MANDI, ADAMPUR, HARYANA</t>
  </si>
  <si>
    <t>HDFC BANK LTD, MIR SHOPPING COMPLEX, ZABAR MOHALLA, BUDGAM, JAMMU AND KASHMIR</t>
  </si>
  <si>
    <t>HDFC BANK LTD, RAILWAY ROAD, DIST-AMBALA, BARARA, HARYANA</t>
  </si>
  <si>
    <t>HDFC BANK LTD, 182/A,  NEAR VETERINARY HOSPITAL, HISAR CHANDIGARH ROAD,  DIST - HISAR, BARWALA, HARYANA</t>
  </si>
  <si>
    <t>GROUND FLOOR, BESIDES AMRUT HOTEL, BODELI,  DABHOI ROAD, DIST-VADODARA, BODELI, GUJARAT</t>
  </si>
  <si>
    <t xml:space="preserve">HDFC BANK LTD. Ground and First Floor, Uttam Plaza, Samarth Nivas , Kavil Tali , Chiplun - Karad Highway ,Chiplun- </t>
  </si>
  <si>
    <t>HDFC BANK LTD, SHOP NO - 1/5, JUPLA COMPLEX, OPP HOTEL NAVADEEP, SOUTH GOA, CUNCOLIM SALCETE GOA - 403 703</t>
  </si>
  <si>
    <t>HDFC BANK LTD, MAIN ROAD, DIST-BIJNOR, DHAMPUR, UTTAR PRADESH</t>
  </si>
  <si>
    <t>HDFC BANK LTD, OPPOSITE S.T.S CLUB, FALAKATA ROAD, DHUPGURI, WEST BENGAL</t>
  </si>
  <si>
    <t>KHASRA NO.102/949, AJNALA ROAD,  TEHSIL BATALA, DIST-GURDASPUR, FATHEGARH CHURIAN, PUNJAB</t>
  </si>
  <si>
    <t>HDFC BANK LTD, CENTRAL MARKET BEEHAMA, TOWN CENTER , MALL., GANDERBAL, JAMMU AND KASHMIR</t>
  </si>
  <si>
    <t>HDFC BANK LTD, BUS STATION ROAD, NEAR SHAKTI CINEMA, HALVAD, GUJARAT</t>
  </si>
  <si>
    <t>HDFC BANK  LTD,  , MEHTA MARKET,  INDRI, KARNAL, KARNAL, HARYANA</t>
  </si>
  <si>
    <t>HDFC BANK LTD, DURGA BAZAR, P.O.JAGATSINGHAPUR, JAGATSINGHAPUR, ODISHA</t>
  </si>
  <si>
    <t>HDFC BANK LTD, SANT GURMAIL SINGH AND SANT COMPLEX, GORAYA ROAD, JANDIALA MANJKI, PUNJAB</t>
  </si>
  <si>
    <t>HDFC BANK LTD, NEAR AMAN PALACE, G.T.ROAD,  VPO JODHAN, JODHAN, PUNJAB</t>
  </si>
  <si>
    <t>HDFC Bank Ltd. Ground Floor, Near PWD Office, Besides Rani Motors, Mawkyrwat, South West Khasi Hills, Meghalay</t>
  </si>
  <si>
    <t>HDFC BANK LTD, 412/5, TIRUPUR ROAD, KANGEYAM, TAMIL NADU</t>
  </si>
  <si>
    <t>HDFC BANK LTD, AMBIKA COMPLEX, NEAR BUS STOP, KHEDA, GUJARAT</t>
  </si>
  <si>
    <t>HDFC BANK LTD, WARD NO.3,  NICE COMPUTERS, CHOUDHARY COLONY, MANGLIYA SADAK, MADHYA PRADESH</t>
  </si>
  <si>
    <t>HDFC BANK LTD, THANA ROAD, WARD NO.7, MAUR MANDI, PUNJAB</t>
  </si>
  <si>
    <t>HDFC BANK LTD, NO.60, TRICHY ROAD, PALLADAM, TAMIL NADU</t>
  </si>
  <si>
    <t>SY NO.72/3, 4TH WARD,  RAYAGADA  ROAD, DIST-VIZIANAGARAM, PARVATHIPURAM, ANDHRA PRADESH</t>
  </si>
  <si>
    <t>HDFC BANK LTD, KADDON ROAD,  TEHSIL PAYAL, DIST-LUDHIANA, PAYAL, PUNJAB</t>
  </si>
  <si>
    <t>GROUND FLOOR,  6-1-19, WARD NO-3,  VERJHULAR VARI STREET, MUNICIPAL VILLAGE, PEDDAPURAM, ANDHRA PRADESH</t>
  </si>
  <si>
    <t>HDFC BANK LTD, PLOT NO.31, DIST-PANCHKULA, PINJORE, HARYANA</t>
  </si>
  <si>
    <t>HDFC BANK LTD, SANAA COMPLEX, GROUND FLOOR, MAIN ROAD, PULWAMA, JAMMU AND KASHMIR</t>
  </si>
  <si>
    <t>HDFC BANK LTD, MACHIWARA CHOWK, RAHON, DIST-SHAHEED BHAGAT SINGH NGR, RAHON, PUNJAB</t>
  </si>
  <si>
    <t>HDFC BANK LTD, NO.24,  GRAIN MARKET, DIST-PATIALA, GHANAUR, PUNJAB</t>
  </si>
  <si>
    <t>HDFC BANK LTD, PLOT NO.3, RUYA NAGAR, PUNE-SATARA HIGHWAY, SHIRWAL, MAHARASHTRA</t>
  </si>
  <si>
    <t>HDFC BANK LTD, 3-132,  OPP PETROL PUMP, MAIN ROAD, SULTANABAD, TELANGANA</t>
  </si>
  <si>
    <t>NEAR NIRANKARI BHAWAN, MAIN MARKET,  TEHSIL-MUKERIAN, DIST-HOSHIARPUR, TALWARA, PUNJAB</t>
  </si>
  <si>
    <t>HDFC BANK LTD, T.C.ROAD, BESIDE MATAJI BHAVAN, TARAKESWAR, WEST BENGAL</t>
  </si>
  <si>
    <t>HDFC BANK LTD, OPPOSITE MISSION HOSPITAL, PACHGANI ROAD, WAI, MAHARASHTRA</t>
  </si>
  <si>
    <t>SHOP NO 1 TO 4,  ISHWAR SETH, KHANPURE SANKUL,  NEAR MUKTANAND, SCHOOL,  AURANGABAD ROAD,  TAL. YEOLA, YEOLA, MAHARASHTRA</t>
  </si>
  <si>
    <t>HDFC BANK LTD, DERA BABA NANAK ROAD, DIST-GURDASPUR, KALANOUR, PUNJAB</t>
  </si>
  <si>
    <t>SHOP NO. 62 AND 63, MANDIGATE, GULAOTHI, GOLAOTHI, UTTAR PRADESH</t>
  </si>
  <si>
    <t>HDFC BANK LTD, GANPATI PLAZA, DEHRADUN ROAD, CHHUTMALPUR, UTTAR PRADESH</t>
  </si>
  <si>
    <t>HDFC BANK LTD, CENTRAL ROAD, OLD MOTOR STAND, P.O-R.K.PUR, DIST-SOUTH TRIPURA, UDAIPUR, TRIPURA</t>
  </si>
  <si>
    <t>HDFC BANK LTD, ICHHAMOTI, HOLDING NO.74, MAIN ROAD, KALIMPONG, WEST BENGAL</t>
  </si>
  <si>
    <t>HDFC Bank Ltd., Ground Floor, Commercial Plot No: H-10, GIDC Phase -I, Chhatral, Dist. Gandhinaga</t>
  </si>
  <si>
    <t>Ground Floor, MVR Complex, Jaipur Road, Salur, Opp Municpal Corporation, Manyam District, Andhra Pradesh</t>
  </si>
  <si>
    <t>HDFC BANK LTD, LAHORI MEGHA MALL, MAIN MARKET, AKHNOOR, JAMMU AND KASHMIR</t>
  </si>
  <si>
    <t>HDFC BANK LTD, G S COMPLEX, LINK ROAD,  DIST-JAIPUR, BAGRU, RAJASTHAN</t>
  </si>
  <si>
    <t>HDFC BANK LTD, BAJA KHANA ROAD, BHAGTA BHAI KA, BHAGTA BHAI KA, PUNJAB</t>
  </si>
  <si>
    <t>HDFC BANK LTD, NADALA ROAD, DIST-KAPURTHALA, BHULATH, PUNJAB</t>
  </si>
  <si>
    <t>HDFC BANK LTD, GROUND FLOOR NAZIA COMPLEX, GORIWAN BIJBEHARA, ANANTNAG, JAMMU AND KASHMIR</t>
  </si>
  <si>
    <t>HOUSE NO.1641, NEAR LIONS GARDEN, DIST-NAVSARI, CHIKHLI, GUJARAT</t>
  </si>
  <si>
    <t>HDFC BANK LTD, NO.14/1-134, VS ARCADE, PUDHUSAMPALLI, METTUR, TAMIL NADU</t>
  </si>
  <si>
    <t>HDFC BANK LTD, MOGA ROAD, KOT ISA KHAN, KOT ISA KHAN, PUNJAB</t>
  </si>
  <si>
    <t>HDFC BANK LTD, Lohian Road Malsian,  DIST JALANDHAR, MALSIAN, PUNJAB</t>
  </si>
  <si>
    <t>HDFC BANK Ltd, No 5/132, Ground Floor, B S Sundaram Street, Opp to New Bus Stand, Avinashi, Tirupur, Tamil Nadu</t>
  </si>
  <si>
    <t>HDFC BANK LTD, SALIMATH ARCADE, OPP TMC, MUDHOL, KARNATAKA</t>
  </si>
  <si>
    <t>HDFC BANK LTD, NEW YOGINDER SHOPPING COMPLEX, NEAR TEHSIL OFFICE, NAGROTA BAGWAN, HIMACHAL PRADESH</t>
  </si>
  <si>
    <t>HDFC BANK LTD, NO.1354, MAIN ROAD, ODDANCHATRAM, TAMIL NADU</t>
  </si>
  <si>
    <t>HDFC Bank Ltd, Opposite Degree College, Ranbir singh pora - Jammu</t>
  </si>
  <si>
    <t>HDFC Bank Ltd, Mandi Kotli, National Highway, Samba, Jammu</t>
  </si>
  <si>
    <t>HDFC BANK LTD., NO.137,  VEL VALAGAM, OPP. TO POLICE STATION,  , KALAPATTI PIRIVU,  SATHY MAIN ROAD,  , COIMBATORE, TAMIL NADU</t>
  </si>
  <si>
    <t>HDFC BANK LTD,  AMRITSAR ROAD, SRI HARGOBINDPUR SAHIB, TEHSIL BATALA,  DISTRICT GURDASPUR, SRI HARGOBINDPUR, PUNJAB</t>
  </si>
  <si>
    <t>HDFC BANK LTD, SS ROAD, ATHANI, ATHANI, KARNATAKA</t>
  </si>
  <si>
    <t>HDFC BANK LTD, SIRSA ROAD, ELLENABAD, ELLENABAD, HARYANA</t>
  </si>
  <si>
    <t>HDFC BANK LTD, JASDEV NAGAR, VPO GILL, GILL, PUNJAB</t>
  </si>
  <si>
    <t>D NO: 12-298&amp;299,  SURVEY.NO: 2370, WARANGAL HIGHWAY, HUZURABAD, HUZURABAD, TELANGANA</t>
  </si>
  <si>
    <t>HDFC BANK LTD, H.NO: 3-2-16,  OPP:SHIVALAYAM, (BOMMALAGUDI) KARIMNAGAR-505122, JAMMIKUNTA, TELANGANA</t>
  </si>
  <si>
    <t>HDFC BANK LTD, NAKODAR JALANDHAR ROAD, DIST-JALANDHAR, LAMBRA, PUNJAB</t>
  </si>
  <si>
    <t>HDFC BANK LTD, NEAR KRISHI UPAJ MANDI, PANDHURNA, PANDHURNA, MADHYA PRADESH</t>
  </si>
  <si>
    <t>NO 1889/1A, DORAIRAJ COMPLEX, ARNI TO ARCOT ROAD,  SEVOOR, ARNI, TAMIL NADU</t>
  </si>
  <si>
    <t>HDFC BANK LTD, RAMBAG MAIDAN,  STATION ROAD, NEAR BANK OF MAHARASHTRA, RAVER, MAHARASHTRA</t>
  </si>
  <si>
    <t>HDFC BANK LTD, OPP.B P PETROL, MAIN ROAD, UDAIPUR, RAJASTHAN</t>
  </si>
  <si>
    <t>NO. 2-1-1,  2,  3,  FIRST FLOOR, LIFE STYLE COMPLEX, MAIN ROAD, ZAHEERABAD, TELANGANA</t>
  </si>
  <si>
    <t>BHADI,  OPPOSITE MAHILA HOSPITAL, AZAMGARH ROAD,  SHAHGANJ, DISTT. JAUNPUR, SHAHGANJ, UTTAR PRADESH</t>
  </si>
  <si>
    <t>HDFC BANK LTD, SHOP NO 113 &amp; 114, NILKANTH APARTMENT,  1ST FLOOR, AT- PO-TAL WADA, WADA, MAHARASHTRA</t>
  </si>
  <si>
    <t>HDFC Bank Ltd, Ground Floor , Near Kakching Library , Kakching Phousupat Leikai , Kakching</t>
  </si>
  <si>
    <t>HDFC BANK LTD, SISODIYA COMPLEX, FIRST FLOOR, STATION ROAD, BARH, BIHAR</t>
  </si>
  <si>
    <t>HDFC BANK LTD, LAMBARDAR TOWER, SHOP NO.A-18-C, BHIWADI, RAJASTHAN</t>
  </si>
  <si>
    <t>HDFC BANK LTD, S.B.MARKET, N.S.ROAD, KALIAGANJ, WEST BENGAL</t>
  </si>
  <si>
    <t>HDFC BANK LTD, SHOP NO-109, 110 &amp; 111. FIRST FLOOR, CENTER POINT CHS, SOMNATH JUNCTION, DABHEL, DAMAN AND DIU</t>
  </si>
  <si>
    <t>HDFC BANK LTD, MAIN ROAD, NEAR DWARKADHISH BHOJNALAY, DWARKA, GUJARAT</t>
  </si>
  <si>
    <t>HDFC BANK LTD, GNA TOWER, MALL ROAD,  DIST-BATHINDA, GONIANA, PUNJAB</t>
  </si>
  <si>
    <t>Opposite Govt Boys School, Hospital Road, Jaitu Distt.Faridkot, PUNJAB</t>
  </si>
  <si>
    <t>HDFC BANK LTD, SHREE RADHERUKMANI COMPLEX, MAIN ROAD,  P.O-KANTABANJI, KANTABANJI, ODISHA</t>
  </si>
  <si>
    <t>10,  H.J. PARK, BESIDE STATE BANK OF INDIA, KARJAN, KARJAN, GUJARAT</t>
  </si>
  <si>
    <t>HDFC BANK LTD, MAHIPAL, KENDRAPARA, KENDRAPARA, ODISHA</t>
  </si>
  <si>
    <t>HDFC BANK LTD, HOUSE NO.231,  OPPOSITE WAR MEMORIAL, PARK STREET,  CHANMARI-II, LUNGLEI, MIZORAM</t>
  </si>
  <si>
    <t>NO.12-1-629/1, ADI SHAKTHI COMPLEX, SRISAILAM ROAD, MACHERLA, ANDHRA PRADESH</t>
  </si>
  <si>
    <t>H NO- 2197,  MUTHA EMPIRE, REVENUE COLONY,  NEAR POST OFFICE, SHIRUR,  DIST - PUNE, SHIRUR, MAHARASHTRA</t>
  </si>
  <si>
    <t>HDFC BANK LTD, OPP.INCOME TAX, MAIN MARKET, SUMERPUR, RAJASTHAN</t>
  </si>
  <si>
    <t>HDFC BANK LTD, GROUND FLOOR, STATION ROAD, JAMJODHPUR, GUJARAT</t>
  </si>
  <si>
    <t>PLOT NO.62, OPP.MANAURI AIRFORCE STATION, AKBARPUR-SALLAHPUR,  DIST-ALLAHABAD, PURAMUFTI, UTTAR PRADESH</t>
  </si>
  <si>
    <t>HDFC BANK LTD, VENGTHLANG, OPPOSITE APEX BANK, CHAMPHAI, MIZORAM</t>
  </si>
  <si>
    <t>HDFC BANK LTD, UPPER NEW NONGSTOIN, P.O.-NONGSTOIN, NONGSTOIN, MEGHALAYA</t>
  </si>
  <si>
    <t>HDFC BANK LTD, OPP RI-BHOI COLLEGE, NONGPOH, NONGPOH, MEGHALAYA</t>
  </si>
  <si>
    <t>HDFC BANK LTD, HAPPY VILLA, SANGTEMLA WARD, IMNAMUREN ROAD, MOKOKCHUNG, NAGALAND</t>
  </si>
  <si>
    <t>HDFC BANK LTD, MAIN ROAD, DIST-KARBI ANGLONG, DIPHU, ASSAM</t>
  </si>
  <si>
    <t>HDFC BANK LTD, PASIGHAT MARKET, BEHIND SBI, PASIGHAT, ARUNACHAL PRADESH</t>
  </si>
  <si>
    <t>HDFC BANK LTD, S. N. PLAZA,  N.H.  - 5, NEULPUR, CHANDIKHOL, ODISHA</t>
  </si>
  <si>
    <t>HDFC BANK LTD, CHANDVALI CHOWK, ATHGARH, ATHGARH, ODISHA</t>
  </si>
  <si>
    <t>HDFC BANK LTD, NEAR NEW BUS STAND, DIST-SUNDARGARH, BIRAMITRAPUR, ODISHA</t>
  </si>
  <si>
    <t>HDFC BANK LTD, ROUNAK PLAZA, GOPABANDHU CHOWK, DEOGARH, ODISHA</t>
  </si>
  <si>
    <t>HDFC BANK LTD, D.NO.8-3-34, MYDUKURU ROAD, M.V.PALLI, GOPAVARAM MANDAL, BADVEL, ANDHRA PRADESH</t>
  </si>
  <si>
    <t>H NO.4-3-84/9, MAIN ROAD, GUNJ BAINSA,  DIST-NIZAMABAD, BAINSA, TELANGANA</t>
  </si>
  <si>
    <t>HDFC BANK LTD, SHIVKIRAN COMPLEX,   KHANDALA ROAD, OPP KOTAK MAHINDRA BANK,  CHIHALI, CHIKHLI, MAHARASHTRA</t>
  </si>
  <si>
    <t>HDFC BANK LTD, KASBA,  EGRA, PURBA MEDINIPUR, EGRA, WEST BENGAL</t>
  </si>
  <si>
    <t>8-231-6, S.NO.443/2, S.V.S Residency, Anantapur Road, Kalyandurg, Andhra Pradesh</t>
  </si>
  <si>
    <t>HDFC BANK LTD, RAJBARI CAMPUS, RAJBARI ROAD, MADHUPUR, JHARKHAND</t>
  </si>
  <si>
    <t>HDFC BANK LTD, WORD NO.7,  A.T.ROAD, NEAR MALIGAON CHARIYALI, GUWAHATI, ASSAM</t>
  </si>
  <si>
    <t>HDFC BANK LTD, GAJANAN MARKET COMPLEX, NEAR BUS STAND, PATTAMUNDAI, ODISHA</t>
  </si>
  <si>
    <t>GROUND FLOOR,  4-323, BESIDE LIC OF INDIA, SRIKAKULAM ROAD, RAJAM, ANDHRA PRADESH</t>
  </si>
  <si>
    <t>HDFC BANK LTD, KHASRA NO-825, NEAR LIC OFFICE,  GORAKHPUR ROAD, KASIA, UTTAR PRADESH</t>
  </si>
  <si>
    <t>HDFC BANK LTD, WARD NO.5, GOPALPURA, SHAMSHABAD, UTTAR PRADESH</t>
  </si>
  <si>
    <t>HDFC BANK LTD, MAIN ROAD, DIST-SUNDARGARH, RAJAGANGAPUR, ODISHA</t>
  </si>
  <si>
    <t>HDFC BANK LTD, EXPRESS PRINTERS BUILDING, NEAR BIRU COMPLEX,  MAIN ROAD, SIMDEGA, JHARKHAND</t>
  </si>
  <si>
    <t>HDFC BANK LTD, ANAND DEEP,  DAK BUNGLOW ROAD, MAIN ROAD,  NEAR RAILWAY STATION, GHATSHILA, JHARKHAND</t>
  </si>
  <si>
    <t>HDFC BANK LTD, JAGRAON ROAD, VPO MEHTAPUR, TEHSIL-NAKODAR, MEHATPUR, PUNJAB</t>
  </si>
  <si>
    <t>H.No. 7-134 , Ground Floor, Main Road , Opp LG Showroom , Armoor, Nizamabad District, Telangana</t>
  </si>
  <si>
    <t>HDFC BANK LTD, BERABERIA,  O.T.ROAD, VILL AND POST BAGNAN, HOWRAH, WEST BENGAL</t>
  </si>
  <si>
    <t>HDFC BANK LTD, PLOT NO.19, RAMWADI, BHACHAU, GUJARAT</t>
  </si>
  <si>
    <t>HDFC BANK LTD, DOOR NO. 11-1-123, CLUB ROAD,  OPP AP TOURIST HOTEL, BHADRACHALAM, TELANGANA</t>
  </si>
  <si>
    <t>HDFC BANK LTD, AMRITSAR ROAD, TEHSIL PATTI,  DIST-TARNTARAN, BHIKHIWIND, PUNJAB</t>
  </si>
  <si>
    <t>HDFC BANK LTD, NOORMAHAL ROAD, VPO.BILGA, TEHSIL-PHILLAUR, BILGA, PUNJAB</t>
  </si>
  <si>
    <t>HDFC BANK LTD, MAIN ROAD, SANDHUA CHOWK, DIST-RUPNAGAR, CHAMKAUR SAHIB, PUNJAB</t>
  </si>
  <si>
    <t>HDFC Bank Ltd, The Mall Road Hotel Ashiana Regency, Dalhousie DISTT. CHAMBA , Himachal Pradesh</t>
  </si>
  <si>
    <t>NO. 15-1-1, PERIYAKULAM ROAD, BATLAGUNDU, BATLAGUNDU, TAMIL NADU</t>
  </si>
  <si>
    <t>31-203/1, NAGAR KURNOOL ROAD, OPP. RAGHAVENDRA THEATRE, JADCHERLA, TELANGANA</t>
  </si>
  <si>
    <t>HDFC Bank Ltd.,Batala Road, Dhariwal distt Gurdaspur, punjab</t>
  </si>
  <si>
    <t>HDFC BANK LTD, BEHRAMPUR ROAD,  NEAR POLICE STATION, DINANAGAR, DINANAGAR, PUNJAB</t>
  </si>
  <si>
    <t>HDFC BANK LTD, FIRST FLOOR, V P TOWER, EDAPPAL, KERALA</t>
  </si>
  <si>
    <t>HDFC Bank Ltd, Khalsa College,Gardhiwal, Distt Hoshiarpur, Punjab</t>
  </si>
  <si>
    <t>HDFC BANK LTD, PUSHP PLAZA, NEAR SHANKAR TALKIES, GODDA, JHARKHAND</t>
  </si>
  <si>
    <t>MAIN BAZAR,  ADJOINING MANDIR, VALI GALI GURUDWARA BAOULI, SAHIB ROAD, SRI GOINDWAL SAHIB, PUNJAB</t>
  </si>
  <si>
    <t>HDFC BANK LTD, HINDUSTAN TOWER, NEAR S.S.HIGH SCHOOL, GUMLA, JHARKHAND</t>
  </si>
  <si>
    <t>HDFC BANK LTD, BIBISARAM MARKET CHAK, JAJPUR TOWN, JAJPUR, ODISHA</t>
  </si>
  <si>
    <t>HDFC BANK LTD, BAJRANG MARKET, HOSPITAL ROAD, JHANJHARPUR, BIHAR</t>
  </si>
  <si>
    <t>1ST FLOOR, KASEZ INDUSTRY ASSOCIATION BUILDING, KSEZ, KANDLA, GUJARAT</t>
  </si>
  <si>
    <t>HDFC BANK LTD, NEAR BANDIMUTT BUS STAND, SALMAR, KARKALA, KARNATAKA</t>
  </si>
  <si>
    <t>HDFC BANK LTD, PLOT NO.323/1000, INFRONT OF NEW BUS, STAND,  PO-PALLAHATA, KHURDA, ODISHA</t>
  </si>
  <si>
    <t xml:space="preserve"> HDFC Bank Ltd, Ground Floor, Shanbhag Complex, Opp: VRL office, Nellikeri Road, Kumta. KARNATAKA</t>
  </si>
  <si>
    <t>HDFC BANK LTD, SAI COURT, FERRI ROAD, NEAR BUS STAND KUNDAPUR, KUNDAPUR, KARNATAKA</t>
  </si>
  <si>
    <t>HDFC Bank Ltd, Adjoining A S Honda, Near Dana Mandi, Majitha, Amritsar, Punjab</t>
  </si>
  <si>
    <t>HDFC BANK LTD, HIMALAYAN SHPOOING ARCADE, OPP.NAGAR PARISHAD, THE MALL, MANALI, HIMACHAL PRADESH</t>
  </si>
  <si>
    <t>HDFC BANK LTD, NABHA ROAD, TEHSIL-NABHA, DIST-PATIALA, BHADSON, PUNJAB</t>
  </si>
  <si>
    <t>HDFC BANK LTD, 31-9-7, YEDHITA ROAD, BESIDES KVB., MANDAPETA, ANDHRA PRADESH</t>
  </si>
  <si>
    <t>1ST FLOOR, SANFA COMPLEX, KANNUR ROAD, MATTANNUR, KERALA</t>
  </si>
  <si>
    <t>HDFC BANK LTD , Main Chandigarh Kharar Highway, Show Room  No :B023/00401  Desumajra   Kharar,  Mohali. Punjab</t>
  </si>
  <si>
    <t>HDFC BANK LTD, H NO. 1-9-40, RAMNAGAR,  MAIN ROAD, METPALLE, TELANGANA</t>
  </si>
  <si>
    <t>HDFC BANK LTD, CITY LIGHT COMPLEX, IRUVAIL MAIN ROAD, MOODBIDRI, KARNATAKA</t>
  </si>
  <si>
    <t>HDFC BANK LTD, FIRST FLOOR,  SHABA TOWER, POST OFFICE KALLACHI, NADAPURAM, KERALA</t>
  </si>
  <si>
    <t>Ground Floor,Shri rama souda complex,Darbe, Near p c petrol pump. Puttur</t>
  </si>
  <si>
    <t>HDFC BANK LTD, SIRSA ROAD, RANIA, RANIA, HARYANA</t>
  </si>
  <si>
    <t>HDFC BANK LTD, NO.123/A,  LB COLONY, OPP BSNL, SANDUR, KARNATAKA</t>
  </si>
  <si>
    <t>PONNUSAMY GOUNDER COMPLEX, THICHENGODU, MAIN ROAD, SANKAGIRI, TAMIL NADU</t>
  </si>
  <si>
    <t>HDFC BANK LTD, MAWKHAR MAIN ROAD, EAST KHASI HILL, SHILLONG, MEGHALAYA</t>
  </si>
  <si>
    <t>HDFC BANK LTD, MAIN ROAD, DIST-LUDHIANA, SUDHAR, PUNJAB</t>
  </si>
  <si>
    <t>HDFC BANK LTD, NEAR BALMIKI CHOWK, TAPA MANDI,  DIST-BARNALA, TAPA, PUNJAB</t>
  </si>
  <si>
    <t>Ground &amp; First Floor, Plot No 6, Adyalwale Layout, Bypass Road, Umred, Dist. Nagpur, Maharashtra.</t>
  </si>
  <si>
    <t>HDFC BANK LTD, GROUND FLOOR , SITE NO 1, BHARGAVA TOWER, NIRMALARANI , GARDEN, VADAVALLI, Coimbatore </t>
  </si>
  <si>
    <t>GROUND FLOOR, INDIRA DEVI NURSING HOME, REILPET MAIN ROAD, REPALLE, ANDHRA PRADESH</t>
  </si>
  <si>
    <t>HDFC BANK LTD, ATHOKPAM AWANG LEIKAI, NEAR THOUBAL DC COURT, THOUBAL, MANIPUR</t>
  </si>
  <si>
    <t>HDFC BANK LTD, RAMA KRISHNA MARKET, BANGA ROAD, BHAGAT SINGH NAGAR, BEHRAM, PUNJAB</t>
  </si>
  <si>
    <t>HDFC BANK LTD, MEWARA COMPLEX, NEAR SHANTI KUNJ PARK, MOUNT ROAD, ABU ROAD, RAJASTHAN</t>
  </si>
  <si>
    <t>HDFC BANK LTD, SRI KRISHNA COMPLEX, NEW LIC OFFICE ROAD, CHALLAKERE, KARNATAKA</t>
  </si>
  <si>
    <t>HDFC BANK LTD, GROUND FLOOR, SHREE RAM SHOPPING CENTER, DAKOR, GUJARAT</t>
  </si>
  <si>
    <t>HDFC BANK LTD, MILL ROAD, DIST - AJMER, VIJAINAGAR, RAJASTHAN</t>
  </si>
  <si>
    <t>GROUND FLOOR,  SURAJ BUILDING, OPP.SWAMINARAYAN TEMPLE, TANKARI BHAGOLE,  KAVI ROAD, JAMBUSAR, GUJARAT</t>
  </si>
  <si>
    <t>HDFC BANK LTD, SHRIPATI PVT LTD,  HOTEL ASIA, NEAR BUS STAND, KATRA, JAMMU AND KASHMIR</t>
  </si>
  <si>
    <t>HDFC BANK LTD, CHAUNDA ROAD, AMARGARH, AMARGARH, PUNJAB</t>
  </si>
  <si>
    <t>AMBEY COMPLEX,  NH-119, NAZIBABAD ROAD, DIST. PAURI GARHWAL, KOTDWAR, UTTARAKHAND</t>
  </si>
  <si>
    <t>H.No. # 5-1-Mo 0001, Doctor Street, Near Town Police station, Mehabbubabad , Telangana</t>
  </si>
  <si>
    <t>KVK BUILDING, BYE PASS ROAD, DIST-PALAKKAD, SHORANUR, KERALA</t>
  </si>
  <si>
    <t>HDFC BANK LTD, MAIN BAZAR,  NEAR SBI, BAIJNATH,  DIST KANGRA, BAIJNATH, HIMACHAL PRADESH</t>
  </si>
  <si>
    <t>HDFC BANK LTD, NO.21-41, FACTORY CENTER MAIN ROAD, TIRUVUR, ANDHRA PRADESH</t>
  </si>
  <si>
    <t>NEAR H NO 2547, 2547, A, K C ROAD NEAR SHIVAJI CHOWK STATUE, PRABHUWADI GATE CHIKODI., CHIKODI, KARNATAKA</t>
  </si>
  <si>
    <t>NO 06-01-034, GROUND AND FIRST FLOOR, E - BENJAMIN BHAVAN, SURYAPET ROAD,  JANGAON, JANGAON, TELANGANA</t>
  </si>
  <si>
    <t>HDFC BANK LTD, JAGJIVAN PATH, WARD NO-13, MADHEPURA, BIHAR</t>
  </si>
  <si>
    <t>SURVEY NO 797, BUS STAND CHOWRASTA, WARANGAL ROAD, NARSAMPET, TELANGANA</t>
  </si>
  <si>
    <t>HDFC Bank Ltd. Indranayan Arcade, Shop No 1,2 &amp; 3. Tokarkhada Ring Road Junction, Silvassa</t>
  </si>
  <si>
    <t>HDFC BANK LTD, OPP SR.SECONDARY SCHOOL, VPO MANAULI, MANAULI, PUNJAB</t>
  </si>
  <si>
    <t>HDFC BANK LTD, NEAR VPO MEHTA, TEH BABA BAKALA, DIST-AMRITSAR, MEHTA, PUNJAB</t>
  </si>
  <si>
    <t>HDFC BANK LTD, 6/212 CHOPAN ROAD, OBRA, SONEBHADRA, OBRA, UTTAR PRADESH</t>
  </si>
  <si>
    <t>HDFC Bank Ltd. Rao Jee Tower , Main Dadri Road , Surajpur , Greater Noida , Gautam Buddha Nagar, U.P.</t>
  </si>
  <si>
    <t>HDFC BANK LTD, VILLAGE KOT FATUHI, NEAR MAIN GATE, KOT FATUHI, PUNJAB</t>
  </si>
  <si>
    <t>HDFC BANK LTD, ANANT PREMA, NEAR RADHA KRISHNA TEMPAL, SANQUELIM, GOA</t>
  </si>
  <si>
    <t>HDFC BANK LTD, RAILWAY ROAD, WARD NO.9, MAKHU, PUNJAB</t>
  </si>
  <si>
    <t>HDFC BANK LTD, NEW COLONY, UDAIPUR ROAD, DUNGARPUR, DUNGARPUR, RAJASTHAN</t>
  </si>
  <si>
    <t>HDFC BANK LTD, 193,  RAILWAY ROAD, BAWAL, BAWAL, HARYANA</t>
  </si>
  <si>
    <t>HDFC BANK LTD, NO. 50-22/21, ANNA SALAI, KODAIKANAL, TAMIL NADU</t>
  </si>
  <si>
    <t>HDFC BANK LTD, JUNIA GATE,  KEKRI, DIST-AJMER, KEKRI, RAJASTHAN</t>
  </si>
  <si>
    <t>BABU AND BABU PLAZA, GROUND PLAZA, D.NO5-21, VIJAYWADA ROAD, JAGGAYYAPETA, ANDHRA PRADESH</t>
  </si>
  <si>
    <t>HDFC BANK LTD, T.R.RESIDENCY BUILDING, TALEIGAO MARKET ROAD, TALEIGAO, GOA</t>
  </si>
  <si>
    <t>HDFC BANK LTD, GRONUND FLOOR, BASEMENT SKYABU COMPLEX,  MAIN BAZAR, LEH, JAMMU AND KASHMIR</t>
  </si>
  <si>
    <t>HDFC Bank Ltd., Roshan Coroporate Hub, Jankidas Market, Ward No- 07,  Rohru, Shimla, Himachal Pradesh</t>
  </si>
  <si>
    <t>SHOP NO C-774 AND 775,  VIRK ENCLAVE, OPPOSITE BUS STAND TALWAN, TEHSIL PHILLAUR,  DISTT JALANDHAR, TALWAN, PUNJAB</t>
  </si>
  <si>
    <t>HDFC BANK LTD, HOLDING NO 12, NEW BUS STAND, MEMARI, WEST BENGAL</t>
  </si>
  <si>
    <t>SILVER POINT,  SHOP NO. 9, 10 AND 11, NEAR PRAMUKH SWAMI CIRCLE PHASE 3, DARED, JAMNAGAR, GUJARAT</t>
  </si>
  <si>
    <t>247/A, BRS ARCADE, HOSPETE ROAD, SIRSI, KARNATAKA</t>
  </si>
  <si>
    <t>HDFC BANK LTD, SCO 24,  HSIIDC, INDUSTRIAL AREA,  SECTOR 3, KARNAL, HARYANA</t>
  </si>
  <si>
    <t>No 1/1, Old No 118, Whitefield Main Road, Opposite to Reliance Fresh, Whitefield, Bangalore, Karnataka</t>
  </si>
  <si>
    <t>HDFC BANK LTD, BAZAR PARA ULUBERIA, HOWRAH, ULUBERIA, WEST BENGAL</t>
  </si>
  <si>
    <t>SRI RANGA TOWERS, JAILKHANA STREET, CHITTOOR, CHITTOOR, ANDHRA PRADESH</t>
  </si>
  <si>
    <t>HDFC BANK LTD, 24/127-1,  BESIDE SHIFA HOSPITAL, RAJEMPET ROAD, RAYACHOTI, ANDHRA PRADESH</t>
  </si>
  <si>
    <t>Ground Floor,  1 202 P, Sandupet Road, opp EB Office, MARKAPUR, ANDHRA PRADESH</t>
  </si>
  <si>
    <t>6-11-47/1, S N R COMPLEX, MAIN ROAD, NARSAPUR, ANDHRA PRADESH</t>
  </si>
  <si>
    <t>H. NO. 12-4-5/1, BESIDE BHARATHIYA VIDYA BHAVAN, SCHOOL,  SRIRAMPET, PALACOLE, ANDHRA PRADESH</t>
  </si>
  <si>
    <t>1ST FLOOR, BMC TOWERS, TIRUPATI ROAD, PUTTUR, ANDHRA PRADESH</t>
  </si>
  <si>
    <t>NO.5-1-139, NAGURE COMPLEX, SUBHASH CHOWK, BHALKI, KARNATAKA</t>
  </si>
  <si>
    <t>HDFC BANK LTD, NH 206,  B H ROAD, ABOVE KARNATAKA BANK, ARASIKERE, KARNATAKA</t>
  </si>
  <si>
    <t>L253,  NEW NO. 36, TNHB COLONY, 2ND STREET, CHENNAI, TAMIL NADU</t>
  </si>
  <si>
    <t>70-1D-1/2,  PITHAPURAM ROAD, OPP ASHRAM PUBLIC SCHOOL, KAKINADA, KAKINADA, ANDHRA PRADESH</t>
  </si>
  <si>
    <t>NO 8-11-7, BELLAPU STREET, DIST EAST GODAVARI, TUNI, ANDHRA PRADESH</t>
  </si>
  <si>
    <t>DOOR NO 210, 211, 212, 1ST FLOOR,  YASHODA PEARL, MADEENAGUDA, HYDERABAD, TELANGANA</t>
  </si>
  <si>
    <t>8-2-261,  PLOT NO. 01, UNION BANK EMPLOYEES CO-OP HOS SOC., ROAD NO. 3,  BANJARA HILLS, HYDERABAD, TELANGANA</t>
  </si>
  <si>
    <t>D NO 13-11-10, POLIMERA ROAD, M M R COMPLEX, CHIRALA, ANDHRA PRADESH</t>
  </si>
  <si>
    <t>11-1-11, BAZAR POST OFFICE BESIDE, K N ROAD, TADEPALLIGUDEM, ANDHRA PRADESH</t>
  </si>
  <si>
    <t>No:13, Kothnur Dinne Main Road, W.G.S Layout, J P Nagar 7th Phase, Bengaluru, Karnataka</t>
  </si>
  <si>
    <t>3-9-129/A/1, AUTO NAGAR, MEDAK, MEDAK, TELANGANA</t>
  </si>
  <si>
    <t>PLOT NO 191,  204,  205,  AND 206, OPPOSITE KEDAR GOURI TEMPLE, UNIT - 36,  SAMANTARAPUR, BHUBANESWAR, ODISHA</t>
  </si>
  <si>
    <t>OPP DR MAHESWARA REDDY HOSPITAL, OLD BUS STAND ROAD, SATTENAPALLI, SATTENAPALLI, ANDHRA PRADESH</t>
  </si>
  <si>
    <t>UNIT-I CLASSIC ARCADE,  ROAD NO 1, CZECH COLONY,  OPPOSITE FCI GATE, SANATHNAGAR, HYDERABAD, TELANGANA</t>
  </si>
  <si>
    <t>HDFC BANK LTD, NO 721/2,  CHANDRANNA COMPLEX, B H ROAD, TIPTUR, KARNATAKA</t>
  </si>
  <si>
    <t>HDFC BANK LTD, GROUND FLOOR,  MAKRONIYA, JABALPUR ROAD, SAGAR, MADHYA PRADESH</t>
  </si>
  <si>
    <t>SUBHASH RESEDENCY, SIGNAL POINT, RAILWAY STATION ROAD, CHALISGAON, MAHARASHTRA</t>
  </si>
  <si>
    <t>PLOT NUMBER 561/4652, GOUTAM NAGAR,  VIVEKANANDA MARG, DIST -  KHURDA, BHUBANESWAR, ODISHA</t>
  </si>
  <si>
    <t>HDFC BANK LTD, 93,  BHARATHIYAR ROAD, KARAIKAL, KARAIKAL, PONDICHERRY</t>
  </si>
  <si>
    <t>ALTIUS A BLOCK, OLYMPIA TECHPARK, SIDCO INDUSTRIAL PARK,  GUINDY, CHENNAI, TAMIL NADU</t>
  </si>
  <si>
    <t>ASCENDAS INTERNATIONAL TECH PARK, CHENNAI LTD, CSIR ROAD,  TARAMANI, CHENNAI, TAMIL NADU</t>
  </si>
  <si>
    <t>No.125, SASTHRI ROAD,  RAM NAGAR, COIMBATORE, COIMBATORE, TAMIL NADU</t>
  </si>
  <si>
    <t>37/10-A,  INDHIRA NAGAR, 1ST STREET, AVINASHI ROAD, TIRUPPUR, TAMIL NADU</t>
  </si>
  <si>
    <t>HDFC BANK LTD, SS TOWERS,  78/4, BY PASS ROAD, MADURAI, TAMIL NADU</t>
  </si>
  <si>
    <t>133/31 A, SETHUKRISHNA TRADE CENTER, TRICHY MAIN ROAD, SALEM, TAMIL NADU</t>
  </si>
  <si>
    <t>BULLA COMPLEX, OLD NH 9, BESIDES GADA PETROL BUNK, HUMNABAD, KARNATAKA</t>
  </si>
  <si>
    <t>17-1-25/1, SHARAFF BAZAR, PONNUR, PONNUR, ANDHRA PRADESH</t>
  </si>
  <si>
    <t>74-1-2, AUTONAGAR BUS TERMINAL, KRISHNANAGAR,  VIJAYAWADA, VIJAYAWADA, ANDHRA PRADESH</t>
  </si>
  <si>
    <t>HDFC BANK LTD, PRASHANT COMPLEX, OPP SHEFFERS SCHOOL,  MUNGELI ROAD, BILASPUR, CHHATTISGARH</t>
  </si>
  <si>
    <t>HDFC Bank Ltd., J.K.Nanda Complex,Opp.Utsav Party Plot,Old Civil Court, Anand, Gujarat</t>
  </si>
  <si>
    <t>HDFC BANK LTD, SHIV KUBER,  GR FLOOR, STATION ROAD, NR FOUNTAIN, PORBANDAR., PORBANDAR, GUJARAT</t>
  </si>
  <si>
    <t>1ST FLOOR, HEERA PANNA COMPLEX, NEAR POST OFFICE CHOWK, DHORAJI, GUJARAT</t>
  </si>
  <si>
    <t>BADAM MANZIL, SHERAZ CHOWK, KHANYAR, SRINAGAR, JAMMU AND KASHMIR</t>
  </si>
  <si>
    <t>HDFC BANK LTD, GROUND FLOOR,  HOTEL PINE, ARAMWARI,  RAJBAGH, SRINAGAR, JAMMU AND KASHMIR</t>
  </si>
  <si>
    <t>HDFC BANK LTD, GOPLANAGAR, RAGHUNATHGANJ, JANGIPUR, WEST BENGAL</t>
  </si>
  <si>
    <t>HDFC BANK LTD, DELUX COMPLEX,  584,  M B ROAD, BIRATI,  24 PARGANAS - NORTH, KOLKATA, WEST BENGAL</t>
  </si>
  <si>
    <t>HDFC BANK LTD, 233,  R B C ROAD, NAIHATI, NAIHATI, WEST BENGAL</t>
  </si>
  <si>
    <t>D NO 3-546/A, V V R COMPLEX, MAIN ROAD, PARKAL, TELANGANA</t>
  </si>
  <si>
    <t>HDFC BANK LTD, KARIMGANJ MAIN ROAD, NEAR RAMKRISHNA MATH, KARIMGANJ, ASSAM</t>
  </si>
  <si>
    <t>HDFC BANK LTD, NAVA HOTEL,  RAIGARH ROAD, NEAR BUS STAND,  PATHALGAON CG, PATHALGAON, CHHATTISGARH</t>
  </si>
  <si>
    <t>PLOT NO 1826-1831,  KRANTI CHOWK, NEAR GOHANA MOR, DIST. ROHTAK, MEHAM, HARYANA</t>
  </si>
  <si>
    <t>GROUND FLOOR, BEHIND VIKAS HIGH SCHOOL, DIST - NANDURBAR, SHAHADA, MAHARASHTRA</t>
  </si>
  <si>
    <t>HDFC BANK LTD, MISSION ROAD, SUNDARGARH, SUNDARGARH, ODISHA</t>
  </si>
  <si>
    <t>KHASRA NO 727 AND 728, VILLAGE MADAPUR SAMASPUR,  PARGANA, TEHSIL - GHOSI,  DIST - MAU, GHOSI, UTTAR PRADESH</t>
  </si>
  <si>
    <t>KHASRA NO 135 AND 136,  VILLAGE CHAK, SHAH MOHAMMADI ALIAS MALIKPURA, DIST - GAZIPUR, MOHAMMADABAD, UTTAR PRADESH</t>
  </si>
  <si>
    <t>53/52,  WARD NO 8, MOHALLA INDIRA NAGAR, DIST - KUSHINAGAR, SEWARHI, UTTAR PRADESH</t>
  </si>
  <si>
    <t>HOUSE NO 247, WARD NO 5,  VILLAGE RASRA ANDAR, DISTRICT - BALLIA, RASRA, UTTAR PRADESH</t>
  </si>
  <si>
    <t>HDFC BANK LTD, HOUSE NO 1/1,  AWAS VIKAS JHUSI, SCHEME NO 3,  DIST - ALLAHABAD, ALLAHABAD, UTTAR PRADESH</t>
  </si>
  <si>
    <t>HDFC BANK LTD, 14-2-5,  1-A, C T M ROAD, MADANPALLE, ANDHRA PRADESH</t>
  </si>
  <si>
    <t>HDFC BANK LTD, D NO-7/653 AND 7/648, RTC BUS STAND ROAD, SRIKALAHASTI, ANDHRA PRADESH</t>
  </si>
  <si>
    <t>NO 6-357,  1ST FLOOR, MODERN COMPLEX, NRT CENTER, CHILAKALURIPET, ANDHRA PRADESH</t>
  </si>
  <si>
    <t>HDFC BANK LTD, NO 1-1448, PARK ROAD, YEMMIGANUR, ANDHRA PRADESH</t>
  </si>
  <si>
    <t>HDFC BANK LTD, IDGAH COMPLEX,  AAKASHWANI ROAD, NAYAPARA,  JAGDALPUR CG, JAGDALPUR, CHHATTISGARH</t>
  </si>
  <si>
    <t>HDFC BANK LTD, 122 CHOUHAN DREAM HOUSE, COMMERCIAL COMPLEX,  SMRITI NAGAR, BHILAI, CHHATTISGARH</t>
  </si>
  <si>
    <t>HDFC BANK LTD, KALATIRTH NEAR PRERNATIRTH BUNGLOWS, JODHPUR, AHMEDABAD, GUJARAT</t>
  </si>
  <si>
    <t xml:space="preserve">HDFC Bank Ltd., Dharnidhar Park, Beside SBI Bank,  Nr. Kalikund Circle, Maflipur, Dholka,Gujarat </t>
  </si>
  <si>
    <t>HDFC BANK LTD, FIRST FLOOR, CITY CENTRE, NYAY MANDIR, VADODARA., VADODARA, GUJARAT</t>
  </si>
  <si>
    <t>SHOP NO 7 TO 10, GROUND FLOOR AND FIRST FLOOR, KRISHNA COMPLEX, DABHOI, GUJARAT</t>
  </si>
  <si>
    <t>SHOP NO 3, CROWN COMPLEX NEAR 1-2 CHOWK, TIKONA PARK,  NIT 2, FARIDABAD, HARYANA</t>
  </si>
  <si>
    <t>HDFC BANK LTD, SCO 119,  SECTOR 25, PANCHKULA, PANCHKULA, HARYANA</t>
  </si>
  <si>
    <t>HDFC BANK LTD, GMHR BUILDING,  BCS PHASE 3, SECTOR - 5, NEW SHIMLA, HIMACHAL PRADESH</t>
  </si>
  <si>
    <t>HDFC BANK LTD, GOWRI SHANKAR COMPLEX, P B ROAD,  NEAR OLD LIC, RANEBENNUR, KARNATAKA</t>
  </si>
  <si>
    <t>HDFC BANK LTD, JAWAHAR MARG,  KOTA FATAK, DISTRICT - UJJAIN, NAGDA, MADHYA PRADESH</t>
  </si>
  <si>
    <t>HDFC BANK LTD, OPP BUS STAND, NAGAR PARISHAD ROAD, BALLARPUR, MAHARASHTRA</t>
  </si>
  <si>
    <t>MANGALMURTI APARTMENTS, PLOT NO 2 AND 3,  NEAR MANEWADA, CEMENT ROAD,  OLD SUBHEDAR LAYOUT, NAGPUR, MAHARASHTRA</t>
  </si>
  <si>
    <t>HDFC BANK LTD, SHARMA COMPLEX, GANDHI CHOWK,  KAMPTEE, NAGPUR, MAHARASHTRA</t>
  </si>
  <si>
    <t>GROUND FLOOR, SARASWATI COMMERCIAL COMPLEX, PUNE SATARA ROAD, OPP KHUSHBOO HOTEL, PUNE, MAHARASHTRA</t>
  </si>
  <si>
    <t>GROUND FLOOR,  DNYDEEP COMPLEX, JAI BHAVANI COMPLEX, MOHAMMEDWADI,  HADAPSAR, PUNE, MAHARASHTRA</t>
  </si>
  <si>
    <t>HDFC Bank Ltd., Sawakar Complex, Ground Floor, shop No. 1 to 6 and 9 to 11, Yusuf Sawakar Colony, Uran Islampur, Tal - Walwa, Dist - Sangli, Maharashtra - 415409.</t>
  </si>
  <si>
    <t>HDFC BANK LTD, PLOT NO 6,  SANTOSHI BHAWAN, MAHANADI VIHAR, CUTTACK, ODISHA</t>
  </si>
  <si>
    <t>HDFC BANK LIMITED, PLOT NO,  D,  RUCHIKA MARKET, ON NH-5,  BARAMUNDA H.B. COLONY, BHUBANESWAR, ODISHA</t>
  </si>
  <si>
    <t>HDFC BANK LTD, MAIN ROAD,  RAMCHANDRAPUR BAZAR, DIST - KHURDA, JATANI, ODISHA</t>
  </si>
  <si>
    <t>HDFC BANK LTD, OPPOSITE BHARAT FLOUR MILLS, DALHOUSIE ROAD, PATHANKOT, PUNJAB</t>
  </si>
  <si>
    <t>HDFC BANK LTD, SCO-548,  SECTOR-70, MOHALI, MOHALI, PUNJAB</t>
  </si>
  <si>
    <t>BLDG-POOJA OLD NO 2, NEW NO 3,  K B DASAN ROAD, ALWARPET, CHENNAI, TAMIL NADU</t>
  </si>
  <si>
    <t>HDFC BANK LTD, AZAD ROAD, NEAR BUS STAND, CHANDAUSI, UTTAR PRADESH</t>
  </si>
  <si>
    <t>HDFC BANK LTD, 1ST FLOOR,  MARWARI PATTI, DIST - JALPAIGURI, ALIPURDUAR, WEST BENGAL</t>
  </si>
  <si>
    <t>HDFC BANK LTD, 30,  G N P C ROAD, P O - RANAGHAT,  DIST - NADIA, RANAGHAT, WEST BENGAL</t>
  </si>
  <si>
    <t>N S ROAD,  NEAR ASHA TALKIES, PO AND PS RAIGANJ, DIST - UTTAR DINAJPUR, RAIGANJ, WEST BENGAL</t>
  </si>
  <si>
    <t>HDFC BANK LTD, BHAGAWAN BAZAR,  B B ROAD, WARD NO 5,  PS - BARPETA, BARPETA, ASSAM</t>
  </si>
  <si>
    <t>HDFC BANK LTD, HOTEL MAYUR, MANENDRAGARH ROAD, BAIKUNTHPUR, CHHATTISGARH</t>
  </si>
  <si>
    <t>HDFC BANK LTD, BEHIND DIU SPORTS COMPLEX, WANAKBARA, DIU, DAMAN AND DIU</t>
  </si>
  <si>
    <t>HDFC BANK LTD, MAIN ROAD, DIST-RAMGARH, PATRATU, JHARKHAND</t>
  </si>
  <si>
    <t>SHOP 9,  10 AND 11,  SHRI NARAYAN CHS, LTD,  ASANGAON - SHAHAPUR ROAD, VILLAGE KALAMBE, MUMBAI, MAHARASHTRA</t>
  </si>
  <si>
    <t>HDFC BANK LTD, NEAR SM HIGH SCHOOL, AT POST KANKAWALI,  DIST-SINDHUDURG, KANKAWALI, MAHARASHTRA</t>
  </si>
  <si>
    <t>HDFC BANK LTD, PHILLAUR ROAD,  VPO AUR TEHSIL AND, DIST. SHAHID BHAGAT SINGH NAGAR, AUR, PUNJAB</t>
  </si>
  <si>
    <t>HDFC BANK LTD, DOMELI ROAD,  VPO REHANA JATTAN, TEHSIL PHAGWARA,  DISTT KAPURTHALA, REHANA JATTAN, PUNJAB</t>
  </si>
  <si>
    <t>HDFC BANK LTD, DASHMESH REAL ESTATE, LUDHIANA ROAD, HAMBRAN, PUNJAB</t>
  </si>
  <si>
    <t>HDFC BANK LTD, DINHATA MAIN ROAD, OPP OLD BUS STAND,  DIST-COOCHBIHAR, DINHATA, WEST BENGAL</t>
  </si>
  <si>
    <t>HDFC BANK LTD, D NO 6-8-7,  GROUND FLOOR, NIDAMARTHY STREET,  T NAGAR, RAJAHMUNDRY, ANDHRA PRADESH</t>
  </si>
  <si>
    <t>2-20-21, NEHRU ROAD, GANDHI CHOWK, TENALI, ANDHRA PRADESH</t>
  </si>
  <si>
    <t>HDFC BANK LTD, 27-29,  GROUND FLOOR, LAWYERS STREET,  KOTHAPETA, VINUKONDA, ANDHRA PRADESH</t>
  </si>
  <si>
    <t>HDFC BANK LTD,  NO 6-1-127/3, GROUND FLOOR,  PADMARAO NAGAR, SECUNDERABAD, HYDERABAD, TELANGANA</t>
  </si>
  <si>
    <t>GROUND FLOOR,  SHOP NO 1, 2, 3, DEV HOMES THREE, NEAR BALOL NAGAR CHAR RASTA,  RANIP, AHMEDABAD, GUJARAT</t>
  </si>
  <si>
    <t>HDFC BANK LTD, SHOP NO. 4 TO 7,  GROUND FLOOR, JAIRAJ COMPLEX,  ODHAV, AHMEDABAD, GUJARAT</t>
  </si>
  <si>
    <t>HDFC BANK LTD, MUGHAL PLAZA, NOWGAM, SRINAGAR, JAMMU AND KASHMIR</t>
  </si>
  <si>
    <t>HDFC BANK LTD, OPPOSITE GANDHI MAIDAN, MATWARI, HAZARIBAGH, JHARKHAND</t>
  </si>
  <si>
    <t>SHOP NO 1-9,  SHIVRANJANI COMPLEX, NEAR ANAND HOTEL, TATA KANDRA MAIN ROAD,  ADITYAPUR, JAMSHEDPUR, JHARKHAND</t>
  </si>
  <si>
    <t>ARUN ARCADE, 6/895,  VATTIYOORKAVU, TRIVANDRUM, TRIVANDRUM, KERALA</t>
  </si>
  <si>
    <t>HDFC BANK LTD, H NO 3,  SHAKTI NAGAR, BHOPAL, BHOPAL, MADHYA PRADESH</t>
  </si>
  <si>
    <t>HDFC BANK LTD, SHOP NO 11,  SITASHREE APARTMENT, MOTA BAG,  AIRPORT ROAD, INDORE, MADHYA PRADESH</t>
  </si>
  <si>
    <t>HDFC BANK LTD, WARD NO 08, SHIVPURI ROAD, SHEOPUR, MADHYA PRADESH</t>
  </si>
  <si>
    <t>HDFC BANK LTD, SARAFA LANE, MAIN ROAD, BULDHANA, MAHARASHTRA</t>
  </si>
  <si>
    <t>HDFC BANK LTD, GROUND FLOOR,  CHORDIYA HOUSE, OLD SBI ROAD,  DIST-YAVATMAL, WANI, MAHARASHTRA</t>
  </si>
  <si>
    <t>HDFC BANK LTD, 101/1,  JAWAHARLAL NEHRU ROAD, NABADWIP,  DIST - NADIA, NABADWIP, WEST BENGAL</t>
  </si>
  <si>
    <t>HDFC BANK LTD, AKASHDEEP APARTMENT,  3 AC-232, 1 PRAFULLA KANAN, KOLKATA, WEST BENGAL</t>
  </si>
  <si>
    <t>Ground Floor, Sadhu Nana Chowk, Ghotawade Phata Chowk, Kasaramboli, Mulshi, Pune</t>
  </si>
  <si>
    <t>HDFC BANK LTD, KRISHNA RAJANI AVENUE, NEAR KUDAL POST OFFICE,  GANESHNAGAR, KUDAL, MAHARASHTRA</t>
  </si>
  <si>
    <t>HDFC BANK LTD, MAIN NAKODAR ROAD, VPO SHANKAR,  TEHSIL NAKODAR, SHANKAR, PUNJAB</t>
  </si>
  <si>
    <t>HDFC BANK LTD, SHOP NO 26 AND 27,  GROUND FLOOR, NAV JEEVAN SOCIETY,  SHANKAR NAGAR, RAIPUR, CHHATTISGARH</t>
  </si>
  <si>
    <t>GF-2,  GROUND FLOOR,  SUPER MALL-II, INFOCITY COMPLEX, NEAR INDRODA CIRCLS, GANDHINAGAR, GUJARAT</t>
  </si>
  <si>
    <t>FIRST FLOOR,  PATEL CHAMBERS, NEAR ANJANI HOSPITAL, S J ROAD, SIDHPUR, GUJARAT</t>
  </si>
  <si>
    <t>Ishan Ceramic zone, Ishan complex Wing - C, Shop No. G1 to G6, Opp. Shakti chambers, National highway 8A, Lalpar, Dist. Morvi, Gujarat</t>
  </si>
  <si>
    <t>HDFC BANK LTD, PLOT NO 13/5, RAJGOPALCHARI WARD, BHANDARA, MAHARASHTRA</t>
  </si>
  <si>
    <t>HDFC BANK LTD, CHAWLA HOUSE 62, WODE HOUSE ROAD,  COLABA, MUMBAI, MAHARASHTRA</t>
  </si>
  <si>
    <t>HDFC BANK LTD, Naikwadi Nagar, Behind Gore Complex, Near Visarjan Vihir,Osmanabd, Maharashtra</t>
  </si>
  <si>
    <t>UNIT NO.1,  GROUND FLOOR, LOTUS PARK, PLOT NO.B 18/19, PANCHPAKHADI,  16 RD, MIDC, WAGHLE INDUSTRIAL ESTATE, THANE, THANE, MAHARASHTRA</t>
  </si>
  <si>
    <t>SAURABH CHS,  OFF SERVICE ROAD, EASTERN EXPRESS HIGHWAY,  NEAR MODI, HYUNDAI SHOWROOM,  PANCHPAKHADI, THANE, MAHARASHTRA</t>
  </si>
  <si>
    <t>HDFC BANK LTD, KAJURIDANGA, PO - KENDUADIHI, BANKURA, WEST BENGAL</t>
  </si>
  <si>
    <t>HDFC BANK LTD, PLOT NO 12/1508,  NATIONAL HIGHWAY, NEAR HP PETROL PUMP,  DIST-BIRBHUM, RAMPURHAT, WEST BENGAL</t>
  </si>
  <si>
    <t>HDFC BANK LTD, GOPAL COMPLEX, RANCHI ROAD, PURULIA, WEST BENGAL</t>
  </si>
  <si>
    <t>CST NO 2799,  VAIBHAV COMPLEX, MAHAVEER NAGAR,  MAIN ROAD HUPARI, DIST - KOLHAPUR, HUPARI, MAHARASHTRA</t>
  </si>
  <si>
    <t>HDFC BANK LTD, KHASRA NO 875,  VILLAGE JATA KHAS, TAHSIL - HATA,  DIST - KUSHI NAGAR, HATA, UTTAR PRADESH</t>
  </si>
  <si>
    <t>KHASRA NO - 369, VILLAGE PITHANI KHURD, MOHALLA SHASTRIYA NAGAR, NAUGARH, UTTAR PRADESH</t>
  </si>
  <si>
    <t>SHYAMA PRASAD MUKHERJEE CROSSING, ASSAM ROAD CHAURAHA, NEAR GUPTA PETROL PUMP,  RAFI NAGAR, UTRAULA, UTTAR PRADESH</t>
  </si>
  <si>
    <t>HDFC BANK LTD, PANAGARH,  PRAYAGPUR, PANAGARH BAZAR, BARDDHAMAN, PANAGARH, WEST BENGAL</t>
  </si>
  <si>
    <t>HDFC BANK LTD, 2-18-3,  TIMMALAPENTA ROAD, DIST - NELLORE, KAVALI, ANDHRA PRADESH</t>
  </si>
  <si>
    <t>HDFC BANK LTD, RADHIKA COMPLEX, BALAMI CHAK MORE,  ANISABAD, PATNA, BIHAR</t>
  </si>
  <si>
    <t>HDFC BANK LTD, 3/RC39,  BHOOTNATH ROAD, KANKARBAGH, PATNA, BIHAR</t>
  </si>
  <si>
    <t>HDFC BANK LTD, MAIN SONEPAT ROAD,  RAM GOPAL COLONY, ADJOINING PNB CIRCLE OFFICE, ROHTAK, HARYANA</t>
  </si>
  <si>
    <t>HDFC BANK LTD, JANIPUR NEAR DAILY EXCELSIOR LANE, JAMMU, JAMMU, JAMMU AND KASHMIR</t>
  </si>
  <si>
    <t>HDFC BANK LTD, MAIN ROAD, BEMINA, SRINAGAR, JAMMU AND KASHMIR</t>
  </si>
  <si>
    <t>1ST FLOOR,  RISHAB COMPLEX, OPP ROAD NO - 4,  ASHOK NAGAR, ARGODA ROAD,  DIST - RANCHI, ASHOK NAGAR, JHARKHAND</t>
  </si>
  <si>
    <t>HDFC BANK LTD, KRUSHNA HEIGHTS, JATHARPETH, AKOLA, MAHARASHTRA</t>
  </si>
  <si>
    <t>VAKIL LANE, NEAR POLICE STATION,  PARATWADA, ACHALPUR, ACHALPUR, MAHARASHTRA</t>
  </si>
  <si>
    <t>HDFC BANK LTD, SONAVANE COMPLEX, SHRINAGAR, NANDED, MAHARASHTRA</t>
  </si>
  <si>
    <t>GROUND FLOOR,  15A/1, HOTEL GULMOHAR, SADHU VASWANI ROAD, PUNE, MAHARASHTRA</t>
  </si>
  <si>
    <t>SURVEY NO 90,  LAKSHADEEP PALACE, SHOP NO - 1,  PIMPLE SAUDAGAR, POST AUNDH CAMP, PUNE, MAHARASHTRA</t>
  </si>
  <si>
    <t>HDFC BANK LTD, J K COMPLEX, J L BANARJEE ROAD, SURI, WEST BENGAL</t>
  </si>
  <si>
    <t>HDFC BANK LTD, SEIKH HAMZA COMPLEX, HANDWARA, HANDWARA, JAMMU AND KASHMIR</t>
  </si>
  <si>
    <t>HDFC BANK LTD, LALWANI BROTHERS COMPLEX, PAMPORE, PAMPORE, JAMMU AND KASHMIR</t>
  </si>
  <si>
    <t xml:space="preserve">HDFC Bank Ltd, Ground Floor, Dr. Ghewade hospital, Plot No.2140, Jaysingrao Park, Service road, NH4 ( Mumbai- Bangalore Highway), Kagal , Kolhapur - Maharashtra - . </t>
  </si>
  <si>
    <t>D NO 1-1-1/809/3, KALLUR ROAD, KORATLA, KORATLA, TELANGANA</t>
  </si>
  <si>
    <t>HDFC Bank Ltd. Ground Floor, Avantika Road, Sadar Bazar, Jamalpur, Munger, BIHAR</t>
  </si>
  <si>
    <t>DEEP GANGA COMPLEX, NEAR ARVIND HOSPITAL, ASHOK RAJPATH, PATNA, BIHAR</t>
  </si>
  <si>
    <t>HDFC BANK LTD, STATION CHOWK, DIST - SUPAUL, SUPAUL, BIHAR</t>
  </si>
  <si>
    <t>HDFC Bank Ltd., JILLA SEVA SADAN,  COLLECTOR OFFICE, SUBHAS BRIDGE CIRCLE, AHMEDABAD, GUJARAT</t>
  </si>
  <si>
    <t>HDFC Bank Ltd, SCO-692, Block-B, Green Fields Colony,  Faridabad, Haryana </t>
  </si>
  <si>
    <t>HDFC BANK LTD, 599/1,  ADJOINING AMAN PALACE, JHANSA ROAD, KURUKSHETRA, HARYANA</t>
  </si>
  <si>
    <t>HDFC BANK LTD, CIRCULAR ROAD, OPPOSITE JAIN PUBLIC SCHOOL, REWARI, HARYANA</t>
  </si>
  <si>
    <t>HDFC BANK LTD, SHAKUNTLA COMPLEX, OPPOSITE SHAHEDI PETROL PUMP, KATHUA, JAMMU AND KASHMIR</t>
  </si>
  <si>
    <t>HDFC BANK LTD, SHERI BUTT, ALAMGIRI BAZAR, SRINAGAR, JAMMU AND KASHMIR</t>
  </si>
  <si>
    <t>HDFC BANK LTD, TOWN HALL ROAD, UDHAMPUR, UDHAMPUR, JAMMU AND KASHMIR</t>
  </si>
  <si>
    <t>HDFC BANK LTD, PLOT NO G-3, MIDC AREA,  TRIMBAK ROAD, NASHIK, MAHARASHTRA</t>
  </si>
  <si>
    <t>HDFC BANK LTD, PLOT NO 516/1676,  SAMPARK VIHAR, PATIA SQUARE, BHUBANESWAR, ODISHA</t>
  </si>
  <si>
    <t>HDFC BANK LTD, GROUND FLOOR ,  421, TANAKPUR ROAD,  PILIBHIT, PILIBHIT, UTTAR PRADESH</t>
  </si>
  <si>
    <t>1407, Old Mumbai Agra road, Ghoti Tal Igatpuri, dist Nashik, Maharashtra</t>
  </si>
  <si>
    <t>HDFC BANK LTD, C S NO 506 K,  SIRPIRAJI ROAD, A/P MURGUD,  TAL-KAGAL DIST-KOLHAPUR, MURGUD, MAHARASHTRA</t>
  </si>
  <si>
    <t>HDFC BANK LTD, MOHALLA SHEKHPUR PASHCHIM, PHULPUR DIST - ALLAHABAD, PHULPUR, UTTAR PRADESH</t>
  </si>
  <si>
    <t>NARAIN COMPLEX,  WARD NO 3, MOHALLA NAI NAZAR, RAIBAREILLY - KANPUR ROAD, LALGANJ, UTTAR PRADESH</t>
  </si>
  <si>
    <t>21/25, Opp.Head Post office, Bank Street, NUZVID, ANDHRA PRADESH</t>
  </si>
  <si>
    <t>H BLOCK, OPPOSITE CELEBRITY HOMES, PALAM VIHAR,  GURGAON, GURGAON, HARYANA</t>
  </si>
  <si>
    <t>HDFC BANK LTD, BUS STAND ROAD, NEAR ADB CHOWK, ARARIA, BIHAR</t>
  </si>
  <si>
    <t>HDFC BANK LTD, CTS NO 3939,  NEAR SUVARNA TALKIES, ASHOKA CIRCLE, JAMKHANDI, KARNATAKA</t>
  </si>
  <si>
    <t>HDFC BANK LTD, CTS NO : 3195,  B3,  1C2, 1ST FLOOR,  COURT ROAD,  OPP SUBJAIL, GOKAK, KARNATAKA</t>
  </si>
  <si>
    <t>GROUND FLOOR,  MALHAR COMPLEX, SURVEY NO 282,  PLOT 7-8-11-12, OPP CIVIL COURT,  YADGIR,  , YADGIR, KARNATAKA</t>
  </si>
  <si>
    <t>HDFC BANK LTD, 1ST FLOOR,  JK COMPLEX, GANESH CIRCLE, GANGAVATHI, KARNATAKA</t>
  </si>
  <si>
    <t>HDFC BANK LTD, GROUND FLOOR,  DAWLE BUILDING, NEAR POLICE STATION,  DIST - BEED, AMBAJOGAI, MAHARASHTRA</t>
  </si>
  <si>
    <t>NALINI BUILDING POHALE NAGAR, NEAR GANGAMAI MANGAL KARYALAYA, SATANA ROAD MALEGAON, MALEGAON, MAHARASHTRA</t>
  </si>
  <si>
    <t>HDFC BANK LTD, KATH MANDI, OLD ROHTAK ROAD, SONEPAT, HARYANA</t>
  </si>
  <si>
    <t>SIDKO CHOWK, BARI BRAHAMANS, DIST SAMBA, JAMMU, JAMMU AND KASHMIR</t>
  </si>
  <si>
    <t>HDFC BANK LTD, NEAR SMD SCHOOL, SOURA, SRINAGAR, JAMMU AND KASHMIR</t>
  </si>
  <si>
    <t>BALAJI VENTURE,  1 ST FLOOR, SANGEETHA MOBILE STORES, M G ROAD, CHIKMAGALUR, KARNATAKA</t>
  </si>
  <si>
    <t>HDFC BANK LTD, GREEN PARK, MAHESH NAGAR, AMBALA CANTT, HARYANA</t>
  </si>
  <si>
    <t>HDFC BANK LTD, ITI CHOWK/BYEPASS CHOWK, YAMUNANAGAR, YAMUNANAGAR, HARYANA</t>
  </si>
  <si>
    <t>HDFC BANK LTD, LALCHOWK, ANANTNAG, ANANTNAG, JAMMU AND KASHMIR</t>
  </si>
  <si>
    <t>HDFC BANK LTD, NO 201,  GREEN GLEN LAYOUT, BELLANDUR - ORR, BANGALORE, KARNATAKA</t>
  </si>
  <si>
    <t>HDFC BANK LTD, JAGALUR MAHALINGAPPA COMPLEX, BD ROAD,  NEAR KSRTC BUS STAND, CHITRADURGA, KARNATAKA</t>
  </si>
  <si>
    <t>NO. 1121/5-D,  GROUND FLOOR, ASHOK NAGAR, B M ROAD, MANDYA, KARNATAKA</t>
  </si>
  <si>
    <t>NO 474K-7/1,  474K-7/1B, UPPER GROUND FLOOR, , CHAMARAJA DOUBLE ROAD,  K R MOHALLA, MYSORE, KARNATAKA</t>
  </si>
  <si>
    <t>HDFC BANK LTD, NO. 525,  NSR ROAD, SAIBABA COLONY, COIMBATORE, TAMIL NADU</t>
  </si>
  <si>
    <t>HDFC BANK LTD, UNIT 11,  PO - BUXI BAZAR, P S - CANTENMENT, CUTTACK, ODISHA</t>
  </si>
  <si>
    <t>HDFC BANK LTD, LINK ROAD, S B MANSION, CUTTACK, ODISHA</t>
  </si>
  <si>
    <t>HDFC BANK LTD, AMRITSAR ROAD, OPP CIVIL HOSPITAL, TARANTARAN, PUNJAB</t>
  </si>
  <si>
    <t>HDFC BANK LTD, APPAJI PLAZA,  MAIN PETH, MANGALWAR PETH, JATH, MAHARASHTRA</t>
  </si>
  <si>
    <t>SHOP NO 1 AND SHOP NO 24-32, LC MARKET,  SASHAN ROAD, DIST-JUNAGADH, TALALA, GUJARAT</t>
  </si>
  <si>
    <t>Plot no 35-4-134,upper ground floor, B B Road,Shahpur, Yadgir. Karnataka</t>
  </si>
  <si>
    <t>HDFC BANK LTD, NO 440-1, THIRUPATTUR ROAD, DEVAKOTTAI, TAMIL NADU</t>
  </si>
  <si>
    <t>1832/431 AND 1834/433,  BILHOUR, TIRAHA,  MOHALLA NAUNIHALGANJ, VILLAGE BANGARMAU,  TEHSIL-SAFIPUR, BANGARMAU, UTTAR PRADESH</t>
  </si>
  <si>
    <t>H.NO:24-2-418, SARASWATHI NAGAR,  NEAR MSR STATUE, DARGA MITTA, NELLORE, ANDHRA PRADESH</t>
  </si>
  <si>
    <t>GROUND FLOOR NO 1, NIKUNJ CHHAYA COMPLEX, KIRSHANABAG,  MANINAGAR, AHMEDABAD, GUJARAT</t>
  </si>
  <si>
    <t>HDFC Bank Ltd, Karmvir Icon, Near Railway Underbridge, Pij Road,Nadiad, Kheda, Gujarat</t>
  </si>
  <si>
    <t>HDFC BANK LTD, LALNAGAR, CHANAPORA, SRINAGAR, JAMMU AND KASHMIR</t>
  </si>
  <si>
    <t>HDFC BANK LTD, ZABARWAN GUEST HOUSE, PANTHACHOWK, SRINAGAR, JAMMU AND KASHMIR</t>
  </si>
  <si>
    <t>SRI BHAVANI ARCADE,  1ST FLOOR, BESIDES SHANTHI SAGAR HOTEL, B B ROAD, CHIKKABALLAPURA, KARNATAKA</t>
  </si>
  <si>
    <t>HDFC BANK LTD, PILGIRM ROAD, COLLEGE SQUARE, CUTTACK, ODISHA</t>
  </si>
  <si>
    <t>HDFC BANK LTD, BHABA NAGAR SQUARE,  BRAHMAPUR, DIST - GANJAM, BRAHMAPUR, ODISHA</t>
  </si>
  <si>
    <t>HDFC BANK LTD, PLOT NUMBER 3565,  PALASUNI, DIST - KHURDA,  BHUBANESWAR, BHUBANESWAR, ODISHA</t>
  </si>
  <si>
    <t>HDFC BANK LTD, RAJASTHAN PATRIKA BUILDING, VAISHALI NAGAR, AJMER, RAJASTHAN</t>
  </si>
  <si>
    <t>HDFC BANK LTD, OPP GOVT HOSPITAL, UDAIPUR ROAD, NIMBAHERA, RAJASTHAN</t>
  </si>
  <si>
    <t>HDFC BANK LTD, STATION ROAD,  HINDAUN, DISTT - KAROLI, HINDAUN, RAJASTHAN</t>
  </si>
  <si>
    <t>HDFC BANK LTD,  Old No 20, New No 47, Burkit Road, T Nagar, Chennai</t>
  </si>
  <si>
    <t>Burkit Road, T Nagar, Chennai. PIN 600017</t>
  </si>
  <si>
    <t>HDFC BANK LTD, JIWAN MARKET, P O - JAMURIA,  DIST - BARDDHAMAN, JAMURIA, WEST BENGAL</t>
  </si>
  <si>
    <t>SAMRIDDHI APARTMENT, KHUDIRAM BOSE ROAD, DIST - PASCHIM MEDINIPORE, MEDINIPUR, WEST BENGAL</t>
  </si>
  <si>
    <t>HDFC BANK LTD, SHADMAN COMPLEX, NEAR TAK MASJID, SHOPIAN, JAMMU AND KASHMIR</t>
  </si>
  <si>
    <t>HDFC BANK LTD, TANDON MARKET,  BEHIND PETROL PUMP, NEAR BUS STAND, POONCH, JAMMU AND KASHMIR</t>
  </si>
  <si>
    <t>BANGA ROAD, VPO MUKANDPUR,  TEHSIL BANGA, DISTT SHAHID BHAGAT SINGH NAGAR, MUKANDPUR, PUNJAB</t>
  </si>
  <si>
    <t>HDFC BANK LTD., MALIKA STREET,  WORD NO. 1, DISTT. SANGRUR, LEHRAGAGA, PUNJAB</t>
  </si>
  <si>
    <t>HDFC BANK LTD, ALWAR BYPASS, OPP POST OFFICE, TAPUKERA, RAJASTHAN</t>
  </si>
  <si>
    <t>HDFC BANK LTD, PILI KOTHI COMPOUND, OPP NAGAR PALIKA,  DIST - TONK, DEOLI, RAJASTHAN</t>
  </si>
  <si>
    <t>HDFC BANK LTD, SUBHASH MANDI,  SHAHPURA ROAD, NEEM KA THANA, NEEM KA THANA, RAJASTHAN</t>
  </si>
  <si>
    <t>HDFC BANK LTD, NAI SARAK,  BEHIND GOLCHA BUILDING, DIST - JODHPUR, PHALODI, RAJASTHAN</t>
  </si>
  <si>
    <t>HDFC Bank Ltd Shop No 299 Ward No 7 General Market Besides Gurudwara Sangaria,Hanumangarh, RAJASTHAN</t>
  </si>
  <si>
    <t>GROUND FLOOR, SURVEY NO 109/5, PLOT NO 505-28-3-100, BELLAMPALLY, TELANGANA</t>
  </si>
  <si>
    <t>8-3-231/W/62/G1,  GROUND FLOOR, WOMENS CO-OP HOUSING SOCIETY, SREEKRISHNA NAGAR X ROAD, HYDERABAD, TELANGANA</t>
  </si>
  <si>
    <t>HDFC BANK LTD, PRASAD BIGHA, MAIN ROAD, NAWADA, BIHAR</t>
  </si>
  <si>
    <t>HDFC BANK LTD, MISHRA MARKET,  OPP SONIA POKHAR, NAYA BAZAR, LAKHISARAI, BIHAR</t>
  </si>
  <si>
    <t>SARDAR BHAWAN, NEAR SANKAT MOCHAN MANDIR, MAIN ROAD, MOKAMEH, BIHAR</t>
  </si>
  <si>
    <t>HDFC BANK LTD, GOLA ROAD CHOWK, MARWARI BAZAR, SAMASTIPUR, BIHAR</t>
  </si>
  <si>
    <t>HDFC BANK LTD, YAMUNA MARKET,  BANK MORE, MAIN ROAD, PHUSRO, JHARKHAND</t>
  </si>
  <si>
    <t>HDFC BANK LTD, ARWAL MORE, GAYA PATNA MAIN ROAD, JEHANABAD, BIHAR</t>
  </si>
  <si>
    <t>HDFC Bank Ltd, Kuber Complex, No 168, Ambalathadayar Madam Street, Puducherry</t>
  </si>
  <si>
    <t>HDFC BANK LTD, SHREE JI HOTEL,  NEAR GURUDWARA, KOTA ROAD, BARAN, RAJASTHAN</t>
  </si>
  <si>
    <t>HDFC BANK LTD, VIVEKANAND/VISHWAKARMA MARKET, STATION ROAD,  DIST-CHURU, SUJANGARH, RAJASTHAN</t>
  </si>
  <si>
    <t>HDFC BANK LTD, 147,  MACHLA MARG,  A SCHEME, SEC 11,  HIRAN MAGRI, UDAIPUR, RAJASTHAN</t>
  </si>
  <si>
    <t>NO : 4 &amp; 5 , Melur Main Road, K K Nagar, Madurai</t>
  </si>
  <si>
    <t>51 99 SHIVAM TOWERS, OPP TO DEVAR HALL, West Bouleward Road, TRICHY, TAMIL NADU</t>
  </si>
  <si>
    <t>HDFC BANK LTD, 14-B,  EVR ROAD, K K NAGAR, TRICHY, TAMIL NADU</t>
  </si>
  <si>
    <t>HDFC BANK LTD, 241,  SAMBA STREET, TENKASI, TENKASI, TAMIL NADU</t>
  </si>
  <si>
    <t>HDFC BANK LTD, MOHALLA RAM LILA, NANITAL ROAD, BAHERI, UTTAR PRADESH</t>
  </si>
  <si>
    <t xml:space="preserve"> HDFC Bank Ltd., Labela Chowk , Opp Gandhi Ground , Near V Mart ,BUDAUN  U.P. - 243601</t>
  </si>
  <si>
    <t>HDFC BANK LTD, STATION ROAD, UJHANI,  DIST - BUDAUN, UJHANI, UTTAR PRADESH</t>
  </si>
  <si>
    <t>HDFC BANK LTD, PROP NO 578-587 SHIMLA MARKET, NEAR PETROL PUMP,  DELHI MEERUT ROAD, MURADNAGAR, UTTAR PRADESH</t>
  </si>
  <si>
    <t>HDFC BANK LTD, B-3/178 VIBHAV KHAND, GOMTI NAGAR, LUCKNOW, UTTAR PRADESH</t>
  </si>
  <si>
    <t>GROUND FLOOR,  HOTEL KRISHNA, RESIDENCY,  MOHALLA GANDHI NAGAR, WARD - SUBASH NAGAR, MAHOBA, UTTAR PRADESH</t>
  </si>
  <si>
    <t>HDFC Bank Ltd. Ground Floor, Ramgarh Road, Mohania, Kaimur, Bihar</t>
  </si>
  <si>
    <t>HDFC Bank Ltd., AGRASEN CHOWK, NEAR LIC MAIN ROAD, KHARSIA, CHHATTISGARH</t>
  </si>
  <si>
    <t>HDFC BANK LTD, UPPER BAZAR, LOHARDAGA, LOHARDAGA, JHARKHAND</t>
  </si>
  <si>
    <t>HDFC BANK LTD, GAYA MUNDA COMPLEX, MAIN ROAD, q, KHUNTI, JHARKHAND</t>
  </si>
  <si>
    <t>BHAGWA CHOWK, GRAM PANCHYAT ROAD, OPP HIRA CHITRA MANDIR, GARGOTI, MAHARASHTRA</t>
  </si>
  <si>
    <t>HDFC Bank Ltd., Ground Floor, Property No. 3011, Near New Bus Stand, At Post- Palus, Taluka-Palus, Dist-Sangli, MAHARASHTRA</t>
  </si>
  <si>
    <t>HDFC BANK LTD, MUKADAM PALACE,  SHIVAJI PATH, TEEN BATTI,  DIST - RAIGAD, PEN, MAHARASHTRA</t>
  </si>
  <si>
    <t>74/1A,  VINAYAGA TOWERS, SALEM MAIN ROAD, OPP TO LVB, KALLAKURICHI, TAMIL NADU</t>
  </si>
  <si>
    <t>HDFC BANK LTD, 62 A - AR ROAD, KOOTHANALLUR, TIRUVARUR, TAMIL NADU</t>
  </si>
  <si>
    <t>HDFC BANK LTDq, HOUSE NO 111,  KHASRA NO - 567 GA, LALOULI RAOD,  DISTRICT - FATEHPUR, BINDKI, UTTAR PRADESH</t>
  </si>
  <si>
    <t>HDFC BANK LTD, GRAM PANCHAYAT BEGUMGANJ, SANDILA, SANDILA, UTTAR PRADESH</t>
  </si>
  <si>
    <t>KEDIA BHAWAN,  HOUSE NO - 491, WARD NO 13,  MAIN MARKET, SHYAM MANDIR ROAD, SISWA BAZAR, UTTAR PRADESH</t>
  </si>
  <si>
    <t>MARAPPA GOUNDER PLAZA,  NO. 12, WEST CAR STREET, DIST - NAMAKKAL, TIRUCHENGODE, TAMIL NADU</t>
  </si>
  <si>
    <t>WARD NO 4,  MOHALLA KAZIPUR - 1, SURATGANJ ROAD,  NEAR BLOCK CROSSING, FATEHPUR, BARABANKI, UTTAR PRADESH</t>
  </si>
  <si>
    <t>DOOR NO 8-1-218, MANIYAR COMPLEX,  NATRAJ CENTRE, KSP ROAD, PALWANCHA, TELANGANA</t>
  </si>
  <si>
    <t xml:space="preserve">No.10-1-5 &amp; 6, Radam Bazar, Bapatla, Andhra Pradesh </t>
  </si>
  <si>
    <t>HDFC Bank Ltd. Ground Floor, 86, Opp. P &amp; M Mall, Patliputra Colony, Patna.</t>
  </si>
  <si>
    <t>HDFC BANK LTD, JERAMBHAI HALL, PANJRAPOL ROAD, UPLETA, GUJARAT</t>
  </si>
  <si>
    <t>SHOP NO.005A &amp; 005B,  GROUND FLOOR,  , TOWER - A,  UNITECH CYBER PARK,  , SECTOR - 39,  GURGAON, GURGAON, HARYANA</t>
  </si>
  <si>
    <t>HDFC BANK LTD, OPP RAJ GROUND, JHARIA, JHARIA, JHARKHAND</t>
  </si>
  <si>
    <t>NEAR DEEPAK TRADING, NEXT TO BUS STAND,  S NO 255/D, DIST - BULDHANA, MALKAPUR, MAHARASHTRA</t>
  </si>
  <si>
    <t>HDFC BANK LTD, MAIN CHOWK, ANUPSHAR BYE PASS, JAHANGIRABAD, UTTAR PRADESH</t>
  </si>
  <si>
    <t>HDFC BANK LTD, C-25, STELLAR IT PARK, NOIDA, UTTAR PRADESH</t>
  </si>
  <si>
    <t>Ground floor, House No - 693/1 Pathanpura, Orai Road, Rath Hamirpur, Uttar pradesh</t>
  </si>
  <si>
    <t>HDFC BANK LTD, GUDRI BAZAR, MAIN ROAD, CHATRA, CHATRA, JHARKHAND</t>
  </si>
  <si>
    <t>Ground Floor, Haji Eidris Complex, Tappal Road, Jewar, Dist. Gautam Buddh Nagar-203135, (UP)</t>
  </si>
  <si>
    <t>HDFC BANK LTD, BUILDING NO. 21, KAUSHAMBI, GHAZIABAD, GHAZIABAD, UTTAR PRADESH</t>
  </si>
  <si>
    <t>KHASRA NO 899,  VILLAGE JALALPUR, DEHAT,  PARGANA - SURHURPUR, DIST - AMBEDKAR NAGAR, JALALPUR, UTTAR PRADESH</t>
  </si>
  <si>
    <t>KHASRA,  NO 460 AND 461, VILLAGE,  PARGANA - RASOOLPUR, TEHSIL - DOMARIAGANJ, DOMARIAGANJ, UTTAR PRADESH</t>
  </si>
  <si>
    <t>PANDEY COMPLEX,  KHASRA NO 784, VILLAGE KARVI MAFI, BANDA - ALLAHABAD ROAD, KARWI MAFI, UTTAR PRADESH</t>
  </si>
  <si>
    <t>1-4-645, FIRST FLOOR, AMBEDKAR CROSS ROADS, BODHAN, TELANGANA</t>
  </si>
  <si>
    <t>HDFC BANK LTD, SCO 48-49, SECTOR 47 D, CHANDIGARH, CHANDIGARH</t>
  </si>
  <si>
    <t>HDFC BANK LTD, DAGA MARG, SARDARSAHAR,  DIST-CHURU, SARDARSAHAR, RAJASTHAN</t>
  </si>
  <si>
    <t>HDFC BANK LTD, 1,  NARPAT NAGAR, PAL ROAD, JODHPUR, RAJASTHAN</t>
  </si>
  <si>
    <t>HDFC BANK LTD, CHOUHAN MARKET, SARAWATON KA MOHALLA,  DIST SIKAR, FATEHPUR, RAJASTHAN</t>
  </si>
  <si>
    <t>MUNICIPAL NO 92/84, MOHALLA NOORPUR BUTAT,  AZIZ NAGAR, DIST - AZAMGARH, MUBARAKPUR, UTTAR PRADESH</t>
  </si>
  <si>
    <t>HDFC BANK LTD, Gata No. 119 M, Mohalla Musha Chhajjapur Tanda, Ambedkar nagar Uttar Pradesh</t>
  </si>
  <si>
    <t>HDFC BANK LTD, COLLEGE STREET, 57,  M G ROAD, KOLKATA, WEST BENGAL</t>
  </si>
  <si>
    <t>HDFC BANK LTD, 229/2, A P C ROAD, KOLKATA, WEST BENGAL</t>
  </si>
  <si>
    <t>HDFC BANK LTD, 6,  MARQUIS STREET, P S NEW MARKET, KOLKATA, WEST BENGAL</t>
  </si>
  <si>
    <t>HDFC BANK LTD, RAHARA BAZAAR,  P O RAHARA, KHARDAHA,  DIST - 24 PARGANAS, KHARDAHA, WEST BENGAL</t>
  </si>
  <si>
    <t>FIRST FLOOR, DERA BABA JAIMAL SINGH BEAS, DISTT AMRITSAR, AMRITSAR, PUNJAB</t>
  </si>
  <si>
    <t>HDFC BANK LTD, 2339,  GANPAT BHAWAN, DAK BUNGALOW ROAD, SOJAT, RAJASTHAN</t>
  </si>
  <si>
    <t>HDFC BANK LTD, MEHRIA BHAWAN, NAGAR PALIKA ROAD, MERTA CITY, RAJASTHAN</t>
  </si>
  <si>
    <t>HDFC BANK LTD, VRINDAVAN OIL MILL, NEAR SUBHASH CHOWK, PAOTA, RAJASTHAN</t>
  </si>
  <si>
    <t>MAYUR COLONY, NEAR JAI HIND COLLEGE SQUARE, DEOPUR, DHULE, MAHARASHTRA</t>
  </si>
  <si>
    <t>HDFC BANK LTD, PLOT NO 3, GAYATRI NAGAR, BUNDI, RAJASTHAN</t>
  </si>
  <si>
    <t>HDFC BANK LTD, PLOT NO A-182/2, SECTOR - 48, NOIDA, UTTAR PRADESH</t>
  </si>
  <si>
    <t>HDFC BANK LTD, 1/434 GARIAHAT ROAD, JODHPUR PARK, KOLKATA, WEST BENGAL</t>
  </si>
  <si>
    <t>HDFC BANK LTD, GB MARKET,  IN FRONT OF DAILY BAZAR, N T ROAD,  WORD NO 13, NORTH LAKHIMPUR, ASSAM</t>
  </si>
  <si>
    <t>HDFC Bank LTD, PLOT NO 5701/A, C/O V TRANS INDIA LTD,  GIDC, ANKLESHWAR, GUJARAT</t>
  </si>
  <si>
    <t>HDFC BANK LTD, RAILWAY ROAD NEAR NAMASTE CHOWK, SONEPAT, GANAUR, HARYANA</t>
  </si>
  <si>
    <t>HDFC BANK LTD, SRI RAM CITY, FIRST FLOOR, SARAIDHELA, JHARKHAND</t>
  </si>
  <si>
    <t>PADMA MANOHAR APARTMENT, SHOP NO 3 TO 9, PENSION PARK,  KUMBHAR WADA ROAD, URAN, MAHARASHTRA</t>
  </si>
  <si>
    <t>HDFC BANK LTD, PLOT NO 550,  OPP PANCHAYAT SAMITI, STATION ROAD, VAIJAPUR, MAHARASHTRA</t>
  </si>
  <si>
    <t>HDFC BANK LTD, MARKET SQUARE,  PARLAKHEMUNDI, DIST - GAJAPATI, PARLAKHEMUNDI, ODISHA</t>
  </si>
  <si>
    <t>HDFC BANK LTD, CITY BAZAR WATER TANK ROAD, DIAMOND HARBOUR 24 PGS, DIAMOND HARBOUR, WEST BENGAL</t>
  </si>
  <si>
    <t>HDFC BANK LTD, NEELAM CINEMA ROAD, GANDHI GHOWK, MUNGER, BIHAR</t>
  </si>
  <si>
    <t>HDFC BANK LTD, SFC 41,  SEC - 3, HUDA MARKET,  BALLABGARH, FARIDABAD, HARYANA</t>
  </si>
  <si>
    <t>HDFC BANK LTD, THE PEACH TREE,  C-BLOCK, SUSHANT LOK1, GURGAON, HARYANA</t>
  </si>
  <si>
    <t>HDFC BANK LTD, HDFC BANK BUILDING, KANKE ROAD, RANCHI, JHARKHAND</t>
  </si>
  <si>
    <t>HDFC BANK LTD, NEAR HERO HONDA SHOWROOM, SHASHI BHUSHAN RAI ROAD, SAHIBGANJ, JHARKHAND</t>
  </si>
  <si>
    <t>HDFC BANK LTD, PLOT NO 02 SURVEY NO 308, BIDAR ROAD,  DIST LATUR, UDGIR, MAHARASHTRA</t>
  </si>
  <si>
    <t>HDFC BANK LTD, PATIL PALACE,  GROUND FLOOR, S NO 2/1,  NDA PASHAN ROAD,  BAWDHAN, PUNE, MAHARASHTRA</t>
  </si>
  <si>
    <t>Square Inn Residential Commercial, Complex, Ground Floor G001, Opp Hira Hotel, Shivaji Road, Miraj, MAHARASHTRA</t>
  </si>
  <si>
    <t>123 B,  BUDHWAR PETH, P C CORNER BLDG,  SHOP NO 8 TO 11, OPPOSITE CORPORATION BANK, KARAD, MAHARASHTRA</t>
  </si>
  <si>
    <t>HDFC BANK LTD, R K TOWERS, DAILY MARKET, BOLANGIR, ODISHA</t>
  </si>
  <si>
    <t>HDFC BANK LTD, BESIDE TAHASIL OFFICE, P O - CHANDINI CHOWK, CUTTACK, ODISHA</t>
  </si>
  <si>
    <t>NEW BIJLI FOUNDRY, NEAR SALES TAX OFFICE, AMRITSAR ROAD,  DIST - GURDASPUR, BATALA, PUNJAB</t>
  </si>
  <si>
    <t>HDFC BANK LTD, 228,  DHARM PALACE CHAUHAN CHOWK, HASTINAPUR ROAD, MAWANA, UTTAR PRADESH</t>
  </si>
  <si>
    <t>HDFC BANK LTD, BF - 13,  SALT LAKE CITY, SECTOR - 1, KOLKATA, WEST BENGAL</t>
  </si>
  <si>
    <t>HDFC BANK LTD, OPPOSITE BANGLADESH TEMPLE, MAIN ROAD,  BODH GAYA, GAYA, BIHAR</t>
  </si>
  <si>
    <t>HDFC BANK LTD, G P PLAZA, CHINIYA ROAD, GARHWA, JHARKHAND</t>
  </si>
  <si>
    <t>HDFC BANK LTD, STATION ROAD, GHORA CHOWK, JUGSALAI, JHARKHAND</t>
  </si>
  <si>
    <t>GOVIND PLAZA,  UNIT NOS 1 TO 3, MUMBAI GOA ROAD,  OPP JBD PLAZA, NEAR OLD BUS STAND, MANGAON, MAHARASHTRA</t>
  </si>
  <si>
    <t>ANJUNA CENTER, MAZAL WADDO, ANJUNA BARDEZ, ANJUNA, GOA</t>
  </si>
  <si>
    <t>HDFC BANK LTD, 6-1-69 C, K T ROAD, TIRUPATI, ANDHRA PRADESH</t>
  </si>
  <si>
    <t>1-437,  GROUND FLOOR, KOTHAPETA, G T ROAD, MANGALAGIRI, ANDHRA PRADESH</t>
  </si>
  <si>
    <t>HDFC BANK LTD, OPP OLD BUS STAND, JAISTAMBH CHOWK, RAIPUR, CHHATTISGARH</t>
  </si>
  <si>
    <t>HDFC BANK LTD, SCF 50,  SECTOR-11, HUDA, PANIPAT, HARYANA</t>
  </si>
  <si>
    <t>HDFC BANK LTD, M A LINK ROAD, MUNWARABAD, SRINAGAR, JAMMU AND KASHMIR</t>
  </si>
  <si>
    <t>HDFC BANK LTD, NO 68 APPU RAO MAIN ROAD, 6TH MAIN ROAD,  CHAMRAJPET, BANGALORE, KARNATAKA</t>
  </si>
  <si>
    <t>26/1,  WORLD TRADE CENTRE BANGALORE, DR RAJKUMAR ROAD, MALLESWARAM - RAJAJINAGAR, BANGALORE, KARNATAKA</t>
  </si>
  <si>
    <t>HDFC BANK LTD, GROUND FLOOR,  ATHULYA INFO PARK, KUSUMAGIRI P.O. COCHIN, KOCHI, KERALA</t>
  </si>
  <si>
    <t>HDFC BANK LTD, SUBHASH GANJ MAIN ROAD, OPPOSITE POLICE STATION, DABRA, MADHYA PRADESH</t>
  </si>
  <si>
    <t>PLOT NO 17,  TILAK WARD, OPPOSITE TRAFFIC POLICE STATION, CIVIL LINES, MANDLA, MADHYA PRADESH</t>
  </si>
  <si>
    <t>HDFC BANK LTD, MAIN ROAD BILOUNGY, NEAR SATYA INTERNATIONAL HOTEL, WAIDHAN, MADHYA PRADESH</t>
  </si>
  <si>
    <t>MALTI RESIDENCY CO OP HOS SOC LTD, SHOP NO 1 TO 4,  GROUND FLOOR, PLOT NO 44,  SHIVAJI CHOWK, PANVEL, MAHARASHTRA</t>
  </si>
  <si>
    <t>HDFC BANK LTD, DURGA CHAMBERS,  BUS STAND ROAD, DIST - AKOLA, AKOT, MAHARASHTRA</t>
  </si>
  <si>
    <t>HDFC BANK LTD, AT - PANCHGACHIA, PO - BARAIPALI,  SAMBALPUR, BARAIPALI, ODISHA</t>
  </si>
  <si>
    <t>HDFC BANK LTD, Gaushala Road, Sangrur, PUNJAB</t>
  </si>
  <si>
    <t>MUNICIPAL NO 1217/51, MOHALLA UTTARI CHAPATTI, RAILWAY ROAD, MAINPURI, UTTAR PRADESH</t>
  </si>
  <si>
    <t>HDFC BANK LTD, 84 A,  A J C BOSE ROAD, FOMRA TOWER,  ENTALLY, KOLKATA, WEST BENGAL</t>
  </si>
  <si>
    <t>HDFC BANK LTD, A K AZAD ROAD,  GOPINATH NAGAR, KALAPAHAR, GUWAHATI, ASSAM</t>
  </si>
  <si>
    <t>HDFC BANK LTD, SHOP NO 1-6,  DEVIKA TOWERS, COMMERCIAL COMPLEX,  CHANDER NAGAR, GHAZIABAD, UTTAR PRADESH</t>
  </si>
  <si>
    <t>SHOP NO 5-6,  EMILIA APARTMENTS, TABRAWADDO, SALIGAO BARDEZ, SALIGAO, GOA</t>
  </si>
  <si>
    <t>HDFC BANK LTD., SHOP NO 2,  MANERKAR BUILDING, NEXT TO POLICE STATION, VALPOI, GOA</t>
  </si>
  <si>
    <t>H NO 653/1 KENY VILLA, NEAR MARKET, TISWADI, GOA VELHA, GOA</t>
  </si>
  <si>
    <t>HDFC BANK LTD, KALAMBAGH CHOWK, MUZAFFARPUR, MUZAFFARPUR, BIHAR</t>
  </si>
  <si>
    <t>HDFC BANK LTD, PALI ROAD, NEAR VANDANA HOTEL, DEHRI, BIHAR</t>
  </si>
  <si>
    <t>HDFC BANK LTD, PLOT NO 513,  SEHAR HEIGHT, BARIATU ROAD, RANCHI, JHARKHAND</t>
  </si>
  <si>
    <t>HDFC BANK LTD, NO 94,  AMARJYOTHI LAYOUT, DOMLUR,  IRR, BANGALORE, KARNATAKA</t>
  </si>
  <si>
    <t>HDFC BANK LTD, 45/46,  KAZI BUILDING, ASHOK NAGAR, NIPPANI, KARNATAKA</t>
  </si>
  <si>
    <t>HDFC BANK LTD, VENUS PLAZA, SHEGAON NAKA, AMRAVATI, MAHARASHTRA</t>
  </si>
  <si>
    <t>HDFC BANK LTD, MARTAND VILLA, NEAR RAILWAY CROSSING,  MEERUT, BARAUT, UTTAR PRADESH</t>
  </si>
  <si>
    <t>HDFC BANK LTD, GROUND FLOOR,  SRI LAXMI RICE MILL, SORO GATE, KASGANJ, UTTAR PRADESH</t>
  </si>
  <si>
    <t>HDFC BANK LTD, 13,  LAKE AVENUE, KOLKATA, KOLKATA, WEST BENGAL</t>
  </si>
  <si>
    <t>MUNCIPAL NO 9, MANSOORI COMPLEX RAMKUND CROSSING, MAHMUDABAD, MAHMUDABAD, UTTAR PRADESH</t>
  </si>
  <si>
    <t>HDFC BANK LTD, MARUTHI COMPELX, DABASPET CIRCLE, NELAMANGALA TALUK, BANGALORE, KARNATAKA</t>
  </si>
  <si>
    <t>HDFC BANK LTD., UNIT G-1 VILLA FARMOSA ROAD, CHANDOR, CHANDOR, GOA</t>
  </si>
  <si>
    <t>Shop No. 2 and 3, Opp. Bank Of Baroda,  Velim, Velim, AMBELIM, GOA</t>
  </si>
  <si>
    <t>AVE MARIA SQUARE, H NO 47/1, CALATA, MAJORDA, SALCETE, GOA.</t>
  </si>
  <si>
    <t>HDFC BANK LTD., SHOP 6 AND 7 DAASHA CLASSIC, OPP MUNCIPAL MARKET, QUEPEM, GOA</t>
  </si>
  <si>
    <t>HDFC BANK LTD, KASHMIR AUTO AIDS,  FRUIT MANDI GATE, TRANSPORT NAGAR,  NARWAL, JAMMU, JAMMU AND KASHMIR</t>
  </si>
  <si>
    <t>HDFC BANK LTD, BARADARI CHOWK, JHANSI LOOP ROAD,  MORAR, GWALIOR, MADHYA PRADESH</t>
  </si>
  <si>
    <t>SAVITRI,  597-3/2 G C F ROAD, CIVIL LINES, NEAR RTO OFFICE, JABALPUR, MADHYA PRADESH</t>
  </si>
  <si>
    <t>HDFC BANK LTD, SAIPRASAD BUILDING, MAIN ROAD, BHADRAWATI, MAHARASHTRA</t>
  </si>
  <si>
    <t>1ST FLOOR,  RAJDARBAR COMPLEX, N S ROAD,  UKIL PARA BAZAR, DIST - UTTAR DINAJPUR, ISLAMPUR, WEST BENGAL</t>
  </si>
  <si>
    <t>HDFC BANK LTD, LIFELINE HOSPITAL, SIRSA GATE,  DIST - DURG, BHILAI CHARODA, CHHATTISGARH</t>
  </si>
  <si>
    <t>HDFC BANK LTD, AMARLEKHA COMPLEX, HOSPITAL ROAD, KISHANGANJ, BIHAR</t>
  </si>
  <si>
    <t>HDFC BANK LTD, Opposite - Suri high School Madhubani , Bihar</t>
  </si>
  <si>
    <t>HDFC BANK LTD, OPP SUB DIVISIONAL HOSPITAL, BAGAHA BAZAAR,  PASCHIMI CHAMPARAN, BAGAHA, BIHAR</t>
  </si>
  <si>
    <t>HDFC BANK LTD, HOLDING NO 11, MASJID ROAD,  GOLMURI, JAMSHEDPUR, JHARKHAND</t>
  </si>
  <si>
    <t xml:space="preserve">HDFC BANK LTD, Bikaner Road, Suratgarh,Rajasthan </t>
  </si>
  <si>
    <t>HDFC BANK LTD, 9B,  HINDUSTHAN ROAD, KOLKATA, KOLKATA, WEST BENGAL</t>
  </si>
  <si>
    <t>HDFC BANK LTD, GROUND FLOOR ,  M.A. COMPLEX, QAMARWARI  SRINAGAR, SRINAGAR, JAMMU AND KASHMIR</t>
  </si>
  <si>
    <t>HDFC BANK LTD, PATEL NAGAR, MAIN ROAD, HILSA, BIHAR</t>
  </si>
  <si>
    <t>US Square 
No:41,1st floor,,Oragadam Industrail,
Corriador,Walajabad Road,Oragadam,Chennai</t>
  </si>
  <si>
    <t>HDFC BNK LTD, COSMO HOTEL BUILDING, VIR MARG,  RESIDENCY ROAD, JAMMU, JAMMU AND KASHMIR</t>
  </si>
  <si>
    <t>HDFC BANK LTD, KHASRA NO 38,  SUB DIVISION NO 2, GT ROAD,  NH-1,  CHHEHARTA, AMRITSAR, PUNJAB</t>
  </si>
  <si>
    <t>HDFC BANK LTD, SCO 39, SECTOR 23-C, CHANDIGARH, CHANDIGARH</t>
  </si>
  <si>
    <t>OFFICE NO 1 AND 2,  DEEP APARTMENT, 1ST FLOOR, BELOW HOTEL JAY, INTERNATIONAL,  GIDC CHAR RASTA, VAPI, GUJARAT</t>
  </si>
  <si>
    <t>HDFC BANK LTD, SCO 20, SECTOR - 14, HISAR, HARYANA</t>
  </si>
  <si>
    <t>HDFC BANK LTD, OPP DHIMAN STEEL AND ROLLING MILL, AMLOH ROAD, MANDIGOBINDGARH, PUNJAB</t>
  </si>
  <si>
    <t>HDFC BANK LTD, VASANT VIHAR, URBAN ESTATE PHASE II, JALANDHAR, PUNJAB</t>
  </si>
  <si>
    <t>HDFC BANK LTD, SHOP NO 16 B, NEW GAIN MARKET, KHANNA, PUNJAB</t>
  </si>
  <si>
    <t>HDFC BANK LTD, BABRIK CHOWK, 120 FEET ROAD, JALANDHAR, PUNJAB</t>
  </si>
  <si>
    <t>HDFC BANK LTD, VPO CHUNNI KALAN,   SIRHIND ROAD, DIST - FATEHGARH SAHIB, CHUNNI KALAN, PUNJAB</t>
  </si>
  <si>
    <t>HDFC BANK LTD, NEAR MAKHIJA GATE, DHARAMKOT,  DIST - MOGA, DHARAMKOT, PUNJAB</t>
  </si>
  <si>
    <t>HDFC BANK LTD, CANAL RAOD, BAREWAL AWANA,  DIST - LUDHIANA, BAREWAL AWANA, PUNJAB</t>
  </si>
  <si>
    <t>NO 105/1B-2 AND 1B-2A, ADAYALAMPATTU VILLAGE, VANAGARAM AMBATTUR ROAD, CHENNAI, TAMIL NADU</t>
  </si>
  <si>
    <t>HDFC BANK LTD, C/O REGENT HOUSE,  KULRI, THE MALL, MUSSOORIE, UTTARAKHAND</t>
  </si>
  <si>
    <t>HOUSE NO 881 , Near Canara Bank ATM, Tisk, Usgaon, Ponda, Goa- 403 406</t>
  </si>
  <si>
    <t>PLOT NO 1506,  HOLDING NO 231 A, WARD NO 12,  YADAVPUR ROAD, OPP DURGA MANDIR, GOPALGANJ, BIHAR</t>
  </si>
  <si>
    <t>HDFC BANK LTD, SCO 8,  SECTOR 20-D, CHANDIGARH, CHANDIGARH, CHANDIGARH</t>
  </si>
  <si>
    <t>HDFC BANK LTD, 87,  B C ROAD, REHARI, JAMMU, JAMMU AND KASHMIR</t>
  </si>
  <si>
    <t>HDFC BANK LTD, SARLAS ARCADE,  1 GOVIND NAGAR, OPP 1 KD FLATS,  PO AND PS KADMA, JAMSHEDPUR, JHARKHAND</t>
  </si>
  <si>
    <t>HDFC BANK LTD, NANDAKRISHNA,  PLOT NO 983, 1ST CROSS,  ST BED LAYOUT,  4TH BLOCK, BANGALORE, KARNATAKA</t>
  </si>
  <si>
    <t>22/A,  SOUNDARYA PRIDE, 7TH CROSS - MALLESWARAM, OFF SAMPIGE ROAD, BANGALORE, KARNATAKA</t>
  </si>
  <si>
    <t>HDFC BANK LTD, OPPOSITE HOLY FAMILY CHURCH, RAMAMURTHY NAGAR MAIN ROAD, BANGALORE, KARNATAKA</t>
  </si>
  <si>
    <t>HDFC BANK LTD, B-8,  INDRAPURI, OPP BHEL GATE NO 1, BHOPAL, MADHYA PRADESH</t>
  </si>
  <si>
    <t>HDFC BANK LTD, PLOT NO N5/537,  IRC VILLAGE, NAYAPALLI,  NEAR INDRADHANU MARKET, BHUBANESWAR, ODISHA</t>
  </si>
  <si>
    <t>HDFC BANK LTD, SCO 120-121, GRAIN MARKET, BATHINDA, PUNJAB</t>
  </si>
  <si>
    <t>HDFC BANK LTD, BASTI TAINKAWALI, FEROZPUR, FEROZPUR, PUNJAB</t>
  </si>
  <si>
    <t>HDFC BANK LTD, SULTANPUR LODHI ROAD, OPP CIVIL HOSPITAL, KAPURTHALA, PUNJAB</t>
  </si>
  <si>
    <t>SHIVAM COMPLEX, BOLPUR SRINIKETAN ROAD, DIST - BIRBHUM, BOLPUR, WEST BENGAL</t>
  </si>
  <si>
    <t>HDFC BANK LTD, 13/2 CHURCH ROAD, LAKSHMI COMPLEX, DHARAPURAM, TAMIL NADU</t>
  </si>
  <si>
    <t>HDFC Bank Ltd. House No 24/178, Bazaar Kala, Pargana &amp; Tehsil -Chibbramau, Dist. - Kannauj, Uttar Pradesh</t>
  </si>
  <si>
    <t>HDFC BANK LTD, 45 LENIN SARANI, KOLKATA, KOLKATA, WEST BENGAL</t>
  </si>
  <si>
    <t>HDFC BANK LTD, BANK MORE, NEAR LIC BUILDING, GUMIA, JHARKHAND</t>
  </si>
  <si>
    <t>HDFC Bank Ltd.Near Subhash Chowk, Nirmali, Supaul</t>
  </si>
  <si>
    <t>HDFC BANK LTD, C/O NEERAJ HANDLOOM, CHANDNI CHOWK,  CINEMA ROAD, SHEIKHPURA, BIHAR</t>
  </si>
  <si>
    <t>HDFC BANK LTD , Ground Floor &amp; Mezzanine Floor Sinnar City Centre , Near Sinnar Bus stand , Opp Waje Petrol Pump , Nashik Pune Highway , Sinnar , District Nashik , Sinnar – 422103 , Maharashtra.</t>
  </si>
  <si>
    <t>HDFC BANK LTD, BARNALA ROAD,  BADHNI KALAN, DIST MOGA, BADHNI KALAN, PUNJAB</t>
  </si>
  <si>
    <t>GF-8,  FF-8, 9, 42, 43, INDRAPRASHTH COMPLEX, PALANPUR HIGHWAY,  DIST - PATAN, RADHANPUR, GUJARAT</t>
  </si>
  <si>
    <t>HDFC BANK LTD, COURT ROAD,  NEAR BUS STAND, DIST - CHURU, RAJGARH, RAJASTHAN</t>
  </si>
  <si>
    <t>MUNCIPAL NO 20/201 AND 20/175, MOHALLA SHEKHANA,  STATION ROAD, FAIZABAD, RUDAULI, UTTAR PRADESH</t>
  </si>
  <si>
    <t>KHASRA NO 92,  G T ROAD, JOGINAKA CHHETRA - GOPIGANJ, DIST - SANT RAVIDAS NAGAR, JOGINAKA, UTTAR PRADESH</t>
  </si>
  <si>
    <t>HDFC BANK LTD, JHIALAI ROAD,  OPP KRISHI MANDI, DIST - TONK, NIWAI, RAJASTHAN</t>
  </si>
  <si>
    <t>HDFC BANK LTD, SHOP NO 10,  NAI MANDI RAWATSAR, DIST - HANUMANGARH, RAWATSAR, RAJASTHAN</t>
  </si>
  <si>
    <t>HDFC BANK LTD, WARD NO 3,  RAJOURI-THANAMANDI ROAD, BEHIND DC OFFICE,  OPP TO AIR FIELD, RAJOURI, JAMMU AND KASHMIR</t>
  </si>
  <si>
    <t>HDFC BANK LTD, NEAR TAKIYA CHOWK, BHADERWAH, BHADERWAH, JAMMU AND KASHMIR</t>
  </si>
  <si>
    <t>HDFC BANK LTD, JANDE PARK,  TAKLI ROAD, NEAR DWARKA CIRCLE, NASHIK, MAHARASHTRA</t>
  </si>
  <si>
    <t>HDFC BANK LTD, GOLWALKAR COMPLEX, NEAR SARGAM CINEMA,  DIST - SOLAPUR, PANDHARPUR, MAHARASHTRA</t>
  </si>
  <si>
    <t>HDFC BANK LTD, ABOVE U P CHAT HOUSE, KARLA ROAD,  DIST - YAVATMAL, PUSAD, MAHARASHTRA</t>
  </si>
  <si>
    <t>HDFC BANK LTD, PLOT NO 401, SHIV ROAD, JAISALMER, RAJASTHAN</t>
  </si>
  <si>
    <t>HDFC BANK LTD, 102-25A,  Old No. 8, HEWETT ROAD - SHIVAJI NAGAR, LUCKNOW, UTTAR PRADESH</t>
  </si>
  <si>
    <t>HDFC BANK LTD, D-87/2,  BLOCK - D,  BAISHNABGHATA, PATULI TOWNSHIP, KOLKATA, WEST BENGAL</t>
  </si>
  <si>
    <t>HDFC Bank Ltd.,  Barate Empire, Gr. floor, S.No. 135, Plot no. 116/8/1, Near Rahul Park, Mumbai Bangalore Highway, Warje, Pune</t>
  </si>
  <si>
    <t xml:space="preserve">HDFC BANK LTD. Karnavat's Pride Ground Floor, Gat No.1798/1A, Near Gajanan Hospital, Ranjangaon Ganpati, Tal – Shirur, Dist – Pune - 412209 , Maharashtra. </t>
  </si>
  <si>
    <t>HDFC BANK LTD, KILLA ROAD,  NEAR BUS STAND, DIST CHITTORGARH, BEGUN, RAJASTHAN</t>
  </si>
  <si>
    <t>HDFC BANK LTD, 1ST FLOOR,  P M K TOWERS, NEAR CIVIL STATION,  WAYANAND ROAD, KOZHIKODE, KERALA</t>
  </si>
  <si>
    <t>SHOP NO G-1 AND G-2,  GROUND FLOOR, KRISHNADURGA MANZIL, NEAR MASJID,  MUSLIMWADA, SANGUEM, GOA</t>
  </si>
  <si>
    <t>HDFC BANK LTD, D NO 6-67-13,  SRI SURYA COMPLEX, NH-5,  OPP CHINAGANTYADA BUS STOP, GAJUWAKA, ANDHRA PRADESH</t>
  </si>
  <si>
    <t>HDFC BANK LTD, PLOT NO 1/20,  WARD NO 10, KUNDAN KUNJ,  MAIN RAOD, CHAKRADHARPUR, JHARKHAND</t>
  </si>
  <si>
    <t>HDFC BANK LTD, NO 485,  BMR COMPLEX, HENNUR MAIN ROAD, BANGALORE, KARNATAKA</t>
  </si>
  <si>
    <t>HDFC BANK LTD, NEAR POLICE STATION, BISHNAH, BISHNAH, JAMMU AND KASHMIR</t>
  </si>
  <si>
    <t>HOTEL ROYAL PALACE, PURUSHOTTAM PATIL NAGAR, KHAMGAON RAOD, SHEGAON, MAHARASHTRA</t>
  </si>
  <si>
    <t>PLOT NO 9,  HINDUSTAN COLONY, NEAR SAI MANDIR,  OPP CHAWLA PALACE, WARDHA ROAD,  MS, NAGPUR, MAHARASHTRA</t>
  </si>
  <si>
    <t>HDFC Bank Limited, Ground Floor &amp; First Floor , Sugar &amp; Spice ,Plot No.64,Opposite Syndicate Bank, Hotagi Road, Solapur Pin – 413 003, Maharashtra,</t>
  </si>
  <si>
    <t xml:space="preserve">HDFC BANK LTD, NO.37H, ISWARYA TOWER, ARANTHANGI ROAD, (OPP TO IOC PETROL BUNK) - PATTUKKOTTAI </t>
  </si>
  <si>
    <t>HDFC BANK LTD, NEW COLONY,  RAYAGADA, DIST - RAYAGADA, RAYAGADA, ODISHA</t>
  </si>
  <si>
    <t>HDFC BANK LTD, SHOP NO 3,  4 AND 5 LABH AVANUE, SECTOR 11,  DIST -  RAIGAD, KALAMBOLI, MAHARASHTRA</t>
  </si>
  <si>
    <t>HDFC BANK LTD, WARD NO 3,  MANDIR WALI GALI, BHUCHO MANDI,  DIST - BATHINDA, BHUCHO MANDI, PUNJAB</t>
  </si>
  <si>
    <t>HDFC BANK LTD, WARD NO 4,  ANCHALI ROAD, DIST - BARPETA, PATHSHALA, ASSAM</t>
  </si>
  <si>
    <t xml:space="preserve">Door No: 24-3-24, Ground Floor, G.T Road, Behind Hindu College, Old Mattupalli Electronic shop, Guntur </t>
  </si>
  <si>
    <t>HDFC BANK LTD, D NO 13-A-B-C,  MLA COLONY, BANJARA HILLS, HYDERABAD, TELANGANA</t>
  </si>
  <si>
    <t>HDFC BANK LTD, MAIN MARKET,  OPP. GURU DWARA, DIST. BALOD, DALLI RAJHRA, CHHATTISGARH</t>
  </si>
  <si>
    <t>HDFC BANK LTD, SHOP NO 1 TO 5,  DHARAMDAS CHAMBER, HALAR ROAD, VALSAD, GUJARAT</t>
  </si>
  <si>
    <t>HDFC BANK LTD, NO 1,  AHUJA CHAMBERS, RACE COURSE ROAD, BANGALORE, KARNATAKA</t>
  </si>
  <si>
    <t>HDFC BANK LTD, ELDECO STUDIO, PLOT NO - 3,  SECTOR 93A, NOIDA, UTTAR PRADESH</t>
  </si>
  <si>
    <t>HDFC BANK LTD, A T ROAD,  MORANHAT, GULSHAN MARKET, MORAN, ASSAM</t>
  </si>
  <si>
    <t>H NO 31-A1,  31-A2,  AND 31-A3, NEXT TO GOA CERAMIC HOUSE, NH-17,  MARGAO-PANJIM ROAD, NUVEM, GOA</t>
  </si>
  <si>
    <t>HDFC BANK LTD, A WING,  AIKATH MARKET, PO - CHAIBASA,  WEST SINGHBHUM, CHAIBASA, JHARKHAND</t>
  </si>
  <si>
    <t>HDFC BANK LTD, CROSSWINDZ,  NEAR SAHEED CHOWK, NEAR KUTCHERY ROAD, RANCHI, JHARKHAND</t>
  </si>
  <si>
    <t>HDFC BANK LTD, PRANAVAM TOWERS,  PETTAH JUNCTION, POONITHURA, KOCHI, KERALA</t>
  </si>
  <si>
    <t>ALANKAR COMPLEX, OPP INDANE GAS AGENCY, KASHIPUR BY PASS ROAD, RUDRAPUR, UTTARAKHAND</t>
  </si>
  <si>
    <t>HDFC BANK LTD, DIAMOND TOWER,  51 NEELKUNT COLONY, PURANI CHUNGI,  AJMER ROAD, JAIPUR, RAJASTHAN</t>
  </si>
  <si>
    <t>SHOP NO 1 AND 2,  SUN TOWERS, BAPU NAGAR,  GANDHI NAGAR MODE, OFF TONK ROAD, JAIPUR, RAJASTHAN</t>
  </si>
  <si>
    <t>HDFC BANK LTD, MAIN CHOWK, HASANPUR,  AMROHA, HASANPUR, UTTAR PRADESH</t>
  </si>
  <si>
    <t>HDFC BANK LTD, PLOT NO 120, PATPARGANJ INDUSTRIAL AREA, NEW DELHI, DELHI</t>
  </si>
  <si>
    <t>90,  BEHIND AYYAPPA TEMPLE, 6TH MAIN,  VIJAYA BANK LAYOUT, BILEKHALLI,  OFF BANNERGATTA ROAD, BANGALORE, KARNATAKA</t>
  </si>
  <si>
    <t>HDFC BANK LTD, IN FRONT OF MPEB OFFICE, M S ROAD, MORENA, MADHYA PRADESH</t>
  </si>
  <si>
    <t>HDFC BANK LTD, PLOT NO 7,  E-1, TOWN CENTRE CIDCO, AURANGABAD, MAHARASHTRA</t>
  </si>
  <si>
    <t>HDFC BANK LTD, DAHANUKAR REGENCY,  GROUND FLOOR, DAHANUKAR COLONY,  KOTHRUD, PUNE, MAHARASHTRA</t>
  </si>
  <si>
    <t>HDFC BANK LTD, SHOP NO 2,  GROUND FLOOR, SECTOR OMEGA-1/P2,  OPP AWHO, GREATER NOIDA, UTTAR PRADESH</t>
  </si>
  <si>
    <t>HDFC BANK LTD, GANESH NAGAR, RENGALI, RENGALI, ODISHA</t>
  </si>
  <si>
    <t>HDFC BANK LTD, CHETAN,  GROUND FLOUR, LAXMI MARKET,  MONDHA,  DIST - BEED, PARLI VAIJNATH, MAHARASHTRA</t>
  </si>
  <si>
    <t>HDFC BANK LTD, 48/13,  3RD MAIN, 40TH CROSS, 8TH BLOCK, JAYANAGAR, BANGALORE, KARNATAKA</t>
  </si>
  <si>
    <t>HDFC BANK LTD, SRI RAM ENCLAVE 15 A, ARYA KUMAR ROAD,  RAJENDRA NAGAR, PATNA, BIHAR</t>
  </si>
  <si>
    <t>HDFC BANK LTD,  GROUND FLOOR, TOWER D,  DLF CYBERGREEN, CYBERCITY,  GURUGRAM, GURUGRAM, HARYANA</t>
  </si>
  <si>
    <t>HDFC BANK LTD, 101, 101A FIRST FLOOR, QUTUB PLAZA,  DLF PHASE - I, GURGAON, HARYANA</t>
  </si>
  <si>
    <t>HDFC BANK LTD, KESRI BHAWAN,  PATNA RANCHI ROAD, NH-31,  DIST-HAZARIBAGH, BARHI, JHARKHAND</t>
  </si>
  <si>
    <t>NO 25,  4TH CROSS, NANDI DURGA MAIN ROAD, JAYAMAHAL EXTENTION, BANGALORE, KARNATAKA</t>
  </si>
  <si>
    <t>HDFC BANK LTD, MEGACITY CHAMBERS,  1ST FLOOR, 1 INDIA EXCHANGE PLACE, KOLKATA, WEST BENGAL</t>
  </si>
  <si>
    <t>HDFC BANK LTD, BANK BUILDING NO 2, ADJOINING TO RIICO OFFICE,  MIA, ALWAR, RAJASTHAN</t>
  </si>
  <si>
    <t>Property No.3783 , 13th Cross, Banashankari 2nd Stage, Land Mark Near ProMed Hospital Bangalore, Karnataka</t>
  </si>
  <si>
    <t>HDFC BANK LTD, NO 3M 409,  3RD MAIN ROAD, KASTURI NAGAR,  OUTER RING ROAD, BANGALORE, KARNATAKA</t>
  </si>
  <si>
    <t>HDFC Bank Ltd, Shop no 3,4,5&amp;6, Lords Chs Plot no 35 and 35A, Sector 15, CBD Belapur, Navi Mumbai</t>
  </si>
  <si>
    <t>HDFC BANK LTD, MIR COMPLEX, COLLEGE ROAD, KULGAM, JAMMU AND KASHMIR</t>
  </si>
  <si>
    <t>GROUND FLOOR,  RATNAM COMPLEX, NEAR KABIR ENCLAVE, BOPAL-GHUMA ROAD, AHMEDABAD, GUJARAT</t>
  </si>
  <si>
    <t>GROUND FLOOR,  SHOP NO 3, 4, 5, AND 6, SWASTIK PARK,  SAFALE-PALGAHR ROAD, SAPHALE,  TALUKA - PALGHAR, THANE, MAHARASHTRA</t>
  </si>
  <si>
    <t>GROUND FLOOR,  HOTEL SHYAM PALACE, S T BUS STAND ROAD, AT POST TALUKA JAWHAR, JAWHAR, MAHARASHTRA</t>
  </si>
  <si>
    <t>FIRST FLOOR,  BALAJI COMPLEX, DAHANU ROAD,  VIKRANGARH NAKA, VIKRAMGARH, VIKRAMGAD, MAHARASHTRA</t>
  </si>
  <si>
    <t>HDFC BANK LTD, KHAIRA ROAD, DIST - JAMUI, JAMUI, BIHAR</t>
  </si>
  <si>
    <t>SHOP NO 3, 4 AND 5,  NIRMAN CHS, SECTOR - 13,  KHANDA COLONY, NEW PANVEL,  DIST - RAIGAD, NAVI MUMBAI, MAHARASHTRA</t>
  </si>
  <si>
    <t>MODH VANIK BOARDING SCHOOL BLDG NO4, SWAMI GYANJIVANDAS MARG, NEXT RAMEE HOTEL, STATION RD, DADAR-E, MUMBAI, MAHARASHTRA</t>
  </si>
  <si>
    <t xml:space="preserve">Plot No 2, New CMC plot No. 21, Doddankekundi Industrial Area, No. 13, KIADDB, Brooke Field, Bangalore - 560048
</t>
  </si>
  <si>
    <t>HDFC BANK LTD, GAURAKSHINI ROAD, MANPUR,  GAYA, GAYA, BIHAR</t>
  </si>
  <si>
    <t>GAT NO 2603,  PUNE NAGAR ROAD, HOTEL SAI EXECUTIVE LODGING, OPP RAKSHAK HOSPITAL,  PABAL CHOWK, PUNE, MAHARASHTRA</t>
  </si>
  <si>
    <t>HDFC BANK LTD, JAGATPUR,  PO - JAGATPUR, DIST - CUTTACK, JAGATPUR, ODISHA</t>
  </si>
  <si>
    <t>HDFC BANK LTD, OPPOSITE SESSIONS COURT, KHANDAPADA ROAD, NAYAGARH, ODISHA</t>
  </si>
  <si>
    <t>HDFC BANK LTD, KHATONI NO. 109/112, POINT JULAKARI,  MAIN ROAD, CHAMBA, HIMACHAL PRADESH</t>
  </si>
  <si>
    <t>HDFC BANK LTD, NEAR BUS STAND, VPO DEHRA,  DIST - KANGRA, DEHRA, HIMACHAL PRADESH</t>
  </si>
  <si>
    <t>HDFC BANK LTD, PATHANKOT-MANDI HIGHWAY, TEHSIL-NURPUR,  DIST-KANGRA, JASSUR, HIMACHAL PRADESH</t>
  </si>
  <si>
    <t>HDFC Bank Ltd, Ground Floor, Laxmi Bazar Jogindernagar. Distt Mandi (HP) Pin Code 175015.</t>
  </si>
  <si>
    <t>HDFC Bank Ltd , G. T. Road , Rayya .  Distt Amritsar. Punjab</t>
  </si>
  <si>
    <t>HDFC BANK LTD, NO 354/1,  V P O CHOGAWAN, TEHSIL - AJNALA,  DISTT - AMRITSAR, CHOGAWAN, PUNJAB</t>
  </si>
  <si>
    <t>HDFC BANK LTD, NEAR BUS STAND, VPO ATTARI,  DIST- AMRITSAR, ATTARI, PUNJAB</t>
  </si>
  <si>
    <t>HDFC BANK LTD, NEAR LAMBA RESORTS, PATIALA ROAD, DEVIGARH, PUNJAB</t>
  </si>
  <si>
    <t>HDFC BANK LTD, KHASRA NO23,  MAIN ROAD, DIST - HOSHIARPUR, HARIANA, PUNJAB</t>
  </si>
  <si>
    <t>KHASRA NO 63,  JANDIALA CANTT, MAIN ROAD,  VPO JAMSHER TEHSIL, DISTRICT JALANDHAR, JALANDHAR, PUNJAB</t>
  </si>
  <si>
    <t>HDFC BANK LTD, MACCHIWARA ROAD, DIST - LUDHIANA, KOHARA, PUNJAB</t>
  </si>
  <si>
    <t>HDFC BANK LTD, DHILWAN ROAD, NADALA,  DISTRICT KAPURTHALA, NADALA, PUNJAB</t>
  </si>
  <si>
    <t>KHASRA NO 85/2/5,  V P O RAJASANSI, AJNALA AMRITSAR ROAD, TEHSIL AJNALA,  DISTT AMRITSAR, RAJASANSI, PUNJAB</t>
  </si>
  <si>
    <t>HDFC BANK LTD, JAGRAON ROAD, SIDHWAN BET, LUDHIANA, PUNJAB</t>
  </si>
  <si>
    <t>KAPURTHALA ROAD, TALWANDI CHAUDHRIAN, TEHSIL SULTANPUR LODHI, DISTT KAPURTHALA, TALWANDI CHAUDHRIAN, PUNJAB</t>
  </si>
  <si>
    <t>HDFC BANK LTD, BARNALA ROAD, DIST - BARNALA, DHANAULA, PUNJAB</t>
  </si>
  <si>
    <t>HDFC BANK LTD, DABWALA KALAN ROAD, ARNIWALA,  DIST - FEROZPUR, ARNIWALA SHEIKH, PUNJAB</t>
  </si>
  <si>
    <t>HDFC BANK LTD, RAILWAY ROAD, DIST - MOGA, AJIT WAL, PUNJAB</t>
  </si>
  <si>
    <t>MAIN ROAD,  NEAR POLICE LINE, VPO NAUSHERA PANNUAN, TEHSIL AND DISTT TARNTARAN, NAUSHERA PANNUAN, PUNJAB</t>
  </si>
  <si>
    <t>HDFC BANK LTD, SINGH HOUSE, SABOUR, BHAGALPUR, BIHAR</t>
  </si>
  <si>
    <t>HDFC BANK LTD, KILA RAIPUR ROAD,  VPO DEHLON, DIST - LUDHIANA, LUDHIANA, PUNJAB</t>
  </si>
  <si>
    <t>HDFC BANK LTD, NH-37, BIJAYNAGAR, BIJOYNAGAR, ASSAM</t>
  </si>
  <si>
    <t>HDFC BANK LTD, A-65, NEEL NAGAR, NILOKHERI, HARYANA</t>
  </si>
  <si>
    <t>HDFC BANK LTD, KHASRA NO 2231-33, UNA ROAD,  NEAR PETROL PUMP, AMB, HIMACHAL PRADESH</t>
  </si>
  <si>
    <t>HDFC BANK LTD, SHARMA BUILDING,  NH 22, SHIMLA HIGHWAY, DHARAMPUR, HIMACHAL PRADESH</t>
  </si>
  <si>
    <t>HDFC BANK LTD, OPPOSITE GENERAL BUS STAND, MAGAM, MAGAM, JAMMU AND KASHMIR</t>
  </si>
  <si>
    <t>HDFC BANK LTD, SHOP NO 2 AND 3,  SECTOR 3, CHANNI HIMMAT, JAMMU, JAMMU AND KASHMIR</t>
  </si>
  <si>
    <t>HDFC BANK LTD, KHAN COMPLEX, GROUND FLOOR BREIN NISHAT, SRINAGAR, JAMMU AND KASHMIR</t>
  </si>
  <si>
    <t>HDFC BANK LTD, MINT BUSINESS COMPLEX, BARAMULLA, BARAMULLA, JAMMU AND KASHMIR</t>
  </si>
  <si>
    <t>HDFC BANK LTD, RAMGOPAL COMPLEX, NEAR OLD BUS STAND, CHANDGAD, MAHARASHTRA</t>
  </si>
  <si>
    <t>HDFC Bank Ltd, Near Old Bus stand, VPO Bharmour, Teh Bharmour, Distt Chamba. PIN- 176315. (HP)</t>
  </si>
  <si>
    <t>HDFC BANK LTD, GROUND FLOOR,  WARD NO. 5, R.D. ROAD, RANGIA, ASSAM</t>
  </si>
  <si>
    <t>HDFC BANK LTD, NEHRU PALACE SHOPPING COMPLEX, NEAR NEW BUS STAND, DODA, JAMMU AND KASHMIR</t>
  </si>
  <si>
    <t>HDFC Bank LTD, Amritsar Chabal Road, Chabal Kalan Teh. &amp; Distt. Tarn Taran- Punjab</t>
  </si>
  <si>
    <t>KHASRA NO 44R/17/2/8/1, MAIN MARKET VILLAGE JUGIAL, POST OFFICE - SHAHPUR,  KANDI TOWN, PATHANKOT, PUNJAB</t>
  </si>
  <si>
    <t>HDFC BANK LTD, D NO 7/546/5,  R S ROAD, RAILWAY KODUR,  YSR DISTRICT, KODUR, ANDHRA PRADESH</t>
  </si>
  <si>
    <t>HDFC BANK LTD, BAGH-E-KHOMENI, KARGIL, KARGIL, JAMMU AND KASHMIR</t>
  </si>
  <si>
    <t>HDFC BANK LTD, NEAR R.T.O OFFICE, N.H-26, KORAPUT, ODISHA</t>
  </si>
  <si>
    <t>HDFC BANK LTD, JAYAGURU COMPLEX, GOKARNESWAR PARA, SONEPUR, ODISHA</t>
  </si>
  <si>
    <t>HDFC BANK LTD, KHASRA NO 306/1/2, OPP ANAJ MANDI GATE, MUSTAFABAD, HARYANA</t>
  </si>
  <si>
    <t>HDFC BANK LTD, FIRST FLOOR, R G BARUAH ROAD, GUWAHATI, ASSAM</t>
  </si>
  <si>
    <t>HDFC BANK LTD, OPP BUS STAND, DIST - TARAN TARAN, KHADUR SAHIB, PUNJAB</t>
  </si>
  <si>
    <t>HDFC Bank , Near Singh Furniture, Ladwa Road, Radaur, Yamunanagar, Haryana</t>
  </si>
  <si>
    <t>HDFC BANK LTD, BARARA ROAD, SADHAURA, SADHAURA, HARYANA</t>
  </si>
  <si>
    <t>HDFC BANK LTD, KHASRA NO 1218-20,  WARD NO 06, DEV NAGAR,  BHARWAIN ROAD, GAGRET, HIMACHAL PRADESH</t>
  </si>
  <si>
    <t>HDFC BANK LTD, GROUND FLOOR, SHANGPUNG - MOOLIBANG, JAINTIA HILLS, SHANGPUNG, MEGHALAYA</t>
  </si>
  <si>
    <t xml:space="preserve">Market committee wali gali, backside Anaj mandi, Kalanwali </t>
  </si>
  <si>
    <t>HDFC BANK LTD, 275/9, SIWANI ROAD, TOSHAM, HARYANA</t>
  </si>
  <si>
    <t>HDFC BANK LTD, GT ROAD, DIST - KAPURTHALA, DHILWAN, PUNJAB</t>
  </si>
  <si>
    <t>HDFC BANK LTD, GANESH TALKIES SQUARE, DIST - PURI, NIMAPARA, ODISHA</t>
  </si>
  <si>
    <t>HDFC BANK LTD, OLD BUS STAND,  WARD NO 7, P.C NO 94, BEMETARA, CHHATTISGARH</t>
  </si>
  <si>
    <t>HDFC BANK LTD, NEAR DEEP MARKET, OPP. MANDI,  CHHACHHARAULI, CHHACHHARAULI, HARYANA</t>
  </si>
  <si>
    <t>HDFC BANK LTD, KHARKHODA ROAD, OPP GOVT SCHOOL, SAMPLA, HARYANA</t>
  </si>
  <si>
    <t>HDFC BANK LTD, HEERA MARKET, ROPAR ROAD, NURPUR BEDI, PUNJAB</t>
  </si>
  <si>
    <t>HDFC BANK LTD, 1ST FLOOR,  BELTOLA, DISPUR-BASISTHA ROAD, GUWAHATI, ASSAM</t>
  </si>
  <si>
    <t>KHASRA NO 92/22, CHANDIGARH - KURALI HIGHWAY, VILLAGE - MAJRI,  TEHSIL - KHARAR, MAJRI, PUNJAB</t>
  </si>
  <si>
    <t>HDFC BANK LTD, BOTA BAGH,  NEAR HATRIK RESTAURENT, HAZRATBAL, SRINAGAR, JAMMU AND KASHMIR</t>
  </si>
  <si>
    <t>HDFC BANK LTD, P.O. AND P.S. KAMPUR, DISTRICT - NAGAON, KAMPUR, ASSAM</t>
  </si>
  <si>
    <t>HDFC BANK LTD, MAIN ROAD,  LAITUMKHRAH, NEAR MAIN MARKET, SHILLONG, MEGHALAYA</t>
  </si>
  <si>
    <t>HDFC BANK LTD, VYAS PLAZA,  SATWARI CHOWK, JAMMU CANTT., JAMMU, JAMMU AND KASHMIR</t>
  </si>
  <si>
    <t>HDFC BANK LTD, OPPOSITE BUS STAND, NANDA COMPLEX, NADAUN, HIMACHAL PRADESH</t>
  </si>
  <si>
    <t>HDFC BANK LTD, BENGENAKHOWA, G. F. ROAD, GOLAGHAT, ASSAM</t>
  </si>
  <si>
    <t>HDFC BANK LTD, GROUND FLOOR,  KALITAPARA, NEAR NAPARA BUS STAND,  DIST-KAMRUP, SUALKUCHI, ASSAM</t>
  </si>
  <si>
    <t>HDFC BANK LTD, OPP. TAHSIL,  SONEPAT KHARKHODA ROAD, KHARKHODA,  DIST - SONEPAT, KHARKODA, HARYANA</t>
  </si>
  <si>
    <t>HDFC BANK LTD, MAIN ROAD, SIWANI, SIWANI, HARYANA</t>
  </si>
  <si>
    <t>HDFC BANK LTD, SCO 32,  KALGIDHAR ENCLAVE, BALTANA,  DIST - MOHALI, ZIRAKPUR, PUNJAB</t>
  </si>
  <si>
    <t>DEKA COMPLEX,  STATION ROAD, NEAR DRY FISH MARKET, P.O. AND P.S. JAGIROAD, JAGIROAD, ASSAM</t>
  </si>
  <si>
    <t>HDFC BANK LTD, NANGAL UNA ROAD, MAIN BAZAR,  DIST-UNA, MEHATPUR, HIMACHAL PRADESH</t>
  </si>
  <si>
    <t>HDFC BANK LTD, A. Y. COMPLEX, MAIN CHOWK, TRAL, JAMMU AND KASHMIR</t>
  </si>
  <si>
    <t>MUNCIPAL NUMBER 334-336, WARD NO:7, NEAR CIVIL LINES, MAIN BAZAAR OLD DELHI ALWAR ROAD, FEROZEPUR JHIRKA, HARYANA</t>
  </si>
  <si>
    <t>HDFC BANK LTD, SURVEY NO. 92, BESIDE SBH (ADB),  MAIN ROAD, MANTHANI, TELANGANA</t>
  </si>
  <si>
    <t>HDFC BANK LTD, D. NO. 36-32, RAMARAO PETA, NARSIPATNAM, ANDHRA PRADESH</t>
  </si>
  <si>
    <t>HDFC BANK LTD, D.NO. 9-3-102/1, Opp. Police Station,  Vemulavada, VEMULAWADA, TELANGANA</t>
  </si>
  <si>
    <t>HDFC BANK LTD, KHASRA NO. 1255/164, MAIN ROAD,  VPO SAINJ, SAINJ, HIMACHAL PRADESH</t>
  </si>
  <si>
    <t>HDFC BANK LTD, NEAR PUBLIC PARK, MAIN MARKET, KUPWARA, JAMMU AND KASHMIR</t>
  </si>
  <si>
    <t>KILLA NO:21/2 RITHORA HOUSE, WARD NO:8,  DELHI-ALWAR ROAD, DIST:--MEWAT, NUH, HARYANA</t>
  </si>
  <si>
    <t>HDFC BANK LTD, PATEL MARG, NABARANGAPUR, NABARANGAPUR, ODISHA</t>
  </si>
  <si>
    <t>KHASRA NO. 103/22/2, AMBALA YAMUNANAGAR HIGHWAY, VPO- SAHA,  DISTRICT - AMBALA, AMBALA, HARYANA</t>
  </si>
  <si>
    <t>HDFC BANK LTD, PREMISES AT 35/2 B,  35/3 B, MAIN MARKET, BILASPUR, HIMACHAL PRADESH</t>
  </si>
  <si>
    <t>HDFC BANK LTD, NO. 2-2-12,  MAIN ROAD, W.G. DISTRICT, NIDADAVOLE, ANDHRA PRADESH</t>
  </si>
  <si>
    <t>H.N0.426-1, 2,  AND 3,  CASA RIBERO, FORO WADA,  ST.ESTEVAM, IIHAS - TISWADI, PANAJI, GOA</t>
  </si>
  <si>
    <t>HDFC BANK LTD, MAIN ROAD,  SINGTAM BAZAR, EAST SIKKIM, SINGTAM, SIKKIM</t>
  </si>
  <si>
    <t>HDFC BANK LTD, PATTI ROAD,  HARI KE PATTAN, DIST - TARAN TARAN, HARI KE PATTAN, PUNJAB</t>
  </si>
  <si>
    <t>HDFC BANK LTD, DIST - MUKTSAR, BADAL, BADAL, PUNJAB</t>
  </si>
  <si>
    <t>HDFC BANK LTD, ANAJ MANDI,  VPO SAILA KHURD, DIST-HOSHIARPUR, HOSHIARPUR, PUNJAB</t>
  </si>
  <si>
    <t>HDFC BANK LTD, OPPOSITE GOVT. SECONDARY SCHOOL, DIST-GANDERBAL, KANGAN, JAMMU AND KASHMIR</t>
  </si>
  <si>
    <t>HDFC BANK LTD, NO. 1-7-48,  TIRUPATHI ROAD, NEAR SUB-TREASURY OFFICE, PILERU, ANDHRA PRADESH</t>
  </si>
  <si>
    <t>HDFC BANK LTD, SRI HARI COMPLEX, SHRIRAMPET,  MAIN ROAD, SULYA, KARNATAKA</t>
  </si>
  <si>
    <t>HDFC BANK LTD, DOOMDOOMA OLD TOWN COMMITTEE OFFICE, MARKET COMPLEX,  NEAR POLICE STATION, DOOMDOOMA, ASSAM</t>
  </si>
  <si>
    <t>HDFC BANK LTD, MAIN  ROAD, DIST - FEROZEPUR, MALLANWALA, PUNJAB</t>
  </si>
  <si>
    <t>HDFC BANK LTD, MAIN BAZAR, DIST-SHIMLA, KOTKHAI, HIMACHAL PRADESH</t>
  </si>
  <si>
    <t xml:space="preserve">HDFC Bank Ltd. Jail Road Math Chowmani Agartala </t>
  </si>
  <si>
    <t>HDFC BANK LTD, PREMISES NEAR GOVERNMENT HOSPITAL, GHUMARWIN TOWN,  DIST-BILASPUR, GHUMARWIN, HIMACHAL PRADESH</t>
  </si>
  <si>
    <t>HDFC BANK LTD, PREM GHAT,  NH 22, WARD NO 2,  DIST-SHIMLA, THEOG, HIMACHAL PRADESH</t>
  </si>
  <si>
    <t>Ground Floor, # 10-157,158, Near Masjid Centre, Vuyyuru, Andhra Pradesh</t>
  </si>
  <si>
    <t>BUILDING 386,  WARD NO. 7, OPP. ANAZ MANDI,  WAZIRPUR ROAD, FARRUKHNAGAR,  GURGAON, FARRUKHNAGAR, HARYANA</t>
  </si>
  <si>
    <t>BMT RESIDENCY,  SHOP NO. 3, GROUND FLOOR,  AMARAI ROAD, DIST - RAIGAD, KARJAT, MAHARASHTRA</t>
  </si>
  <si>
    <t>HDFC BANK LTD, NO. 9-14-75,  OPP. R B OFFICE, MAIN ROAD, KOVVUR, ANDHRA PRADESH</t>
  </si>
  <si>
    <t>NO 13-1-14,  GROUND FLOOR, MAIN ROAD, OPP RAMACHANDRAPURAM MUNICIPAL OFF., RAMACHANDRAPURAM, ANDHRA PRADESH</t>
  </si>
  <si>
    <t>KHASRA NO 853/10, NEAR JANTA DHARAMSHALA, HISSAR ROAD,  BHUNA, BHUNA, HARYANA</t>
  </si>
  <si>
    <t>MAIN ROAD FATEHGARH SHUKARCHAK, VPO-FATEHGARH SHUKARCHAK, DIST-AMRITSAR, AMRITSAR, PUNJAB</t>
  </si>
  <si>
    <t>HDFC BANK LTD, VPO JANDU SINGHA,  HOSHIARPUR ROAD, JANDU SINGHA, JALANDHAR, PUNJAB</t>
  </si>
  <si>
    <t>GROUND FLOOR,  KALINAGAR, S.T.K.K. ROAD,  OPP NEW BUS STAND, DIST - BARDHAMAN, KALNA, WEST BENGAL</t>
  </si>
  <si>
    <t>HDFC BANK LTD. Main Road, Balugaon. Near Reliance Trends BALUGAON, ODISHA</t>
  </si>
  <si>
    <t>HDFC BANK LTD, MAIN ROAD, DISTRICT-GANJAM, BHANJANAGAR, ODISHA</t>
  </si>
  <si>
    <t>HDFC BANK LTD, SHOP NO. 1 AND 2,  DIAMOND MARKET, DARYAPUR BANOSA,  DIST-AMRAVATI, DARYAPUR BANOSA, MAHARASHTRA</t>
  </si>
  <si>
    <t>HDFC BANK LTD, SIDDHESHWAR COMPLEX, GEORAI ROAD,  DIST-BID, MANJLEGAON, MAHARASHTRA</t>
  </si>
  <si>
    <t>HDFC BANK LTD, OM NIWAS,  MAIN ROAD, DIST-AKOLA, MURTIJAPUR, MAHARASHTRA</t>
  </si>
  <si>
    <t>HDFC BANK LTD, OPP. SYNDICATE BANK, HATHRAS ROAD, SADABAD, UTTAR PRADESH</t>
  </si>
  <si>
    <t>HDFC BANK LTD, BRAMHACHAITNYA COMPLEX, BAGADE CORNER, SHRIGONDA, MAHARASHTRA</t>
  </si>
  <si>
    <t>HDFC BANK LTD, 54-8,  UGF STATION ROAD, DIST-FIROZABAD, TUNDLA, UTTAR PRADESH</t>
  </si>
  <si>
    <t>HDFC BANK LTD, SHREE KRISHNA HEIGHTS, AASHRAM ROAD,  DIST-PUNE, URALI KANCHAN, MAHARASHTRA</t>
  </si>
  <si>
    <t>HDFC BANK LTD, KHASRA NO 91/42,  NEAR MC OFFICE, AMBALA-CHANDIGARH HIGHWAY, LALRU, PUNJAB</t>
  </si>
  <si>
    <t>HDFC Bank Ltd, North Point, Near Reliance Trends, Mysore Road, Gonikoppal, Dist. Kodagu PIN - 571213. (Karnataka)</t>
  </si>
  <si>
    <t>HDFC BANK LTD, FIRST FLOOR,  VEDANT ARCADE, MAIN BAZZAR,  DIST - PATAN, HARIJ, GUJARAT</t>
  </si>
  <si>
    <t>HDFC BANK LTD, 8-41/1,  GROUND FLOOR, YADGIR MAIN ROAD, WADI, KARNATAKA</t>
  </si>
  <si>
    <t>HDFC BANK LTD, GROUND FLOOR,  MUBARAK COMPLEX, RACHERLA ROAD, GIDDALUR, ANDHRA PRADESH</t>
  </si>
  <si>
    <t>GROUND FLOOR,  CITY SURVEY, NO. 3147/2/2,  3147/2/3 AND 3147/2/4, AMBICA SOCIETY,  VIRPUR ROAD, BALASINOR, GUJARAT</t>
  </si>
  <si>
    <t>HDFC Bank  Bilaspur Taoru Road, Near Great Lakes Inst. of Management, Bilaspur Gurgaon Haryana</t>
  </si>
  <si>
    <t>PLOT NO. 436/B,  SHRI NARAYAN BUILD., NEXT TO BUS STAND, BUS STAND ROAD,  DIST-CHANDRAPUR, BRAMHAPURI, MAHARASHTRA</t>
  </si>
  <si>
    <t>HDFC BANK LTD, VPO BUTALA,  TEHSIL BABA BAKALA, DISTT AMRITSAR, BUTALA, PUNJAB</t>
  </si>
  <si>
    <t>RANGAMMA COMPLEX,  NO.746 AND 747, B M ROAD,  NEAR BUS STAND, CHANNARAYAPATNA, HASSAN, KARNATAKA</t>
  </si>
  <si>
    <t>DURGA NAGAR, OPPOSITE NAGAR PANCHYAT OFFICE, NEAR PETROL PUMP, DIBIYAPUR, UTTAR PRADESH</t>
  </si>
  <si>
    <t>KHEDBRAHMA CO OP P AND S UNION LTD, OPP NAVJIVAN HOSPITAL, SARDAR PATEL ROAD,  DIST-SABARKANTHA, KHEDBRAHMA, GUJARAT</t>
  </si>
  <si>
    <t>HDFC BANK LTD, GROUND FLOOR,  MUKUTNAGAR, DIST-SAVLI, MANJUSAR, GUJARAT</t>
  </si>
  <si>
    <t>HDFC BANK LTD, MOTI HOTEL COMPLEX, STATION ROAD, MAURANIPUR, UTTAR PRADESH</t>
  </si>
  <si>
    <t>GAT. NO. 1086, NIPHAD TO VINCHUR ROAD, OPP. LAXMI PETROL PUMP, NIPHAD, MAHARASHTRA</t>
  </si>
  <si>
    <t>HDFC BANK LTD, KOTKAPURA FARIDKOT ROAD, VPO PANJGRAIN KALAN,  DIST. FARIDKOT, PANJ GRAI, PUNJAB</t>
  </si>
  <si>
    <t>HDFC BANK LTD, PLOT NO. 15,  OPP. BUS STAND, DIST-AHMEDNAGAR, PARNER, MAHARASHTRA</t>
  </si>
  <si>
    <t>HDFC BANK LTD, MAUJE - 3907,  OPP. NAGARPALIKA, MAIN BAZAR,  DIST - SABARKANTHA, TALOD, GUJARAT</t>
  </si>
  <si>
    <t>HDFC BANK LTD, DODDAMANE COMPLEX, AGUMBE ROAD, THIRTHAHALLI, KARNATAKA</t>
  </si>
  <si>
    <t>HDFC BANK LTD, V K SHOPPING COMPLEX, OPP. KSRTC BUS STAND,  KARADI, THAMARASSERY, KERALA</t>
  </si>
  <si>
    <t>HDFC BANK LTD, OPPOSITE MEDHA PETROL PUMP, NEAR BUS-STAND,  TALEGAON ROAD, ARVI, MAHARASHTRA</t>
  </si>
  <si>
    <t>HDFC BANK LTD, BHAVNAGAR - RAJKOT HIGHWAY, DIST - AMRELI, BABRA, GUJARAT</t>
  </si>
  <si>
    <t>HDFC BANK LTD, WARD NO. 13,  PETLAWAD ROAD, DIST-DHAR, BADNAWAR, MADHYA PRADESH</t>
  </si>
  <si>
    <t>HDFC BANK LTD, MAIN MARKET,  VPO BIJA, DISTT. LUDHIANA, BIJA, PUNJAB</t>
  </si>
  <si>
    <t>HDFC BANK LTD, DOCTOR LANE,  ASTEKAR COMPLEX, DIST-PARBHANI, GANGAKHED, MAHARASHTRA</t>
  </si>
  <si>
    <t>HDFC BANK LTD, 16-154 AND 155, MIRYALGUDA ROAD, HUZURNAGAR, TELANGANA</t>
  </si>
  <si>
    <t>HDFC BANK LTD, GRAM BARETHI,  POST GANJ, DIST-CHATTARPUR, BARETHI, MADHYA PRADESH</t>
  </si>
  <si>
    <t>HDFC BANK LTD, GROUND FLOOR,  BHOOMI COMPLEX, CINEMA ROAD,  CINEMA ROAD, KALAVAD, GUJARAT</t>
  </si>
  <si>
    <t>HDFC BANK LTD, WARD NO-6,  RAILWAY ROAD, KANINA MANDI, KANINA, HARYANA</t>
  </si>
  <si>
    <t>HDFC BANK LTD, NEW BHAGAT SINGH WARD, BAHRI ROAD, KANDELI, NARSINGHPUR, MADHYA PRADESH</t>
  </si>
  <si>
    <t>HDFC BANK LTD, 1205,  FIRST FLOOR, GCA COMPLEX,  SUBHASH GANJ, NASIRABAD, RAJASTHAN</t>
  </si>
  <si>
    <t>NO. 325,  METTUPALAYAM ROAD, NEAR JOTHIPURAM POST OFFICE, PERIYANAICKENPALAYAM, COIMBATORE, TAMIL NADU</t>
  </si>
  <si>
    <t>HDFC BANK LTD, HOUSE NO. 983, AT MONDHA,  DIST - PARBHANI, SAILU, MAHARASHTRA</t>
  </si>
  <si>
    <t>GROUND FLOOR,  OLD KANDI ROAD, MAYURAKSHI SARANI, DIST-BIRBHUM,  WARD NUMBER-5, SAINTHIA, WEST BENGAL</t>
  </si>
  <si>
    <t>HDFC BANK LTD, NEAR BHAKTINANDAN CIRCLE, 80 FEET ROAD,  GIDC WADHWAN, WADHWAN, GUJARAT</t>
  </si>
  <si>
    <t>HDFC BANK LTD, OPPOSITE POST OFFICE, RYNJAH, SHILLONG, MEGHALAYA</t>
  </si>
  <si>
    <t>HDFC BANK LTD, RAJIV GANDHI CHOWK, DIST - KALAHANDI, KESINGA, ODISHA</t>
  </si>
  <si>
    <t>HDFC BANK LTD, KHARAR-BANUR ROAD, LANDRAN,  DISTT - MOHALI, MOHALI, PUNJAB</t>
  </si>
  <si>
    <t>HDFC BANK LTD, SATYAM PALACE,  PATHANKOT ROAD, SUJANPUR,  DISTT PATHANKOT, SUJANPUR, PUNJAB</t>
  </si>
  <si>
    <t>HDFC BANK LTD, SHOP NO. III/567,  THRISSUR ROAD, DIST-MALAPPURAM, VALANCHERY, KERALA</t>
  </si>
  <si>
    <t>HDFC BANK LTD, ALAMDAR ROAD, NEAR MASJID RAHMANIA, CHADURA, JAMMU AND KASHMIR</t>
  </si>
  <si>
    <t>HDFC BANK LTD, OPP. GOVT. SCHOOL, VPO GOLEWALA,  DISTT. FARIDKOT, GOLEWALA, PUNJAB</t>
  </si>
  <si>
    <t>HDFC BANK LTD, ASWARAOPET ROAD, PRASAD COMPLEX, JANGAREDDIGUDEM, ANDHRA PRADESH</t>
  </si>
  <si>
    <t>HDFC BANK LTD, D NO:1/649,  1ST FLOOR, NAMA LODGE,  COLLEGE ROAD, KADIRI, ANDHRA PRADESH</t>
  </si>
  <si>
    <t>NO. 6-108/5, OPP. VAGHESHWARA JUNIOR COLLEGE, BEAT BAZAR,  UTKHOOR VILLAGE, LAXITTIPET, TELANGANA</t>
  </si>
  <si>
    <t>HDFC BANK LTD, SHREYA GARDEN,  BHUJ HIGHWAY, NAKHATRANA - KUTCH, NAKHATRANA, GUJARAT</t>
  </si>
  <si>
    <t>DATTA MAHIMA APARTMENT, SHOP NO 2, 3, 4, 5, 11, 12,  GROUND FLOOR, ROHA KOLAD ROAD,  DAMAKHANDI,  RAIGAD, ROHA, MAHARASHTRA</t>
  </si>
  <si>
    <t>GAYATRI CHEMBER,  SHOP NO 7-11, LATIPUR CHOWKADI, RAJKOT - MORVI HIGHWAY, TANKARA, GUJARAT</t>
  </si>
  <si>
    <t>HDFC BANK LTD, ABADI AREA,  WARD NO. 02, AZAD MARG,  DIST-DEWAS, KHATEGAON, MADHYA PRADESH</t>
  </si>
  <si>
    <t>HDFC BANK LTD, 490,  MOTI BHAWAN, FATEHABAD, FATEHABAD, UTTAR PRADESH</t>
  </si>
  <si>
    <t>HDFC BANK LTD, SHOP NO 6 AND 7,  GROUND FLOOR, LAKE PLAZA,  OPP TO NEHRU STADIUM, FATORDA, GOA</t>
  </si>
  <si>
    <t>GROUND FLOOR,  NEAR TELEPHONE MAIDAN, MADHABITALA ROAD,  WARD NUMBER-5, P.O-KATWA,  DIST-BARDHAMAN, KATWA, WEST BENGAL</t>
  </si>
  <si>
    <t>3,  SIVANPURAM, OPP. SWAMI AYYAPPAN TEMPLE, METTUPALAYAM, COIMBATORE, TAMIL NADU</t>
  </si>
  <si>
    <t>SHOP 1-4,  RATNESHWAR KRUPA, NERAL-MATHERAN ROAD,  HETKAR AALI, NEAR GANESH MANDIR,  DIST-RAIGAD, NERAL, MAHARASHTRA</t>
  </si>
  <si>
    <t>HDFC Bank Ltd., Shop No.2,3, Pathan Complex, Dungri Park Circle, Durgah Road, Ta &amp; Di: Bharuch, Palej-</t>
  </si>
  <si>
    <t>HDFC BANK LTD, GROUND FLOOR,  NR GITANJALI HOSPITAL, APPROACH ROAD, PRANTIJ, GUJARAT</t>
  </si>
  <si>
    <t>HDFC Bank Ltd. Ground Floor, Dwij Complex, Bhadaj Santej Road, Rakanpur, Ta. Kalol, Dist. Gandhinagar, Gujarat</t>
  </si>
  <si>
    <t>HDFC BANK LTD, D. NO. 11-377,  1ST FLOOR, VISWANATHAPURAM, PODILI, ANDHRA PRADESH</t>
  </si>
  <si>
    <t>HDFC BANK LTD, BURLA I.G. MARKET,  PLOT NO. 17, NEAR SHYAM SWEETS, BURLA, ODISHA</t>
  </si>
  <si>
    <t>ALAMPUR X ROAD,  PULLUR,  POST-5 WARD, MANAPADU MANDALAM,  UNDAVELLY S.O, MAHABUBNAGAR DIST, ALAMPUR CHOWRASTHA, TELANGANA</t>
  </si>
  <si>
    <t>HDFC BANK LTD, D. NO. 4-61,  FIRST FLOOR, HUNSA VILLAGE,  BODHAN MANDAL, HUNSA, TELANGANA</t>
  </si>
  <si>
    <t>5-74,  OPP GANDHI STATUE, JANAKAMPET VILLAGE,  YEDAPALLY, NIZAMABAD, JANKAMPET, TELANGANA</t>
  </si>
  <si>
    <t>ULTRA TECH CEMENTS LTD, ULTRA TECH TOWNSHIP, TADIPATRI MANDAL, BHOGASAMUDRAM, ANDHRA PRADESH</t>
  </si>
  <si>
    <t>HDFC BANK LTD, 3-50/6/1,  KOTHAPALLE VILLAGE, THIMMAPUR - MANDAL, KOTHAPALLE, TELANGANA</t>
  </si>
  <si>
    <t>HDFC BANK LTD, PLOT NO. 85, GANGASTHAN II, GOPANAPALLE, TELANGANA</t>
  </si>
  <si>
    <t>H. NO. 7-73/12/3, KAPIL RAJU NILAYAM,  1ST FLOOR, MAHIPAL COLONY,  ARMOOR MANDAL, GOVINDPET, TELANGANA</t>
  </si>
  <si>
    <t>VILLAGE DEVELOPMENT COUNCIL, 5-2/1,  1ST FLOOR,  KALIGOTE VILLAGE, JAKRANPALLY MANDAL,  NIZAMABAD, KALIGOTE, TELANGANA</t>
  </si>
  <si>
    <t>H NO 274/1, GF, VASHANTI NIWAS, MADHALAWADA, ARAMBOL,  PERNEM, PERNEM, GOA</t>
  </si>
  <si>
    <t>HDFC BANK LTD, GROUND FLOOR,  NEAR BHAGOL, VILLAGE KOTESHWAR, GANDHINAGAR, GUJARAT</t>
  </si>
  <si>
    <t>HDFC BANK LTD, SHOP NO 10,  SATYAMEV CHHAVNI ICON, SUGAD,  DIST - GANDHINAGAR, SUGHAD, GUJARAT</t>
  </si>
  <si>
    <t>GROUND FLOOR,  B-48, JAGAJI NAGAR SOCIETY, NEAR CHHANI-SOKHADA ROAD, AJOD, GUJARAT</t>
  </si>
  <si>
    <t>HDFC BANK LTD, GROUND FLOOR,  OPP GOVT HOSPITAL, MOUJE-CHAPAD,  TAL AND DIST-VADODARA, CHAPAD, GUJARAT</t>
  </si>
  <si>
    <t>RADHA KRISHNA BUILDING, OPP. RADHA KRISHNA TEMPLE, AT POST DHANYAVI,  DIST-VADODARA, DHANYAVI, GUJARAT</t>
  </si>
  <si>
    <t>HDFC BANK LTD, 25/26 SHYAM SHIKHAR, COMPLEX, GROUND FLOOR, BHADKODRA, NR.SHIV MANDIR, ANKLESHWAR, BHADKODRA, GUJARAT</t>
  </si>
  <si>
    <t>HDFC BANK LTD, MAIN ROAD,  VPO MALOUD, TEHSIL-PAYAL,  DIST-LUDHIANA, MALOUD, PUNJAB</t>
  </si>
  <si>
    <t>HDFC Bank Ltd., Ground Floor, Rudraksh Complex, Sanjali -Panoli GIDC Main Road, Sanjali-</t>
  </si>
  <si>
    <t>GROUND FLOOR AND FIRST FLOOR, SHOP NO.3,  FIVE STAR PLAZA, DIST-BHARUCH, SHERPURA, GUJARAT</t>
  </si>
  <si>
    <t>GROUND FLOOR,  PATEL FALIA, OPP MILK MANDLI,  ALHADPURA, TALUKA SANKHEDA,  DIST-VADODARA, ALHADPURA, GUJARAT</t>
  </si>
  <si>
    <t>HDFC BANK LTD, VILLAGE-KHERI NAUDH SINGH, KALEWAL, DIST-FATEHGARH SAHIB, KHERI NAUDH SINGH, PUNJAB</t>
  </si>
  <si>
    <t>KHASRA NO. 203,  MAIN ROAD, VILLAGE CHHAPRAULI BANGAR, TEHSIL SADAR, CHHAPRAULI BANGAR, UTTAR PRADESH</t>
  </si>
  <si>
    <t>HDFC BANK LTD, NEAR RAVIDASS GURUDWARA,  JABBOWAL, DIST-NAWANSHAHR, NAWANSHAHR, PUNJAB</t>
  </si>
  <si>
    <t>PALDI MILK PRODUCERS CO OP SOCIETY, AT PALDI VILLAGE, TALUKA-VISNAGAR,  DIST-MEHSANA, PALDI, GUJARAT</t>
  </si>
  <si>
    <t>HDFC BANK LTD, AT-RAJOSANA,  PO-CHHAPI, TALUKA-VADGAM,  DIST-BANASKANTHA, RAJOSANA, GUJARAT</t>
  </si>
  <si>
    <t>GROUND FLOOR, INDRAPURA DUDH UTPADAK MANDLI LTD, TALUKA-MANSA,  DIST-GANDHINAGAR, INDRAPURA, GUJARAT</t>
  </si>
  <si>
    <t>GROUND FLOOR,  INDRAD GRAM PANCHAYAT, VILLAGE INDRAD,  KADI-CHHATRAL ROAD, TALUKA-KADI,  DIST-MEHSANA, INDRAD, GUJARAT</t>
  </si>
  <si>
    <t>PLOT NO. 3, BHAGWATI CO OPERATIVE SOCIETY, OPP. GRAMPANCHAYAT OFFICE, ADHEWADA, GUJARAT</t>
  </si>
  <si>
    <t>HDFC BANK LTD, VPO PARMANAND, DIST-PATHANKOT, PARMANAND, PUNJAB</t>
  </si>
  <si>
    <t>SHOP NO. 1,  SITARAM AVENUE, GHUMA SANAND ROAD, TALUKA - SANAND,  DIST-AHMEDABAD, GODHAVI, GUJARAT</t>
  </si>
  <si>
    <t>B-30,  SHIVAM COMPLEX, SADARA ROAD,  SHIHOLI MOTI,  CHILODA, TALUKA AND DIST - GANDHINAGAR, SHIHOLI MOTI, GUJARAT</t>
  </si>
  <si>
    <t>HDFC BANK LTD, NEAR DR. V.S. POLYCLINIC,  ADRI ROAD, TAL-VERAVAL,  DIST-JUNAGADH, SUPASI, GUJARAT</t>
  </si>
  <si>
    <t>GROUND FLOOR,  OFFICE NO 4/73, VRUNDAWAN CHOWK, TALUKA-GANDHIDHAM,  DIST-BHUJ, MITHI ROHAR, GUJARAT</t>
  </si>
  <si>
    <t>GROUND FLOOR,  SHOP NO. 9, 10 AND 10B, VARSAMEDI GRAM PANCHAYAT SHOPPING, COMPLEX,  PART 1/2,  NEAR BUS STATION, VARSAMEDI, GUJARAT</t>
  </si>
  <si>
    <t>GROUND FLOOR,  SHOP NO. 111, PLOT NO. 11/12,  NEAR S.T. STAND, NATIONAL HIGHWAY,  DIST-RAJKOT, MADHAPAR, GUJARAT</t>
  </si>
  <si>
    <t>Prabhu Krupa" Complex, Shop No. 6 &amp; 7, Opp. Mahendranagar Bus stand, Morbi , Gujarat</t>
  </si>
  <si>
    <t>1ST FLOOR,  SHOP NO. 7 AND 8, BAPA SITARAM COMPLEX,  GONDAL ROAD, NATIONAL HIGHWAY-8B,  DIST-RAJKOT, VAVDI, GUJARAT</t>
  </si>
  <si>
    <t>BLOCK NO. 749,  AT AND POST NAGDHARA, OPP. NAGDHARA MANDIL, TALUKA AND DIST - NAVSARI, NAGDHARA, GUJARAT</t>
  </si>
  <si>
    <t>OPP. PANCHAYAT GHAR,  MAIN ROAD, VILLAGE SHAHDARA,  TEHSIL SADAR, DIST-GAUTAM BUDDHA NAGAR, SHAHDARA, UTTAR PRADESH</t>
  </si>
  <si>
    <t>257,  GROUND FLOOR, ISHWAR KRUPA,  MAIN ROAD, TALUKA - KAMREJ,  DIST - SURAT, ASTA, GUJARAT</t>
  </si>
  <si>
    <t>MAIN ROAD,  NEAR SHIV MANDIR, VILLAGE DABRA,  TEHSIL DADRI, DIST-GAUTAM BUDDHA NAGAR, DABRA, UTTAR PRADESH</t>
  </si>
  <si>
    <t>SHOP NO. 2, VARDHMAN NAGAR SHOPPING CENTRE, TALUKA AND DIST:BHUJ, BHUJODI, GUJARAT</t>
  </si>
  <si>
    <t>HDFC BANK LTD, FIRST FLOOR,  SHOP NO 5/6, RANGOLI COMPLEX,  DIST-RAJKOT, MOTA MAVA, GUJARAT</t>
  </si>
  <si>
    <t>Dariyalal Square", Shop No - 13 &amp; 14 Sakat Sanala, Morbi , Gujarat</t>
  </si>
  <si>
    <t>PLOT NO.93,  SHOP NO. 3, OPP ANTARJAL GRAM PANCHAYAT, TALUKA GANDHIDHAM, ANTARJAL, GUJARAT</t>
  </si>
  <si>
    <t>KHATA NO. 220,  MAIN ROAD, VILLAGE LAKHNAWALI,  POST-SURAJPUR, DIST-GAUTAM BUDDHA NAGAR, LAKHNAWALI, UTTAR PRADESH</t>
  </si>
  <si>
    <t>GROUND FLOOR,  SHOP NO 5 AND 6, SURVEY NO-81,  NR VANDHESWAR TEMPLE, RAJKOT-GONDAL NATIONAL HIGHWAY 8B, HADAMTALA, GUJARAT</t>
  </si>
  <si>
    <t>Champrajpur road , Near railway crossing , Champrajpur, Rajkot, Gujarat</t>
  </si>
  <si>
    <t>C/O SOM PRAKASH COMPLEX, VPO RECKONG PEO, TEHSIL-KALPA,  DIST-KINNAUR, REKANG PEO, HIMACHAL PRADESH</t>
  </si>
  <si>
    <t>HDFC Bank Ltd,Khasra No. 270 Ka, Village Parsottampur, Tehsil-Aurai, Sant Ravidar Nagar, Uttar Pradesh</t>
  </si>
  <si>
    <t>NO. 2-11/1,  MALLA COMMUNITY HALL, MUNPALLE VILLAGE, JAKRANPALLY MANDAL,  DIST-NIZAMABAD, MUNPALLE, TELANGANA</t>
  </si>
  <si>
    <t>HDFC BANK LTD, NO. 19-1-94,  GOVT HOSPITAL ROAD, DIST-PRAKASAM, KANDUKUR, ANDHRA PRADESH</t>
  </si>
  <si>
    <t>PLOT NO. X35,  COMMERCIAL ZONE, HINGNA INDUSTRIAL AREA,  MIDC, DIST-NAGPUR, HINGNA, MAHARASHTRA</t>
  </si>
  <si>
    <t>NEAR ANDHRA HOSPITALS, OPP ROAD TO HIGH SCHOOL, NATIONAL HIGHWAY,  GOLLAPUDI, VIJAYAWADA, ANDHRA PRADESH</t>
  </si>
  <si>
    <t>HDFC BANK LTD, NEAR BUS STAND,  MAIN ROAD, DIST-MAHASAMUND, BHORING, CHHATTISGARH</t>
  </si>
  <si>
    <t>HDFC BANK LTD, VILLAGE-CHAUPAL, DIST-SHIMLA, CHAUPAL, HIMACHAL PRADESH</t>
  </si>
  <si>
    <t>TIRTHRUP,  SURVE NO. 108, HISSA NO. 01K, CHHATRAPATI SHIVAJI CHOWK,  RAIGAD, MAHAD, MAHARASHTRA</t>
  </si>
  <si>
    <t>HDFC BANK LTD, SHOP NO. 1-2,  SATKAR COMPLEX, KADODARA SURAT ROAD,  DIST-SURAT, KADODARA, GUJARAT</t>
  </si>
  <si>
    <t>HDFC BANK LTD, MAIN ROAD, DIST-KULLU, BHUNTER, HIMACHAL PRADESH</t>
  </si>
  <si>
    <t>HDFC BANK LTD, HOSPITAL ROAD,  MAIN BAZAR, DIST-MANDI, SARKAGHAT, HIMACHAL PRADESH</t>
  </si>
  <si>
    <t>HDFC BANK LTD, GRAM PANCHAYAT,  A/P SONJAMB, TAL-DONDORI, NASHIK, MAHARASHTRA</t>
  </si>
  <si>
    <t>HDFC BANK LTD, VILLAGE TAHLIWALA JATTAN, DISTT. FAZILKA, TAHLIWALA JATTAN, PUNJAB</t>
  </si>
  <si>
    <t>HDFC BANK LTD, PREMISES ADJOINING MAIN MARKET, VPO PANJE KE,  DISTT. FEROZEPUR, PANJE KE, PUNJAB</t>
  </si>
  <si>
    <t>HDFC BANK LTD, NEAR DEAR RADHA SWAMI, VPO MEHMA SINGHWALA,  LUDHIANA, MEHMA SINGHWALA, PUNJAB</t>
  </si>
  <si>
    <t>HDFC BANK LTD, OPP GOVERNMENT SCHOOL, GRAM MALGAON,  POST-TEMIKALA, KHANDWA, MADHYA PRADESH</t>
  </si>
  <si>
    <t>HDFC BANK LTD, VPO - JADLA, DISTT-NAWANSHAHAR, JADLA, PUNJAB</t>
  </si>
  <si>
    <t>HDFC BANK LTD, VPO BHOKHRA, DISTRICT-BATHINDA, BHOKHRA, PUNJAB</t>
  </si>
  <si>
    <t>HDFC BANK LTD, PREMISES IN VPO DYALPUR MIRZA, DISTT.BATHINDA, DAYALPURA MIRZA, PUNJAB</t>
  </si>
  <si>
    <t>HDFC BANK LTD, NEAR BUS STAND,  VPO MALAUKA, DISTT. BATHINDA, MALAUKA, PUNJAB</t>
  </si>
  <si>
    <t>HDFC BANK LTD, OPP. GOVT. HIGH SCHOOL, VPO. MUDAL DISTT. AMRITSAR, MUDHAL, PUNJAB</t>
  </si>
  <si>
    <t>HDFC BANK LTD, PREET NAGAR ROAD, VPO. LOPOKE DISTT. AMRITSAR, LOPOKE, PUNJAB</t>
  </si>
  <si>
    <t>HDFC BANK LTD, ADJOINING TELEPHONE EXCHANGE, VPO SIKHWALA,  DISTT. MUKATSAR, SIKHWALA, PUNJAB</t>
  </si>
  <si>
    <t>HDFC Bank LTD, Amritsar Loharka Road , Distt. Amritsar- Punjab</t>
  </si>
  <si>
    <t>HDFC BANK LTD, VPO.TALIWAL,  NANGAL KALAN, DIST - UNA, UNA, HIMACHAL PRADESH</t>
  </si>
  <si>
    <t>HDFC BANK LTD, VPO RATTEWAL, TEH. BALACHAUR,  DISTT. NAWANSHAHAR, RATTEWAL, PUNJAB</t>
  </si>
  <si>
    <t>HDFC BANK LTD, VPO KOT BUDHA, TEHSIL PATTI,  DIST-TARN TARAN, KOT BUDHA, PUNJAB</t>
  </si>
  <si>
    <t>HDFC BANK LTD, VILLAGE ISPUR,  PO-MAQSUDPUR, DIST-HOSHIARPUR, ISPUR, PUNJAB</t>
  </si>
  <si>
    <t>SCO 45,  MAJOR MOHINDER SINGH MARKET, VPO BHAMARSI, TEHSIL AND DISTT. FATEHGARH SAHIB, BHAMARSI, PUNJAB</t>
  </si>
  <si>
    <t>PREMISES AT BASSI PATHANA ROAD, OPP. ANAJ MANDI, DISTT. FATEHGARH SAHIB, KALAUR, PUNJAB</t>
  </si>
  <si>
    <t>HDFC BANK LTD, GEETHA TOWERS,  NEAR CHITRA HOTEL, KALLUTHOTTI JUNCTION,  PAMMAM, MARTHANDAM, TAMIL NADU</t>
  </si>
  <si>
    <t>SAKUNTHALA COMPLEX,  BAZAR STREET, MAYILADUTHURAI TALUK, DIST-NAGAPATTINAM, MAYILADUTHURAI, TAMIL NADU</t>
  </si>
  <si>
    <t>H.NO.365/B-1AND2,  IGREJEWADA, VILLAGE AGONDA, TALUKA CANACONA, AGONDA, GOA</t>
  </si>
  <si>
    <t>HDFC BANK LTD, 229,  KANJI MAIN ROAD, DIST-TIRUVANNAMALAI, PERIYAKULAM, TAMIL NADU</t>
  </si>
  <si>
    <t>KHASRA NO 175,  VILLAGE-KHANOHA, PARGANA-ISOULI,  TESHIL-MUSAFIRKHANA, DIST-SULTANPUR, PARA BAZAR, UTTAR PRADESH</t>
  </si>
  <si>
    <t>HDFC BANK LTD, RATIA ROAD, BOHA, BOHA, PUNJAB</t>
  </si>
  <si>
    <t>HDFC BANK LTD, OPP TELEPHONE EXCHANGE, VPO KOTSHAMIR, KOTSHAMIR, PUNJAB</t>
  </si>
  <si>
    <t>HDFC BANK LTD, OPP. COURT COMPLEX, VPO PHUL,  BATHINDA, PHUL, PUNJAB</t>
  </si>
  <si>
    <t>HDFC Bank Ltd- Adjoining SBI , Near Bus Stand , Sangat Mandi, Sangat, Punjab -151401</t>
  </si>
  <si>
    <t>HDFC BANK LTD, CITY SURVEY NO. 132 AND 133, TALUKA-MIRAJ,  DIST-SANGLI, KALAMBI, MAHARASHTRA</t>
  </si>
  <si>
    <t>HDFC BANK LTD, KHASRA NO. 80,  HASANPUR ROAD, DIST-AMROHA, SIHALI JAGEER, UTTAR PRADESH</t>
  </si>
  <si>
    <t>PRAGATI COMPLEX,  GROUND FLOOR, PUNE-AHMEDNAGAR ROAD, NEAR SAI SHRADDHA HOSPITAL,  SHIRUR, PUNE, MAHARASHTRA</t>
  </si>
  <si>
    <t>SCO 5,  AURA AVENUE, KHARAR-LUDHIANA HIGHWAY, TEHSIL KHARAR,  DIST-MOHALI, KHANPUR, PUNJAB</t>
  </si>
  <si>
    <t>KHASRA NO. 419,  VILLAGE- KALSANI, P.O. -NAGLA,  TEHSIL-SHAHABAD, DISTT- KURUKSHETRA, KURUKSHETRA, HARYANA</t>
  </si>
  <si>
    <t>HDFC BANK LTD, VPO CHHAT,  TEHSIL - DERABASSI, DIST - SAS NAGAR, CHHAT, PUNJAB</t>
  </si>
  <si>
    <t>DELHI-MORADABAD HIGHWAY, VILLAGE RAJABPUR, DIST-AMROHA, RAJABPUR, UTTAR PRADESH</t>
  </si>
  <si>
    <t>H.NO.241/1, GF, OPP. TO ASSONORA BUS STAND, ASSONORA,  BARDEZ, ASSONORA, GOA</t>
  </si>
  <si>
    <t>HDFC BANK LTD, SUNAM BATHINDA ROAD, DIST-SANGRUR, CHEEMA, PUNJAB</t>
  </si>
  <si>
    <t>HDFC BANK LTD, ADJ. AULAKH PETROL PUMP, G T ROAD,  DIST - FARIDKOT, BARGARI, PUNJAB</t>
  </si>
  <si>
    <t>HDFC BANK LTD, NARWANA ROAD,  OPP. GAIN MARKET, DIST-SANGRUR, KHANAURI, PUNJAB</t>
  </si>
  <si>
    <t>HDFC BANK LTD, VPO BARIAN KALAN, NEAR DANA MANDI,  DIST-HOSHIARPUR, HOSHIARPUR, PUNJAB</t>
  </si>
  <si>
    <t>HDFC BANK LTD, VPO SHAMASHPUR,  TEHSIL AMLOH, DISTRICT FATEHGARH SAHIB, SHAMASHPUR, PUNJAB</t>
  </si>
  <si>
    <t>HDFC BANK LTD, VPO BHANGALA, HOSHIARPUR DIST HOSHIARPUR, HOSHIARPUR, PUNJAB</t>
  </si>
  <si>
    <t>HDFC BANK LTD, VPO HAJIPUR, HOSHIARPUR DIST HOSHIARPUR, HOSHIARPUR, PUNJAB</t>
  </si>
  <si>
    <t>KHATA NO. 253,  VILLAGE KUDI KHERA, TEHSIL DADRI, DISTT. GAUTAM BUDDHA NAGAR, KUDI KHERA, UTTAR PRADESH</t>
  </si>
  <si>
    <t>KHASRA NO. 28, VILLAGE SHAHPUR GOVERDHANPUR BANGAR, TEHSIL SADAR,  GAUTAM BUDH NAGAR, SADAR NOIDA, UTTAR PRADESH</t>
  </si>
  <si>
    <t>KHASRA NO. 185,  MAIN ROAD, VILLAGE SIRSA,  POST KASNA, DIST-GAUTAM BUDDHA NAGAR, SIRSA, UTTAR PRADESH</t>
  </si>
  <si>
    <t>HDFC Bank Ltd, Bajwa Multicomplex, GT Road, VPO Ghogra, Distt. Hoshiarpur, Punjab</t>
  </si>
  <si>
    <t>HDFC BANK LTD, SMT. GAYA KUMARI YADAV KANYA INTER, COLLEGE,  KANPUR NAGAR, MARDANPUR, UTTAR PRADESH</t>
  </si>
  <si>
    <t>Arazi No. 1684, Mawaiya Rahamatgarh, Jagdishpur, Shukul Bazar, Dist. Amethi, Uttar Pradesh</t>
  </si>
  <si>
    <t>HDFC BANK LTD, 4-54,  PACHCHUNUR VILLAGE, MANAKONDUR - MANDAL, PACHCHUNUR, TELANGANA</t>
  </si>
  <si>
    <t>NO. 1-1-13,  OLD BANSWADA ROAD, AMBEDKAR CHOWRASTA, DIST-NIZAMABAD, BANSWADA, TELANGANA</t>
  </si>
  <si>
    <t>HDFC BANK LTD, 988-3,  ZENDA CHOWK, TALUKA-SHIROL,  DIST-KOLHAPUR, KOLHAPUR, MAHARASHTRA</t>
  </si>
  <si>
    <t>AT MALLAPUR,  POST NESARGI, OPP GALESHWAR MATH,  TAL-BAILHONGAL, DIST-BELGAUM, NESARGI, KARNATAKA</t>
  </si>
  <si>
    <t>HDFC BANK LTD, VILL-DOGACHIA,  PO - ROYDOGACHIA, PS-PURBASTHALI,  DIST-BURDWAN, DOGACHIA, WEST BENGAL</t>
  </si>
  <si>
    <t>VILL AND PO-BAMUNARA,  PLOT NO 1108, JL. NO 58,  K H NO 1586,  P.S. KANKSA, DISTRICT-BURDWAN, BAMUNARA, WEST BENGAL</t>
  </si>
  <si>
    <t>PLOT NO 11, 12,  13B,  SHOP NO 3 AND 4, MARUTINANDAN,  NAVA BORBHATHAGAM, AT ANKLESHWAR,  PO. BORBHATHAGAM, BORBHATHA BET, GUJARAT</t>
  </si>
  <si>
    <t>GROUND FLOOR,  AT POST., KAMSHET,  SHIVAJI CHOWK, TALUKA - MAWAL, KAMSHET, MAHARASHTRA</t>
  </si>
  <si>
    <t>HDFC BANK LTD, VILL AND PO - GRAM ANDAL, P.S. ANDAL BAZAR,  DIST-BURDWAN, ANDAL GRAM, WEST BENGAL</t>
  </si>
  <si>
    <t>HDFC BANK LTD, C,  1ST FLOOR,  NEAR CARE HOSPITAL, BOISAR TARAPUR ROAD, BOISAR, MAHARASHTRA</t>
  </si>
  <si>
    <t>HDFC BANK LTD, VILL - JOYRAMBATI, DIST-PURBA MEDINIPUR, KELOMAL, WEST BENGAL</t>
  </si>
  <si>
    <t>HDFC Bank Ltd ,VPO  Mehlanwali,  Pabni  Road , Yamuna Nagar , Haryana</t>
  </si>
  <si>
    <t>HDFC BANK LTD, ROYAL STAR COMPLEX,  BH. GEB OFFICE, GANDHI CHOWK, DHROL, GUJARAT</t>
  </si>
  <si>
    <t>ADJOINING BHARAT GAS AGENCY, MAIN ROAD,  VILLAGE LAMBI, DISTT. SHRI MUKATSAR SAHIB, LAMBI, PUNJAB</t>
  </si>
  <si>
    <t>HDFC BANK LTD, NEAR LIC OF INDIA, COURT ROAD,  DIST-KODAGU, VIRAJPET, KARNATAKA</t>
  </si>
  <si>
    <t>HDFC BANK LTD, EASHAN TOWER,  DR. AMBEDKAR SQUARE, DIST-CHANDRAPUR, WARORA, MAHARASHTRA</t>
  </si>
  <si>
    <t>HDFC BANK LTD, NEW CHANDAUS ADDA, ALIGARH PALWAL ROAD,  DIST-ALIGARH, KHAIR, UTTAR PRADESH</t>
  </si>
  <si>
    <t>HDFC BANK LTD, PATEL PALACE,  NEAR OLD BUS STAND, TOWER ROAD,  DIST-JUNAGADH, MANGROL, GUJARAT</t>
  </si>
  <si>
    <t>HDFC BANK LTD, ZARKAWT,  NEAR HOTEL REGENCY, CHANMARI, AIZWAL, MIZORAM</t>
  </si>
  <si>
    <t>SHOP NO.15-20,  GROUND FLOOR, DOSTI ASTER,  NEW UPHILL LINK ROAD, NEW DOSTI ACRES, OFF SM RD,  WADALA E, MUMBAI, MAHARASHTRA</t>
  </si>
  <si>
    <t>HDFC BANK LTD, WAJIR DEVI COLONY, APPROACH ROAD, UKLANA MANDI, HARYANA</t>
  </si>
  <si>
    <t>HDFC BANK LTD, GROUND FLOOR,  SHIV ASHISH, JAMNAGAR ROAD,  JAMNAGAR, LALPUR, GUJARAT</t>
  </si>
  <si>
    <t>Ground Floor, Near Indian Oil Petrol,Pump, Mouza Budeljore, Bisra</t>
  </si>
  <si>
    <t>HDFC BANK LTD, VPO CHOLA SAHIB,  RUDIWALA ROAD, TEHSIL AND DISTT TARAN TARAN, CHOLA SAHIB, PUNJAB</t>
  </si>
  <si>
    <t>HDFC BANK LTD, DHARAMKOT ROAD, FATEHGARH PANJTOOR,  DISTT. MOGA, FATEHGARH PUNJTUR, PUNJAB</t>
  </si>
  <si>
    <t>HDFC BANK LTD, KHASRA NO. 121/21,  MAIN ROAD, SANAUR,  DISTT. PATIALA, SANAUR, PUNJAB</t>
  </si>
  <si>
    <t>SHOP NO. 2 AND 3,  GF, SANTAN HOUSE,  OLD GOA,  TISWADI, OPP. TO OLD GOA FIRE STATION, OLD GOA, GOA</t>
  </si>
  <si>
    <t>HDFC Bank Ltd, Shop no 1,2 , Near Rajput Dharamshala ,Agroha, Distt Hisar,125047</t>
  </si>
  <si>
    <t>HDFC BANK LTD, DING, DIST - SIRSA, DING, HARYANA</t>
  </si>
  <si>
    <t>HDFC BANK LTD, BPO JHANSA,  NEAR GRAIN MARKET, DISTT. KURUKSHETRA, KURUKSHETRA, HARYANA</t>
  </si>
  <si>
    <t>HDFC BANK LTD, VPO KESRI,  MOHRI ROAD, DIST AMBALA, AMBALA, HARYANA</t>
  </si>
  <si>
    <t>HDFC BANK LTD, NEAR BUS STAND, V.P.O LUKHI, KURUKSHETRA, HARYANA</t>
  </si>
  <si>
    <t>HDFC BANK LTD, MALLEKAN, DIST. SIRSA, MALLEKAN, HARYANA</t>
  </si>
  <si>
    <t>HDFC BANK LTD, VPO NAHARPUR,  VILLAGE NAHARPUR, DISTT YAMUNA NAGAR, NAHARPUR, HARYANA</t>
  </si>
  <si>
    <t>HDFC BANK LTD, MAIN BUS STAND, BPO NIGDHU, KARNAL, HARYANA</t>
  </si>
  <si>
    <t>HDFC BANK LTD, BDO OFFICE, DISTRICT - SIRSA, OUDHAN, HARYANA</t>
  </si>
  <si>
    <t>NH-72,  VILLAGE, P.O.PANJOKHRA SAHIB,  NEAR BUS STAND, AMBALA - NARAINGARH ROAD, AMBALA, HARYANA</t>
  </si>
  <si>
    <t>OPPOSITE PANNIWALA MOTA BUS STAND, NEAR POLICE NAKA,  NATIONAL HIGHWAY, NO 10,  PANNIWALA MOTA, PANNIWALA MOTA, HARYANA</t>
  </si>
  <si>
    <t>HDFC BANK LTD, K.R.K. COMPLEX, OPP. TOWN POLICE STATION,  JOG ROAD, SAGAR, KARNATAKA</t>
  </si>
  <si>
    <t>HDFC BANK LTD, ARJU TOWER,  OPP JUMA MASJID, BANK ROAD,  DIST - KANNUR, TALIPARAMBA, KERALA</t>
  </si>
  <si>
    <t>KHASRA 193,  VPO FATEHABAD, TEHSIL-KHANDOOR SAHIB, DIST-TARN TARAN, FATEHBAD, PUNJAB</t>
  </si>
  <si>
    <t>HDFC BANK LTD, MYSORE ROAD,  HULIYAR MAIN ROAD, DIST-CHITRADURGA, HIRIYUR, KARNATAKA</t>
  </si>
  <si>
    <t>HDFC BANK LTD, NEAR PURANI ANAJ MANDI GATE, MAIN BAZAR,  DISTRICT JIND, JULANA, HARYANA</t>
  </si>
  <si>
    <t>HDFC BANK LTD, STYLO COMPLEX,  V C ROAD, DIST - WAYANAD, MANANTHAVADY, KERALA</t>
  </si>
  <si>
    <t>HDFC BANK LTD, NEAR POST OFFICE, SHAM CHURASI- DISTT.HOSHIARPUR, DHOTIAN, PUNJAB</t>
  </si>
  <si>
    <t>H.NO.848,  GROUND FLOOR, BHATIM WADA,  NEAR POLICE OUT POST, SHIRODA NORTH GOA, PONDA, GOA</t>
  </si>
  <si>
    <t>HDFC Bank Ltd., Near Gurudwara Maan Sarovar Sahib, Shahbad Ladwa Road Babain Haryana 136156</t>
  </si>
  <si>
    <t>HDFC BANK LTD, JUI, DIST BHIWANI, JUI, HARYANA</t>
  </si>
  <si>
    <t>HDFC BANK LTD, RAO NARSINGH DASS COMPLEX, VPO KEORAK,  NH-65,  DIST. KAITHAL, KAITHAL, HARYANA</t>
  </si>
  <si>
    <t>HDFC BANK  LTD, , VPO MAIN MARKET, KUNJPURA,  KARNAL, KARNAL, HARYANA</t>
  </si>
  <si>
    <t>HDFC BANK LTD, VPO MALIKPUR LUKHI ROAD, MALIKPUR,  DIST. KURUKSHETRA, KURUKSHETRA, HARYANA</t>
  </si>
  <si>
    <t>HDFC BANK LTD, VILLAGE SAMBALPUR, PO THANA CHAPPAR, THANA CHAPPAR, HARYANA</t>
  </si>
  <si>
    <t>HDFC Bank Ltd, Asandh Road, Alewa Near Bus Stand ,Alewa, Distt Jind, Haryana</t>
  </si>
  <si>
    <t>HDFC BANK LTD, NEAR SALES TAX BARIER, JIND ROAD,  DIST - SANGRUR, MOONAK, PUNJAB</t>
  </si>
  <si>
    <t>HDFC BANK LTD, BAPOLI, DISTRICT - PANIPAT, PANIPAT, HARYANA</t>
  </si>
  <si>
    <t>HDFC BANK LTD, KHASRA NO. 382/2, VPO DERA BABA NANAK,  DIST GURDASPUR, DERA BABA NANAK, PUNJAB</t>
  </si>
  <si>
    <t>HDFC BANK LTD, SCF-42,  NEAR SBOP,  NEW GRAIN MARKET, DIRBA MANDI,  DISTT - SANGRUR, DIRBA, PUNJAB</t>
  </si>
  <si>
    <t>HDFC BANK LTD, BPO PHOOSGHAR, DISTRICT KARNAL, KARNAL, HARYANA</t>
  </si>
  <si>
    <t>HDFC Bank Limited  VPO  Shahzadpur ,  Tehsil Naraingarh , Dist. Ambala , Haryana</t>
  </si>
  <si>
    <t>HDFC BANK LTD, 4-11-94-1,  AMBAKPALLI ROAD, BESIDE GOUTHAM MODEL SCHOOL, PULIVENDULA, ANDHRA PRADESH</t>
  </si>
  <si>
    <t>HDFC BANK LTD, PREMISES IN MAIN MARKET, MAIN BAZAAR,  DISTT. BARNALA, BHADAUR, PUNJAB</t>
  </si>
  <si>
    <t>HDFC BANK LTD, MAIN MARKET, NEAR TEHSIL,  BERI, JHAJJAR, HARYANA</t>
  </si>
  <si>
    <t>HDFC BANK LTD, Mata Mandir Road, Mullana, DISTRICT -AMBALA, AMBALA, HARYANA</t>
  </si>
  <si>
    <t>HDFC BANK LTD, NEAR KASHYAL WALA MANDIR, RAIPUR RANI, DISTT PANCHKULA, RAIPUR RANI, HARYANA</t>
  </si>
  <si>
    <t>HDFC Bank Ltd  VPO Satnali Bus Stand Road, Near Govt  Hospital , Mahendergarh Haryana</t>
  </si>
  <si>
    <t>HDFC BANK LTD, Kathunangal Road, Near Bus Stand , VPO- Chawinda Devi, Amritsar., Punjab</t>
  </si>
  <si>
    <t>HDFC BANK LTD, NEAR MAIN ROAD, KHUIAN SARWAR,  DIST-FAZILKA, KHUIAN SARWAR, PUNJAB</t>
  </si>
  <si>
    <t>H.NO.30G (GF-S3),  LAYAMATI, OPP. TO MADEENA MASJID, DAVORLIM,  NAVELIM- SALCETE, DAVORLIM, GOA</t>
  </si>
  <si>
    <t>HDFC BANK LTD, VPO BURIA, NEAR INDANE GAS AGENCY, YAMUNA NAGAR,  HARYANA, YAMUNANAGAR, HARYANA</t>
  </si>
  <si>
    <t>HDFC BANK LTD, AMRITSAR DERA ROAD VPO. GAGGO MAHAL, TEHSIL.AJANAL DISTT. AMRITSAR, GAGGO MAHAL, PUNJAB</t>
  </si>
  <si>
    <t>HDFC BANK LTD, MAIN ROAD,  VPO.GHUMAN, TEHSIL BATALA DISTT GURDASPUR, GHUMAN, PUNJAB</t>
  </si>
  <si>
    <t>HDFC BANK LTD, MAIN CHOWK MADHOPUR VPO. MADHOPUR, DISTT. GURDASPUR, MADHOPUR, PUNJAB</t>
  </si>
  <si>
    <t>HDFC Bank Ltd, Main Road, VPO -Taragarh, District -Pathankot, PUNJAB</t>
  </si>
  <si>
    <t>HDFC Bank Ltd.,Mohalla Rajputana, Kasba Rabupura, Pargana &amp; Tehsil Jewar, Dist. Gautam Buddha Nagar, U.P.</t>
  </si>
  <si>
    <t>GROUND FLOOR,  RANCHODRAY COMPLEX, NANI CHOWKDI,  NEAR POLICE CHOWKI, DIST -ANAND, TARAPUR, GUJARAT</t>
  </si>
  <si>
    <t>HDFC BANK LTD, VPO. DHOTIAN, TEHSIL AND DISTT. TARN TARAN, DHOTIAN, PUNJAB</t>
  </si>
  <si>
    <t>HDFC Bank LTD, Khadoor Sahib Road, VPO Khalchian, Amritsar</t>
  </si>
  <si>
    <t>HDFC Bank LTD, Near Mirankot Chowk, VPO Kamoh Airport Road, Amritsar, Punjab</t>
  </si>
  <si>
    <t>HDFC BANK LTD, RAHON ROAD, VPO NAGAR,  DIST-JALANDHAR, NAGAR, PUNJAB</t>
  </si>
  <si>
    <t>HDFC BANK LTD, VPO NAURA, TEH. AND DISTT. NAWANSHAHAR, NAURA, PUNJAB</t>
  </si>
  <si>
    <t>HDFC BANK LTD, MEHTA ROAD,  NAWAN PIND, NAWAN PIND, NAWAN PIND, PUNJAB</t>
  </si>
  <si>
    <t>HDFC BANK LTD, VPO OTHIAN,  AJNALA- CHOGAWAN ROAD, TEHSIL AJNALA,  DISTT- AMRITSAR, OTHIAN, PUNJAB</t>
  </si>
  <si>
    <t>HDFC BANK LTD, PREMISES IN MAIN MARKET, VPO PANCHAAT,  DISTT. KAPURTHALA, PACHAAT, PUNJAB</t>
  </si>
  <si>
    <t>HDFC BANK LTD, VPO RAMPUR, DISTT. LUDHIANA, RAMPUR, PUNJAB</t>
  </si>
  <si>
    <t>HDFC BANK LTD, VPO SARNA, DISTT PATHANKOT, SARNA, PUNJAB</t>
  </si>
  <si>
    <t>HDFC BANK LTD, NH 1,  VPO TANGRA, TEHSIL TARSIKA,  DISTT. AMRITSAR, TANGRA, PUNJAB</t>
  </si>
  <si>
    <t>HDFC BANK LTD, VPO -UGGI,  TEHSIL NAKODAR, DISTT. JALANDHAR, UGGI, PUNJAB</t>
  </si>
  <si>
    <t>HDFC Bank Ltd, Valtoha Road, Amarkot, PUNJAB</t>
  </si>
  <si>
    <t>VPO CHAMYARI, TEHSIL AJNALA, DISTRICT AMRITSAR, AMRITSAR, PUNJAB</t>
  </si>
  <si>
    <t>HDFC BANK LTD, NEAR SENIOR SECONDARY SCHOOL, VPO KALA BAKRA, KALA BAKRA, PUNJAB</t>
  </si>
  <si>
    <t>HDFC BANK LTD, PREMISES AT VPO KUKAR PIND, DISTRICT JALANDHAR, JALANDHAR, PUNJAB</t>
  </si>
  <si>
    <t>HDFC BANK LTD, VPO MAND,  KAPURTHALA ROAD, DIST - JALANDHAR, MAND, PUNJAB</t>
  </si>
  <si>
    <t>HDFC BANK LTD, VPO TALHAN, DISTT-JALANDHAR, TALHAN, PUNJAB</t>
  </si>
  <si>
    <t>TANGRA ROAD,  CANAL BRIDGE, VPO. TARSIKA,  TEHSIL BABA BAKALA, DISTT. AMRITSAR, TARSIKKA, PUNJAB</t>
  </si>
  <si>
    <t>HDFC BANK LTD, VPO. KAHNUWAN, DISTT GUDASPUR, KAHNUWAN, PUNJAB</t>
  </si>
  <si>
    <t>HDFC Bank Ltd, Kasor Road, Khemkaran,   Teh.  Patti Distt. Taran Taran Punjab-143419</t>
  </si>
  <si>
    <t>HDFC BANK LTD, BPO JALMANA OPP. MAIN BUS STAND, KURLAN ROAD,  JALMANA, KARNAL, HARYANA</t>
  </si>
  <si>
    <t>HDFC Bank Ltd.,Opp. Jio Office, Ground Floor, Village Jathlana, Distt. Yamuna Nagar, Haryana.</t>
  </si>
  <si>
    <t>HDFC Bank Ltd,  Shop No. 234 New Grain Market Pillu khera Mandi Distt Jind  Haryana.</t>
  </si>
  <si>
    <t>HDFC BANK LTD, VPO RAILMAJRA, TEH BALACHAUR,  DIST-NAWASHAHAR, NAWANSHAHR, PUNJAB</t>
  </si>
  <si>
    <t>HDFC BANK LTD, BATALA ROAD,  VPO BABA BAKALA, DISTT AMRITSAR, BABA BAKALA, PUNJAB</t>
  </si>
  <si>
    <t>HDFC Bank Ltd., Grd. Floor, Shri Sadguru Seva Sangh Trust, Jankikund, Chitrakoot, Uttar Pradesh</t>
  </si>
  <si>
    <t>HDFC Bank LTD, Near Bajwa Gym , Hussainpur, Kapurthala, Punjab</t>
  </si>
  <si>
    <t>GANESH VATIKA,  VIJAYPURA ROAD, VILLAGE VIJAYPURA, PURANI CHUNGI,  OFF AGRA ROAD, JAIPUR, VIJAYPURA, RAJASTHAN</t>
  </si>
  <si>
    <t>HDFC BANK LTD, MAHERU ROAD, VPO MAHERU, PHAGWARA, PUNJAB</t>
  </si>
  <si>
    <t>HDFC BANK LTD, AJNALA ROAD,  VPO RAMDAS, TEHSIL AJNALA,  DISTT AMRITSAR, RAMDAS, PUNJAB</t>
  </si>
  <si>
    <t>HDFC BANK LTD, OPPOSITE BUS STAND ,  MAIN ROAD, VPO,  RANIPUR,  DIST-KAPURTHALA, RANIPUR, PUNJAB</t>
  </si>
  <si>
    <t>HDFC BANK LTD, GRAIN MARKET,  VPO - CHABBEWAL, DISTT- HOSHIARPUR, CHABEWAL, PUNJAB</t>
  </si>
  <si>
    <t>D. NO. 30-171,  GROUND FLOOR, BANGLOW ROAD,  DIST-PRAKASHAM, NEAR AMBEDKAR STATUE, ADDANKI, ANDHRA PRADESH</t>
  </si>
  <si>
    <t>HDFC BANK LTD, NEAR BUS STAND, DIST-ROPAR, KIRATPUR SAHIB, PUNJAB</t>
  </si>
  <si>
    <t>HDFC BANK LTD, BARIWALA MANDI, DISTT. MUKATSAR, BARIWALA, PUNJAB</t>
  </si>
  <si>
    <t>HDFC BANK LTD, RATTEWAL ROAD, DISTT- SBS NAGAR, KATHGARH, PUNJAB</t>
  </si>
  <si>
    <t>HDFC BANK LTD, OPPOSITE NEEPCO LTD, DEMSEINIONG,  NONGMYNSONG, SHILLONG, MEGHALAYA</t>
  </si>
  <si>
    <t>VPO SANDHAUR, PREMISES AT KASBA ROAD, KASBA ROAD,  DISTRICT SANGRUR, SANDHAUR, PUNJAB</t>
  </si>
  <si>
    <t>HDFC BANK LTD, SHOP NO 42,  GRAIN MARKET, MAHAL KALAN,  DISTT. BARNALA, MAHAL KALAN, PUNJAB</t>
  </si>
  <si>
    <t>HDFC BANK LTD, VPO NANGAL KHERI, DELHI-PANIPAT HIGHWAY,  DIST PANIPAT, PANIPAT, HARYANA</t>
  </si>
  <si>
    <t>HDFC BANK LTD, MAIN BAZAR LAHORE ROAD KHALRA, TEHSIL PATTI DISTT TARANTARAN, KHALRA, PUNJAB</t>
  </si>
  <si>
    <t>HDFC BANK LTD, C/O M.B.ELECTRONICES, VPO MEHDOODAN,  DISTT. LUDHIANA, MEHDOODAN, PUNJAB</t>
  </si>
  <si>
    <t>HDFC BANK LTD, MALERKOTLA ROAD, VILLAGE JARG,  TEHSIL - KHANNA, JARG, PUNJAB</t>
  </si>
  <si>
    <t>HDFC BANK LTD, VPO TIBRI, DIST-GURDASPUR, GURDASPUR, PUNJAB</t>
  </si>
  <si>
    <t>HDFC BANK LTD, VPO - BAKARPUR, DISTRICT - MOHALI, MOHALI, PUNJAB</t>
  </si>
  <si>
    <t>HDFC BANK LTD, OPP. GOVT. SCHOOL, VPO CHAK KALAN,  DISTT. LUDHIANA, CHAK KALAN, PUNJAB</t>
  </si>
  <si>
    <t xml:space="preserve">HDFC Bank Ltd., Village Nanaksar Kaleran, Tehsile Jagraon, Distt Ludhiana-142036  </t>
  </si>
  <si>
    <t>HDFC BANK LTD, OPP. BUS STAND,  VPO NATHANA, DISTT. BATHINDA, NATHANA, PUNJAB</t>
  </si>
  <si>
    <t>HDFC Bank Ltd VPO Harchowal, Main Road Sri Hargobindpur Sahib to Gurdaspur , Harchowal, Tehsil Batala, District-Gurdaspur Punjab</t>
  </si>
  <si>
    <t>SHOP NO. 1, 2, 3,  BLOCK NO. 106/B, DHARAM EMPIRE,  KAMREJ CHAR RASTA, NAVAGAM,  DIST-SURAT, KAMREJ, GUJARAT</t>
  </si>
  <si>
    <t>HDFC BANK LTD, KUSUMA COMPLEX,  GROUND FLOOR, AJJI BETTA ROAD,  B C ROAD, BANTWAL, KARNATAKA</t>
  </si>
  <si>
    <t>HDFC BANK LTD, VPO KOOM KALAN, DISTT. LUDHIANA, KOOM KALAN, PUNJAB</t>
  </si>
  <si>
    <t>VILLAGE KHANOOR,  P.O. JALLOWAL, TEHSIL GARHSHANKAR, DIST - HOSHIARPUR, HOSHIARPUR, PUNJAB</t>
  </si>
  <si>
    <t>HDFC BANK LTD, PREMISES AT VPO CHAKDANA, TEH. AND DISTT. NAWANSHAHAR, CHAKDANA, PUNJAB</t>
  </si>
  <si>
    <t>HDFC BANK LTD, VPO. MANAWALA, TEHSIL AND DISTT. AMRITSAR, MANAWALA, PUNJAB</t>
  </si>
  <si>
    <t>KHASRA NO. 24//9/3/3 ( 3-15), 14/15  BHOGPUR ROAD,  BULHOWAL, DISTT  HOSHIARPUR, BULHOWAL, PUNJAB</t>
  </si>
  <si>
    <t>HDFC BANK LTD, RADAUR ROAD NEAR TOP FURNITURE, JORIAN, YAMUNANAGAR, YAMUNANANGAR, HARYANA</t>
  </si>
  <si>
    <t>HDFC BANK LTD, MAIN ROAD, DIST-BULANDSHAHR, KAKOD, UTTAR PRADESH</t>
  </si>
  <si>
    <t>HDFC BANK LTD, 3/72 HELI MANDI, TEHSIL PATAUDI, DIST. GURGAON, HELI MANDI, HARYANA</t>
  </si>
  <si>
    <t>HDFC BANK LTD, 28-47/11,  NEAR MDO OFFICE, DIST-CHITTOOR, PUNGANUR, ANDHRA PRADESH</t>
  </si>
  <si>
    <t>HDFC BANK LTD, D.NO. 5-2-125,  NEAR FORT GATE, E.G. DISTRICT, PITHAPURAM, ANDHRA PRADESH</t>
  </si>
  <si>
    <t>HDFC BANK LTD, KH. 514/2,  GAURAV PATH ROAD, NEAR BUS STAND,  DIST-BALRAMPUR, RAMANUJGANJ, CHHATTISGARH</t>
  </si>
  <si>
    <t>HDFC BANK LTD, 1-6-63/A,  1ST FLOOR, HYDERABAD ROAD, NARAYANPET, TELANGANA</t>
  </si>
  <si>
    <t>HDFC BANK LTD, Abohar- Dabwali Road, near Bus Stand SitoGunno. Fazilka, Punjab</t>
  </si>
  <si>
    <t xml:space="preserve">HDFC Bank LTD, VPO Kala Afgana Tehsil Batala, Distt Gurdaspur, Punjab </t>
  </si>
  <si>
    <t>H.NO.421/2, BOCTA WADA, NEAR POLICE OUTPOST, CHORAO,  TISWADI, BICHOLIM, GOA</t>
  </si>
  <si>
    <t>HDFC BANK LTD, H NO. 190/A-IV GF,  ST RITA CHURCH, MAINA-CURTORIM,  SALCETTE, CURTORIM, GOA</t>
  </si>
  <si>
    <t>H.NO.352, KHOLPE,  SAL, NEAR HPCL PETROL PUMP, SAL-BICHOLIM, BICHOLIM, GOA</t>
  </si>
  <si>
    <t>SHOP NO.S-4,  GF,  GREVA RESIDENCY, MES COLLEGE JUNCATION, SANCOALE, ZUARINAGAR, GOA</t>
  </si>
  <si>
    <t>HDFC BANK LTD, BHAI KOTWAL ROAD, DIST-JALGAON, CHOPDA, MAHARASHTRA</t>
  </si>
  <si>
    <t>HDFC BANK LTD, M G D PLAZA,  NO. 3577/2, OPP MAIN BUS STAND,  DIST-MYSORE, HUNSUR, KARNATAKA</t>
  </si>
  <si>
    <t>HDFC BANK LTD, NEAR ANKUR PRINTERS, OPP ARPAN HOSPITAL,  LINK ROAD, DUNGARI, GUJARAT</t>
  </si>
  <si>
    <t>NO. 530/492,  C DIVISION, V.V. PURAM,  B.H. ROAD, DIST - CHIKKABALLAPUR, GAURIBIDANUR, KARNATAKA</t>
  </si>
  <si>
    <t>HDFC BANK LTD, GROUND FLOOR,  HOUSE NO. 3678, T P NAGAR,  OPP SHRADDHA HOSPITAL, PAITHAN, MAHARASHTRA</t>
  </si>
  <si>
    <t xml:space="preserve">HDFC Bank Limited, 25-1-5-75, Double Road, Opp. JSS College, Chamarajanagar - 571440 </t>
  </si>
  <si>
    <t>HDFC BANK LTD, GHASIPURA, DIST-KEONJHAR, ANANDPUR, ODISHA</t>
  </si>
  <si>
    <t>HDFC BANK LTD, AGRAWAL BHAVAN,  SARAF LINE, NEAR JAIN MANDIR SQUARE, TUMSAR, MAHARASHTRA</t>
  </si>
  <si>
    <t>HDFC BANK LTD, OPPOSITE MAHESH BHAVAN, AT POST-KARANJA (LAD),  DIST-WASHIM, KARANJA, MAHARASHTRA</t>
  </si>
  <si>
    <t>SHRI DELA DUDH UTPADAK SAHAKARI, MANDALI LTD,  AT DELA, TALUKA AND DIST - MEHSANA, DELA, GUJARAT</t>
  </si>
  <si>
    <t>HDFC BANK LTD, 13-208,  SRB COMPLEX, LINGAYATH STREET,  DIST-CHITTOOR, PALAMNER, ANDHRA PRADESH</t>
  </si>
  <si>
    <t>H NO 198/1,  DEULWADA, NEAR PALIEM PANCHAYAT, PALIEM,  PERNEM, PERNEM, GOA</t>
  </si>
  <si>
    <t>HDFC BANK LTD, H NO 48/5 GF, TARICHEM GALU,  COLVALE,  BARDEZ, COLVALE, GOA</t>
  </si>
  <si>
    <t>H.NO. 191 / A1,  GF,  MADHALAMAJ, MANDREM VILLAGE, PERNEM TALUKA, PERNEM, GOA</t>
  </si>
  <si>
    <t>SHOP NO 2,  GF, DWAL PALKAR BUILDING, MESTA BHATT,  MERCES,  TISWADI, PANJIM, GOA</t>
  </si>
  <si>
    <t>NO. 3132 ALI MANZIL, SHEIK ISMAIL COMPLEX,  A C ABDIUL, ALI ROAD,  OPP POLICE STATION, BANGARPET, KARNATAKA</t>
  </si>
  <si>
    <t>HDFC BANK LTD, GROUND FLOOR,  SHOP NO. 1 TO 4, KRINA FLATS,  SHASHTRI ROAD, BARDOLI, GUJARAT</t>
  </si>
  <si>
    <t>SHOP NO 10 TO 14, OPP VODAFONE STORE,  SAGAR GARDEN, LBS ROAD,  MULUND WEST, MUMBAI, MAHARASHTRA</t>
  </si>
  <si>
    <t>WARD NO 14,  PUROHIT JI KA TIBARA, NEAR NEW ANAJ MANDI, SAWAI MADHOPUR ROAD,  DIST-DAUSA, LALSOT, RAJASTHAN</t>
  </si>
  <si>
    <t>HDFC BANK LTD, 70,  OLD DHAN MANDI, DIST-SRI GANGANAGAR, RAISINGHNAGAR, RAJASTHAN</t>
  </si>
  <si>
    <t>HDFC BANK LTD, 2ND LANE JORETHANG BAZAR, DIST-SOUTH SIKKIM, JORETHANG, SIKKIM</t>
  </si>
  <si>
    <t>HDFC BANK LTD, YASH ARCADE PLOT NO 1, LAXMI NAGAR SOUTH AMBAZARI ROAD, NAGPUR, MAHARASHTRA</t>
  </si>
  <si>
    <t>SECTOR R-C-2,  PLOT NO. 26, OPPOSITE PUBLIC PARK, DIST-SRI GANGANAGAR, ANUPGARH, RAJASTHAN</t>
  </si>
  <si>
    <t>VIJAIPUR MARKET,  TIKUATAR ROAD, NEAR SAMAJ KALYAN SIKSHA NIKETAN, DIST-KUSHI NAGAR, VIJAIPUR, UTTAR PRADESH</t>
  </si>
  <si>
    <t>HDFC BANK LTD, SHOP NO. 9,  10,  11,  KESAR PLAZA, BALASINOR ROAD,  DIST-KHEDA, KATHLAL, GUJARAT</t>
  </si>
  <si>
    <t>SHOP NO.1,  GF,  CD ZEN GARDENS, COLVA- BENAULIM MAIN RD, NEAR MARIA HALL, BENAULIM, GOA</t>
  </si>
  <si>
    <t>HDFC Bank Ltd. J.B Lake View, Shop 2, Near Namrata Medicals, Carambolim, Goa</t>
  </si>
  <si>
    <t>SHOP NO.62-A8 AND A9, SABINA RESIDENCY, NEAR RAILWAY STATION,  SALCETE, SERAULIM, GOA</t>
  </si>
  <si>
    <t>H.NO.12, GF,  NEXT TO SATARI TEMPLE, NEAR TIVIM RAILWAY STATION, SIRCAIM,  BARDEZ, SIRCAIM, GOA</t>
  </si>
  <si>
    <t>SHOP NO.10,  GF,  GOPAL CLASSIC, BUILDING A,  OPP. TO UNITY HALL, VEREM BRADEZ, VEREM, GOA</t>
  </si>
  <si>
    <t>MAIRWA ROAD,  SOHANPUR BAZAR, TEHSIL-BHATPAR RANI, DIST-DEORIA, SOHANPUR, UTTAR PRADESH</t>
  </si>
  <si>
    <t>KHASRA NO. 320, VILLAGE ILAICHIPUR, POST LONI,  DIST-GHAZIABAD, ILAICHIPUR, UTTAR PRADESH</t>
  </si>
  <si>
    <t>HDFC Bank Ltd- Ground Floor, Patti main road, Opp Bus Stand ,VPO Kairon</t>
  </si>
  <si>
    <t>VPO.RAJPUR BHAIAN, KHASRA NO.44/3/1/, 1(0-7),  44//3/1/2/1(0-12),  44//3/1/, 2/2(0-6),  TEH AND DIST-HOSHIARPUR, RAJPUR BHAIAN, PUNJAB</t>
  </si>
  <si>
    <t>HDFC BANK LTD, MAIN MARKET DATARPUR, DIST HOSHIARPUR, HOSHIARPUR, PUNJAB</t>
  </si>
  <si>
    <t>KHASRA NO. 890/1/2/2, VILLAGE AND P.O. SUR SINGH, TEHSIL PATTI,  DIST-TARN TARAN, SUR SINGH, PUNJAB</t>
  </si>
  <si>
    <t>PREMISES ADJ. PETROL PUMP, VPO BHUNDRI,  TEHSIL JAGRAON, DIST-LUDHIANA, BHUNDRI, PUNJAB</t>
  </si>
  <si>
    <t>HDFC BANK LTD, OPPOSITE ANAJ MANDI GATE, VILLAGE - NANYOLA,  DISTRICT-AMBALA, AMBALA, HARYANA</t>
  </si>
  <si>
    <t>PREMISES INSIDE, SHRI GURU HARKRISHAN PUBLIC SCHOOL, GOPALPURA,  DIST-AMRITSAR, MAJWIND, PUNJAB</t>
  </si>
  <si>
    <t>HDFC BANK LTD, LANDRAN-BANUR ROAD, VILLAGE SANETA,  DIST-MOHALI, SANETA, PUNJAB</t>
  </si>
  <si>
    <t>HDFC BANK LTD, GRAM BADUD,  NEAR PANCHAYAT BHAWAN, KHARGONE ROAD,  DIST-KHARGONE, BADUD, MADHYA PRADESH</t>
  </si>
  <si>
    <t>Ground Floor Khokhariya Village, Banar Road, Khasra No-191. P/No-09, Khokhariya, Jodhpur, Rajasthan - 342027</t>
  </si>
  <si>
    <t>HDFC BANK LTD, KHASRA N 1489,  GRAM SAURIKH, TEHSIL CHHIBRAMAU,  DISTT KANNAUJ, KANNAUJ, UTTAR PRADESH</t>
  </si>
  <si>
    <t>HDFC BANK LTD, DEEPCHAND MARKET,  BAJRANGPURA ROAD, DIST-JALGAON, JAMNER, MAHARASHTRA</t>
  </si>
  <si>
    <t>HDFC BANK LTD, 253 A BLOCK, DIST - SRIGANGANAGAR, PADAMPUR, RAJASTHAN</t>
  </si>
  <si>
    <t>HDFC BANK LTD, SHOP NO. 07 AND 08, VIP APPARTMENT,  DIST-BHARUCH, DEROL, GUJARAT</t>
  </si>
  <si>
    <t>KHASRA NO. 216 AND 60. R.P. MARKET, VILLAGE PARTHALA KHANJARPUR, SEC-122,  DIST-GAUTAM BUDDHA NAGAR, PARTHALA KHANJARPUR, UTTAR PRADESH</t>
  </si>
  <si>
    <t>HDFC BANK LTD, KHASRA NO. 245/10/2(0-12),  H.NO.129, VPO SABHRA,  TEHSIL PATTI, SABHRA, PUNJAB</t>
  </si>
  <si>
    <t>KHASRA NO. 11//25 (0-12), 13/4/2 (4-0),  5/25 (6-8),  6/1 (2-9), 7/1 (5-16),  VPO. PAKHARPUR, AMRITSAR, PUNJAB</t>
  </si>
  <si>
    <t>MAIN ROAD,  VILLAGE IMALYAKA, TEHSIL SADAR, DIST - GAUTAM BUDDHA NAGAR, GREATER NOIDA, UTTAR PRADESH</t>
  </si>
  <si>
    <t>HDFC Bank LTD, Amritsar Majitha Road, Opposite Bharat Petroleum Pump VPO Naushera Teh &amp; Distt. Amritsar- Punjab-143008</t>
  </si>
  <si>
    <t>GF - SHOP NO. 47, DREAMZ BUSINESS CENTER, DAHEJ ROAD,  TALUKA/DIST-BHARUCH, AMDADA, GUJARAT</t>
  </si>
  <si>
    <t>HDFC BANK LTD, VPO KATTU,  NEAR GURDWARA SAHIB, DIST-BARNALA, KATTU, PUNJAB</t>
  </si>
  <si>
    <t>HDFC BANK LTD, COMBINED COURT COMPLEX, TRICHY MAIN ROAD, KULITHALAI, TAMIL NADU</t>
  </si>
  <si>
    <t>HDFC BANK LTD, DIWAN BHATTI WADDO, BARDEZ, ARPORA, GOA</t>
  </si>
  <si>
    <t>HDFC BANK LTD, SHANKAR FALIA BAZAR, DIST-NAVSARI, VANSDA, GUJARAT</t>
  </si>
  <si>
    <t>HDFC BANK LTD, COMMUNITY HALL, DIST-DURG, KATRO, CHHATTISGARH</t>
  </si>
  <si>
    <t>HDFC Bank Ltd , Ward No 2 , Opposite B Mart, Munda - HANUMANGARH, RAJASTHAN</t>
  </si>
  <si>
    <t>PUNJAB TECHNICAL UNIVERSITY (PTU), JALANDHAR-KAPURTHALA HIGHWAY, NEAR SCIENCE CITY, VILLAGE IBBAN, IBBAN, PUNJAB</t>
  </si>
  <si>
    <t>KHASRA NO. 100/5/1(2-10), 100//47(7-11),  VPO-MIANI KHAS, TEHSIL-DASUYA,  DIST-HOSHIARPUR, MIANI KHAS, PUNJAB</t>
  </si>
  <si>
    <t>HDFC BANK LTD, UJJAIN DEWAS ROAD,  DEWAS, DIST - UJJAIN, PALKHANDA, MADHYA PRADESH</t>
  </si>
  <si>
    <t>HDFC BANK LTD, KHASRA NO 13/2/1,  CHUHAR CHAK, NAUSHERA MAJA SINGH,  DIST-GURDASPUR, BATALA, PUNJAB</t>
  </si>
  <si>
    <t>HDFC Bank Ltd, Ward No 10, Khasra No - 154, Vill - Mahiyawali, Sri Ganganagar</t>
  </si>
  <si>
    <t>PLOT NO - 3,  KRISHNA VIHAR, VILLAGE JAISINGHPURA, DIST - JAIPUR, JAIPUR, RAJASTHAN</t>
  </si>
  <si>
    <t>HDFC BANK LTD, KATWARA ROAD,  VPO POJEWAL, TEHSIL BALACHAUR,  NAWASHEHAR, POJEWAL, PUNJAB</t>
  </si>
  <si>
    <t>HDFC BANK LTD, CHANDIGARH-GARHSHANKAR ROAD, VPO MAJARI,  DIST-NAWASHEHAR, MAJARI, PUNJAB</t>
  </si>
  <si>
    <t>SIRHIND - CHANDIGARH ROAD, VPO-BADALI ALA SINGH, TEHSIL AND DIST-FATEHGARH SAHIB, BADALI ALA SINGH, PUNJAB</t>
  </si>
  <si>
    <t>KHASRA NO. 19//8/1 (0-19), VPO KOTLA,  ADAMWAL (GAUNSPUR), CHINTPURNI ROAD, HOSHIARPUR, PUNJAB</t>
  </si>
  <si>
    <t>HDFC BANK LTD, BADAL BHATINDA ROAD, VPO GHUDDA, GHUDDA, PUNJAB</t>
  </si>
  <si>
    <t xml:space="preserve">HDFC Bank LTD, Village Dhand Kasel, Chabhal Road, Tarn Taran </t>
  </si>
  <si>
    <t>HDFC BANK LTD, ADJ. BUS STAND,  VPO - BHODIPURA, DIST - BHATINDA, BHODIPURA, PUNJAB</t>
  </si>
  <si>
    <t>HDFC BANK LTD, AT - KUDUMULUGUMMA, VIA-KHAIRPUT,  DIST-MALKANGIRI, KUDUMULUGUMA, ODISHA</t>
  </si>
  <si>
    <t>HDFC BANK LTD, KALINGA NAGAR,  PO DUBURI, DIST-JAJPUR, JAJPUR, ODISHA</t>
  </si>
  <si>
    <t>HDFC BANK LTD, V. P. O MORANWALI, DIST - HOSHIARPUR, GARSHANKAR, PUNJAB</t>
  </si>
  <si>
    <t>HDFC BANK LTD., GROUND FLOOR,  39-40, WARE HOUSE AREA, AB ROAD, SENDHWA, DIST - BARWANI, SENDHWA, MADHYA PRADESH</t>
  </si>
  <si>
    <t>HDFC BANK LTD, KHASRA NO. 979,  VILLAGE DARLA, DARLAGHAT,  DIST-SOLAN, DARLA, HIMACHAL PRADESH</t>
  </si>
  <si>
    <t>PROPERTY NO. 63,  GROUND FLOOR, SHIVAI CHOWK,  AT POST URSE, BEHIND PADMAVATI TEMPLE,  TAL-MAVAL, PUNE, MAHARASHTRA</t>
  </si>
  <si>
    <t>HDFC BANK LTD, OPP. CHOUPAL, VPO UGRA KHERI,  DISTT. PANIPAT, PANIPAT, HARYANA</t>
  </si>
  <si>
    <t>HDFC BANK LTD, NEW BUS STAND,  NHPC ROAD, DIST-KISHTWAR, KISHTWAR, JAMMU AND KASHMIR</t>
  </si>
  <si>
    <t>HDFC BANK LTD, MAIN ROAD, NEAR PANCHAYAT GHAR DAARA, SRINAGAR, SRINAGAR, JAMMU AND KASHMIR</t>
  </si>
  <si>
    <t>HDFC BANK LTD, AWALO KI BARI, JHAMAR KOTDA MAIN ROAD,  UDAIPUR, EKLINGPURA, RAJASTHAN</t>
  </si>
  <si>
    <t>HDFC Bank ltd , VP0- Barana , Near Sanjay depot , District - Panipat, Haryana, 132103</t>
  </si>
  <si>
    <t>HDFC BANK LTD, VILLAGE JAISINGHPUR TEHSIL, MAWANA,  DIST-MEERUT, JAISINGHPUR, UTTAR PRADESH</t>
  </si>
  <si>
    <t>HDFC BANK LTD, VPO JAMALPUR, TEHSIL BHWANI KHERA,  DIST-BHIWANI, BHIWANI, HARYANA</t>
  </si>
  <si>
    <t>HDFC BANK LTD, VILLAGE JANSUI, P.O SEGTI,  DISTT AMBALA, AMBALA, HARYANA</t>
  </si>
  <si>
    <t>HDFC BANK LTD, VPO MUNAK, DISTRICT KARNAL, KARNAL, HARYANA</t>
  </si>
  <si>
    <t>HDFC BANK LTD, VILLAGE-SEWALI,  MAIN ROAD VILLAGE, NEAR GOVT. SCHOOL, SONEPAT, HARYANA</t>
  </si>
  <si>
    <t>PLOT NO. 2 A,  FATE NAGAR, OPP. SAINT PAUL SCHOOL,  KESARPURA, VILLAGE,  SHIVGANJ PANCHAYAT SAMITI, SHIVGANJ, RAJASTHAN</t>
  </si>
  <si>
    <t>HDFC BANK LTD, KAMALA MARKET, BEN BAZAR, BEN, BIHAR</t>
  </si>
  <si>
    <t>HDFC BANK LTD, OPP. CHALMEDA ANANDA RAO MEDICAL, COLLEGE,  BOMMAKAL,  KARIMNAGAR DIST., BOMMAKAL, TELANGANA</t>
  </si>
  <si>
    <t>SHOP NO. C 67 AND C 68, BALAJI VIHAR 26-D, BENAR ROAD,  JAIPUR, BOYTAWALA, RAJASTHAN</t>
  </si>
  <si>
    <t>HDFC BANK LTD, VILLAGE CHUNATI GADA,  DELHI ROAD, DIST-SAHARANPUR, CHUNATI GADA, UTTAR PRADESH</t>
  </si>
  <si>
    <t>HDFC BANK LTD, VIL-KAKODA,  MAIN PUGTHALA BUS STAND, TEHSIL-ISRANA,  DIST-PANIPAT, KAKODA, HARYANA</t>
  </si>
  <si>
    <t>HDFC BANK LTD, VILLAGE SHAHPUR, TEHSIL AND DISTT HISAR, HISSAR, HARYANA</t>
  </si>
  <si>
    <t>HDFC BANK LTD, KHASRA NO. 27,  VILLAGE SUKHDEVPURA, ALIAS NATANIWALA,  TEHIL-SANGANER, JAIPUR, RAJASTHAN</t>
  </si>
  <si>
    <t>HDFC BANK LTD, VILLAGE BASKUSHLA, PO-BHANGROLA, GURGAON, HARYANA</t>
  </si>
  <si>
    <t>D. NO. 1-93,  HANUMAN JUNCTION, ZINKIBHADRA VILLAGE, SOMPETA MANDAL, ZINKIBHADRA, ANDHRA PRADESH</t>
  </si>
  <si>
    <t>BESIDE PRIMARY HEALTH CENTRE, NEAR HANUMAN TEMPLE, JEELGUL VILLAGE,  ELKATHURTHI MANDAL, JEELGUL, TELANGANA</t>
  </si>
  <si>
    <t>HDFC BANK LTD, H.NO. 6-73/22/A,  HYDERABAD ROAD, NADEPALLE VILL,  DICHPALE MDL, NIZAMABAD, TELANGANA</t>
  </si>
  <si>
    <t>HDFC BANK LTD, D NO 5-87,  PEDDAPUR VILLAGE, SADASHIVPET MANDAL,  DIST-MEDAK, PEDDAPUR, TELANGANA</t>
  </si>
  <si>
    <t>HDFC BANK LTD, V.P.O DALAM, DIST - CHANDIGARH, BATALA, PUNJAB</t>
  </si>
  <si>
    <t>HDFC BANK LTD, PAUL BUILDING,  VPO FATEHPUR, DISTRICT - JALANDHAR, FATEHPUR, PUNJAB</t>
  </si>
  <si>
    <t>HDFC BANK LTD, OPP. GOVT. SCHOOL, DIST-FEROZEPUR, GHALLKHURD, PUNJAB</t>
  </si>
  <si>
    <t>HDFC BANK LTD, VPO-JAI PIDI,  TEHSIL-JABBAL, DISTRICT-SHIMLA, SUNDLI, HIMACHAL PRADESH</t>
  </si>
  <si>
    <t>HDFC BANK LTD, VASHANT VIHAR TIKRI KAILASH ROAD, NEAR ITI CHOK,  KARNAL, KARNAL, HARYANA</t>
  </si>
  <si>
    <t>HDFC BANK LTD, TRIMURTI PLAZA,  GROUND FLOOR, SHOP NO.6 AND 7,  SOMATANE PHATA, PUNE, MAHARASHTRA</t>
  </si>
  <si>
    <t>HDFC BANK LTD, NEAR GOVT. SCHOOL,  VILL SUDHAIL, PO KHERI,  YAMUNANAGAR, YAMUNANAGAR, HARYANA</t>
  </si>
  <si>
    <t>MAIN ROAD RASULPUR, VILL-RASULPUR, P.O. UDAYPUR,  DISTT-AMBALA, RASULPUR, HARYANA</t>
  </si>
  <si>
    <t>HDFC BANK LTD, GRAM PANCHAYAT BHAWAN, DIST - BETUL, MANDAI BUJURG, MADHYA PRADESH</t>
  </si>
  <si>
    <t>HDFC BANK LTD, GRAM PANCHAYAT BHAWAN, DIST - BETUL, MANDAI KHURD, MADHYA PRADESH</t>
  </si>
  <si>
    <t>HDFC BANK LTD, OPP. GOVT HIGH SCHOOL, VPO SEHJRA,  DIST-BARNALA, SEHJRA, PUNJAB</t>
  </si>
  <si>
    <t>H NO. 4-157/1/A, SHANKARAPATNAM ROAD, DIST-KARIMNAGAR, THADIKAL, TELANGANA</t>
  </si>
  <si>
    <t>HDFC BANK LTD,  VPO MOOM, NEAR SANTHOKSAR SAHIB GURUDAWARA, DISTT BARNALA, MOOM, PUNJAB</t>
  </si>
  <si>
    <t>HDFC BANK LTD, NEAR BUS STAND, VPO RAISAR, RAISAR, PUNJAB</t>
  </si>
  <si>
    <t>HDFC BANK LTD, H. NO. 2-60/1,  REDDIPALLE, VEENAVANKA,  DIST-KARIMNAGAR, REDDIPALLE, TELANGANA</t>
  </si>
  <si>
    <t>JASANA ROAD, BHOPANI MORE, VILLAGE BHOPANI,  TEHSIL-TIGAO, DISTRICT-FARIDABAD, FARIDABAD, HARYANA</t>
  </si>
  <si>
    <t>HDFC BANK LTD, VPO JANDPUR, TEHSIL-KHARAR,  DIST-SAS NAGAR, JANDPUR, PUNJAB</t>
  </si>
  <si>
    <t>HDFC BANK LTD, VILLAGE-KUDU,  PO-DHANDI RAWAT, TEHSIL-JUBBAL,  DIST-SHIMLA, KUDU, HIMACHAL PRADESH</t>
  </si>
  <si>
    <t>SHOP NO 14 AND 15,  TRUPATI FLAT, SECTOR B OF SUBHASH SINDHI HOUSING, CO-OP SOCIETY,  NIWAROO ROAD, NIWAROO, RAJASTHAN</t>
  </si>
  <si>
    <t>HDFC BANK LTD, VPO SAHAURAN, TEHSIL-KHARAR,  DIST-SAS NAGAR, SAHAURAN, PUNJAB</t>
  </si>
  <si>
    <t>HDFC BANK LTD, OPP. SDM OFFICE, MAIN ROAD,  KOSLI. DISTT. - REWARI, REWARI, HARYANA</t>
  </si>
  <si>
    <t>HDFC BANK LTD, VILLAGE AHERWAN, TEHSIL RATIA,  DISTT FATEHABAD, FATEHABAD, HARYANA</t>
  </si>
  <si>
    <t>HDFC BANK LTD, VILLAGE DADRI,  TEHSIL SARDHANA, DIST-MEERUT, DADRI, UTTAR PRADESH</t>
  </si>
  <si>
    <t>HDFC BANK LTD, VPO. DHANAURI, TEHSIL-CHAMAKAUR SAHIB,  DIST-ROPAR, DHANAURI, PUNJAB</t>
  </si>
  <si>
    <t>HDFC BANK LTD, VILLAGE AND PO -NATAGRAM, PS - GAIGHATA, NATGRAM, WEST BENGAL</t>
  </si>
  <si>
    <t>Gata No. 28,  Village – Jairampur, Post – Aurai, Sant Ravidas Nagar (Bhadohi), Uttar Pradesh</t>
  </si>
  <si>
    <t>HDFC BANK LTD, OPP. HANUMAN MANDIR, JITWARPUR,  MADHUBANI, JITWARPUR, BIHAR</t>
  </si>
  <si>
    <t>GROUND FLOOR,  OPP. HP PETROL PUMP, MUNSHIGANJ ROAD, AMETHI, AMETHI, UTTAR PRADESH</t>
  </si>
  <si>
    <t>HDFC BANK LTD, JUNI PETH, AT POST TAKALIMIYA, TAL-RAHURI,  DIST-AHMEDNAGAR, AHMEDNAGAR, MAHARASHTRA</t>
  </si>
  <si>
    <t>HOTEL PARADISE PLACE INN AND, GARDEN RESTAUTANT,  NH-8, JAIPUR ROAD, PRABATPURA BYE PASS,  DIST-AJMER, AJMER, RAJASTHAN</t>
  </si>
  <si>
    <t>HDFC BANK LTD, GAT NO. 342,  R V OXYGEN TARSOD FATA, BHUSAWAL HIGHWAY,  DIST-JALGAON, TARSOD, MAHARASHTRA</t>
  </si>
  <si>
    <t>HDFC BANK LTD, VILLAGE KHAJURI,  TEHSIL MAWANA, DIST-MEERUT, KHAJURI, UTTAR PRADESH</t>
  </si>
  <si>
    <t>GROUND FLOOR,  NEAR POST OFFICE, TAKAVE BUDRUK,  TALUKA-MAVAL, DIST-PUNE, TAKAVE BUDRUK, MAHARASHTRA</t>
  </si>
  <si>
    <t>VILLAGE KANKABATI,  P.O.-MATALDANGA, PS-KOTWALI,  DIST-PASCHIM MEDINIPUR, NEAR KANKABATI PANCHAYET OFFICE, MIDNAPUR, WEST BENGAL</t>
  </si>
  <si>
    <t>HDFC BANK LTD, VILLAGE-BABRACPUR,  CANALPOOL, PO-SAGRAI,  PS-RAINA,  DIST-BURDWAN, NARUGRAM, WEST BENGAL</t>
  </si>
  <si>
    <t>HDFC BANK LTD, VPO BHATTIAN, DIST - LUDHIANA, LUDHIANA, PUNJAB</t>
  </si>
  <si>
    <t>HDFC BANK LTD, PARABIL PANCHAYAT,  SAMAL BARRAGE, KANIHA,  TALCHER,  DIST-ANGUL, GAHAM, ODISHA</t>
  </si>
  <si>
    <t>HDFC BANK LTD, VILLAGE DEORAH,  P.O. ROUTHPUR, P.S. DHANIAKHALI,  DIST - HOOGHLY, GOPINAGAR, WEST BENGAL</t>
  </si>
  <si>
    <t>HDFC BANK LTD, VPO PAMAL, DIST - LUDHIANA, LUDHIANA, PUNJAB</t>
  </si>
  <si>
    <t>HDFC BANK LTD, AT-ANASARAPUR,  POST-ASURESWAR, DIST-CUTTACK, ASURESWAR, ODISHA</t>
  </si>
  <si>
    <t>HDFC BANK LTD, OPP. GURUDWARA SAHIB,  MAIN ROAD, VPO - DHILWAN,  DIST - BARNALA, DHILWAN, PUNJAB</t>
  </si>
  <si>
    <t>HDFC BANK LTD, C/O CHEEMA BOARING COMPANY, NEAR BUS STAND,  VPO LEHAL, LEHAL, PUNJAB</t>
  </si>
  <si>
    <t>VILLAGE BENAPUR, POST OFFICE-BENAPUR CHANDANAPARA, POLICE STATION-BEGNAN,  DIST-HOWRAH, HOWRAH, WEST BENGAL</t>
  </si>
  <si>
    <t>HDFC BANK LTD, ST JOSEPHS CHURCH,  PEZAR, P.O. KALAVAR,  VIA-BAJPE, MANGALORE, KARNATAKA</t>
  </si>
  <si>
    <t>HDFC BANK LTD, KOPPAN TRADE CENTRE,  PALAKKAD ROAD, MELE PATTAMBI,  DIST-PALAKKAD, PATTAMBI, KERALA</t>
  </si>
  <si>
    <t>HDFC BANK LTD, VPO DINGRIAN, TEH AND DIST - JALANDHAR, JALANDHAR, PUNJAB</t>
  </si>
  <si>
    <t>HDFC BANK LTD, JAURA CHHITTRAN, TEH AND DIST - GURDASPUR, JAURA CHHITTRAN, PUNJAB</t>
  </si>
  <si>
    <t>VILLAGE RAMESWARPUR, POST LALPUR, DIST-UDHAM SINGH NAGAR, RAMESWARPUR, UTTARAKHAND</t>
  </si>
  <si>
    <t>SHOP NO. 7,  8,  9,  GROUND FLOOR, BELOW GRAMPANCHAYAT OFFICE, TAL AND DIST - RATNAGIRI,  SHIRGAON, RATNAGIRI, MAHARASHTRA</t>
  </si>
  <si>
    <t>JANDIALA-KHADUR SAHIB ROAD, TAKHTU CHAK V.P.O TAKHTU CHAK, TEH-KHADUR SAHIB,  DIST-TARAN TARAN, TAKHTU CHAK, PUNJAB</t>
  </si>
  <si>
    <t>HDFC BANK LTD, H.NO. 1-60/3,  MAIN ROAD VENNEL K, NANDIPET MDL, VANNEL, TELANGANA</t>
  </si>
  <si>
    <t>SOMATNE - PAWNA ROAD, NEAR HOTEL POONAM, BEBAD OHOL,  TALUKA MAVAL, PUNE, MAHARASHTRA</t>
  </si>
  <si>
    <t>HDFC BANK LTD, AT-ANTPARA,  PO-JARA GRAM, PS-JAMALPUR,  DIST-BURDWAN, BURDWAN, WEST BENGAL</t>
  </si>
  <si>
    <t>HDFC BANK LTD, ADJ. SHRI RAM AUTO MALL, VPO GAHAUR,  DIST-LUDHIANA, GAHAUR, PUNJAB</t>
  </si>
  <si>
    <t>HDFC BANK LTD, VPO LAL KALAN, DIST - LUDHIANA, LAL KALAN, PUNJAB</t>
  </si>
  <si>
    <t>HDFC BANK LTD, KARERI LODGE COMPLEX, TEMPLE ROAD,  DHARAMSHALA, MCLEODGANJ, HIMACHAL PRADESH</t>
  </si>
  <si>
    <t>HDFC BANK LTD, VILLAGE - DIHIBATPUR,  P.O. ALATI, P.S. PURSURAH,  DIST - HOOGHLI, PANCHANANTALA, WEST BENGAL</t>
  </si>
  <si>
    <t>HDFC BANK LTD, GROUND FLOOR,  AT KADADHE, TALUKA MAVAL, PUNE, MAHARASHTRA</t>
  </si>
  <si>
    <t>HDFC BANK LTD, S.NO.198, BHATRAMARENAHALLI VILLAGE, BUDIGERE P.O,  DEVANAHALLI TALUK, BANGALORE, KARNATAKA</t>
  </si>
  <si>
    <t>HDFC BANK LTD, MAIN ROAD CHATRASALA, CHINCHOLI TALUKA,  DIST-GULBARGA, CHATARSAL, KARNATAKA</t>
  </si>
  <si>
    <t>HDFC BANK LTD, NO. 47,  SUMUKHA NILAYA, SULIKERE KENGERI HOBLI,  KOMMAGHATTA, BANGALORE, KARNATAKA</t>
  </si>
  <si>
    <t>HDFC BANK LTD, VILLAGE-RAJBALLABHPUR, PO-RAJBALLAVPUR,  P.S. HABRA, RAJBALLABHPUR, WEST BENGAL</t>
  </si>
  <si>
    <t>GROUND FLOOR,  SHOP NO. 6/7, BEST CHOICE COMPLEX,  AT PO-BOL, DISTRICT-AHMEDABAD, BOL, GUJARAT</t>
  </si>
  <si>
    <t>FIRST FLOOR,  SURVEY NO. - 23/1, GAS GODOWN,  KALAWAD ROAD OPP, TAL-LODHIKA,  DIST-RAJKOT, HARIPAR PAL, GUJARAT</t>
  </si>
  <si>
    <t>HDFC BANK LTD, HATABUZURG,  HATABAZAR, POST SHIV PUR TEHSIL BANAS GAON, GORAKHPUR, UTTAR PRADESH</t>
  </si>
  <si>
    <t>HDFC BANK LTD, ADJ. GOVT PRIMARY SCHOOL, SHERPUR ROAD,  VPO NANGAL, NANGAL, PUNJAB</t>
  </si>
  <si>
    <t>HDFC BANK LTD, BUILDING IN MAIN CHOWK, RAJIA-DHANDRIA ROAD,  VPO RAJIA, RAJIA, PUNJAB</t>
  </si>
  <si>
    <t>HDFC BANK LTD, BUILDING OPP GURDAWARA MARKET, VPO RANGIAN, RANGAIN, PUNJAB</t>
  </si>
  <si>
    <t>HDFC BANK LTD, VILLAGE AND POST OFFICE-NUNA MAJRA, NEAR ARYA TRADERS, NUNA MAJRA, HARYANA</t>
  </si>
  <si>
    <t>HDFC BANK LTD, VILLAGE: FAZALWAS, DIST - GURGAON, GURGAON, HARYANA</t>
  </si>
  <si>
    <t>HDFC BANK LTD, NO. 372, SWAMIMALAI MAIN ROAD, BAPURASAPURAM, TAMIL NADU</t>
  </si>
  <si>
    <t>HDFC BANK LTD, MAIN ROAD,  GUDLI INDUSTRIAL AREA, DIST - UDAIPUR, GUDLI, RAJASTHAN</t>
  </si>
  <si>
    <t>HDFC BANK LTD, KULASWAMINI NIWAS,  AT KEDARKHEDA, POST AND TAL-BOKARDHARAN, DIST-JALNA, JALNA, MAHARASHTRA</t>
  </si>
  <si>
    <t>HDFC BANK LTD, VILLAGE/POST - KERANGA, DIST - KHORDHA, KHORDHA, ODISHA</t>
  </si>
  <si>
    <t>HDFC BANK LTD, GROUND FLOOR NEAR DUDH MANDALI, AT NETRAMALI,  TA-IDAR, NETRAMALI, GUJARAT</t>
  </si>
  <si>
    <t>HDFC BANK LTD, VATIKA INDIA NEXT, SEC 82A,  SHIKOHPUR. GURGAON, SHIKOHPUR, HARYANA</t>
  </si>
  <si>
    <t>SREE GANESHAM ARCADE, MARKET JUNCTION, DIST-KOLLAM, KOTTARAKARA, KERALA</t>
  </si>
  <si>
    <t>HDFC BANK LTD, VILLAGE-DHAULIMUNHA, PO-BRAJAMOHANPUR, KHURDHA, ODISHA</t>
  </si>
  <si>
    <t>HDFC Bank Ltd., Rajkot - Ahmedabad national highway, Near Hiren dairy, Maliyasan. Rajkot, GUJARAT</t>
  </si>
  <si>
    <t>AKARNI NO. 119,  RAJPUT FALIYU, OPP. MAHADEV TEMPLE,  TA DABHOI, AT AND POST SIMALIYA,  DIST-VADODARA, SIMALIYA, GUJARAT</t>
  </si>
  <si>
    <t>SHOP NO. 2 AND 3,  GROUND FLOOR, ROAD TO EKVIRA TEMPLE,  POST-KARLA, TALUKA-MAVAL,  DIST-PUNE, DAHIVALI, MAHARASHTRA</t>
  </si>
  <si>
    <t>HDFC BANK LTD, GURU PRASAD NIVAS,  AT-NIGHOJE, TALUKA - KHED, PUNE, MAHARASHTRA</t>
  </si>
  <si>
    <t>ADJ. BUS STAND,  MAIN CHOWK, VPO FATEHGARH SABRAH, DIST-FEROZEPUR, FATEHGARH SABRAH, PUNJAB</t>
  </si>
  <si>
    <t>HDFC BANK LTD, MAIN ROAD,  VPO-PINDI BALOCHAN, DIST-FARIDKOT, PINDI BALOCHAN, PUNJAB</t>
  </si>
  <si>
    <t>HDFC BANK LTD, DASUYA ROAD,  VPO-BAGPUR, TEH AND DIST-HOSHIARPUR, HOSHIARPUR, PUNJAB</t>
  </si>
  <si>
    <t>FIRST FLOOR,  DUNAVADA DUDH UTPADAK, MANDLI,  NEAR GRAM PANCHAYAT, AT DUNAVADA,  TA-HARIJ,  DIST-PATAN, DUNAVADA, GUJARAT</t>
  </si>
  <si>
    <t>HDFC BANK LTD, V.P.O. KOHALI, TEH AND DIST-AMRITSAR, KOHALI, PUNJAB</t>
  </si>
  <si>
    <t>HDFC BANK LTD, VPO MANKO, TEHSIL-ADAMPUR,  DIST-JALANDHAR, MANKO, PUNJAB</t>
  </si>
  <si>
    <t>HDFC BANK LTD, VILLAGE-MEGH CHAPPAR, AMBALA ROAD,  DIST-SAHARANPUR, SAHARANPUR, UTTAR PRADESH</t>
  </si>
  <si>
    <t>HDFC BANK LTD, VPO RAMPUR JAGIR,  KALA SANGHIAN, TEH-SULTANUR LODHI, KAPURTHALA, PUNJAB</t>
  </si>
  <si>
    <t>82-258,  ANNICUT ROAD, POONDI VILLAGE AND POST, WALAJAH TALUK,  DIST-VELLORE, POONDI, TAMIL NADU</t>
  </si>
  <si>
    <t>1/20,  MAIN ROAD,  SIVARAMAPETTAI, KODIKURICHI VILLAGEA AND POST, TENKASI TALUK,  TIRUNELVELI, KODIKURICHI, TAMIL NADU</t>
  </si>
  <si>
    <t>HDFC BANK LTD, AT-SAVARDARI,  POST-VASULI, TAL - KHED, PUNE, MAHARASHTRA</t>
  </si>
  <si>
    <t>VILLAGE ALAMPUR, NEAR ALI NAGAR POLICE STATION, TEHSIL-SAKALDIHA,  DIST-CHANDAULI, ALAMPUR, UTTAR PRADESH</t>
  </si>
  <si>
    <t>SHOP SITUATED ON MAIN ROAD, GRAM PANCHAYAT SENDRI, DIST-BILASPUR, SENDRI, CHHATTISGARH</t>
  </si>
  <si>
    <t>HDFC BANK LTD, KATHA NO. 318,  BIJJAWARA VILLAGE, DEVANAHALLAI TALUK, BANGALORE, KARNATAKA</t>
  </si>
  <si>
    <t>GROUND FLOOR,  VIRAJ COMPLEX, AT POST - KHALUMBRE, TALUKA KHED, PUNE, MAHARASHTRA</t>
  </si>
  <si>
    <t>HDFC Bank Ltd. UGF G4 &amp; G5, Plot-B, Iris Broadway, Sector -85, Gurgaon</t>
  </si>
  <si>
    <t>HDFC BANK LTD, VPO SAMGAULI, TEHSIL DERA BASSI,  DIST-PATIALA, SAMGAULI, PUNJAB</t>
  </si>
  <si>
    <t>HDFC BANK LTD, SHIVAJI CHOWK,  KALAMB ROAD, KATGAON, A/P KATGAON,  TAL AND DIST-LATUR, LATUR, MAHARASHTRA</t>
  </si>
  <si>
    <t>HDFC BANK LTD, ADJ BUS STAND,  MALOUT DEFENCE ROAD, VPO ARNIWALA WAZIRAN,  DIST-MUKTSAR, ARNIWALA WAZIRAN, PUNJAB</t>
  </si>
  <si>
    <t>SHOP NO 6 AND 7,  SHRI SADHAN, APARTMENT,  MUMBAI-NASIK HIGHWAY, KHATIVALI,  TAL-SHAHAPUR,  DIST-THANE, VASIND, MAHARASHTRA</t>
  </si>
  <si>
    <t>HDFC BANK LTD, OPP. GRAIN MARKET, VPO KUBA,  DIST-BARNALA, KUBA, PUNJAB</t>
  </si>
  <si>
    <t>Hdfc Bank Ltd, Bathindi morh, opp. Max life Hospital, Bathindi, Jammu</t>
  </si>
  <si>
    <t>HDFC BANK LTD, ADJ BUS STAND, MAIN ROAD,  DIST-FAZILKA, WARYAM KHERA, PUNJAB</t>
  </si>
  <si>
    <t>HDFC BANK LTD, VPO BAHLURKALAN, DIST-NAWASHEHAR, BAHLURKALAN, PUNJAB</t>
  </si>
  <si>
    <t>HDFC BANK LTD, VILLAGE DARBARIPUR, HALDIRAM ROAD, GURGAON, HARYANA</t>
  </si>
  <si>
    <t>HDFC BANK LTD, GORAKHPUR - GOLA ROAD, DIST - GORAKHPUR, JHUMILA BAZAR, UTTAR PRADESH</t>
  </si>
  <si>
    <t>HDFC BANK LTD, AT-BHUINPUR,  PO-BANASINGH, DISTRICT-DHENKANAL, BANASINGA, ODISHA</t>
  </si>
  <si>
    <t>HDFC BANK LTD, OPPOSITE JAIN PETROL PUMP, MAIN ROAD,  DIST-DINDORI, DINDORI, MADHYA PRADESH</t>
  </si>
  <si>
    <t>HDFC BANK LTD, RAMDASPUR, NEAR CISF, CUTTACK, ODISHA</t>
  </si>
  <si>
    <t>HDFC BANK LTD, PYNURSLA, DIST-EAST KHASI HILLS, PYNURSLA, MEGHALAYA</t>
  </si>
  <si>
    <t>HDFC BANK LTD, VPO BHAGO MAJRA, DIST-SAS NAGAR,  MOHALI, BHAGO MAJRA, PUNJAB</t>
  </si>
  <si>
    <t>HDFC BANK LTD, VILLAGE AND POST KADARPUR, SECTOR - 63A, GURGAON, HARYANA</t>
  </si>
  <si>
    <t>HDFC BANK LTD, JALANDHAR-NURPUR-DHOGRI ROAD, VPO NURPUR,  DIST-JALANDHAR, JALANDHAR, PUNJAB</t>
  </si>
  <si>
    <t>SHOP NO-GF 25,  RUSHIRAJ COMPLEX, RAHIAD CHOWKDI,  DAHEJ ROAD, AT AND PO-RAHIAD,  BHARUCH, RAHIAD, GUJARAT</t>
  </si>
  <si>
    <t>HDFC BANK LTD, VPO-JANIAL, PATHANKOT, JANIAL, PUNJAB</t>
  </si>
  <si>
    <t>HDFC BANK LTD.,  , NO 55,  , ANNAI INDHIRA GANDHI ROAD, PANRUTI, TAMIL NADU</t>
  </si>
  <si>
    <t>D NO. 4-128, DARIYALATIPPA ROAD, NEELAPALLE CHECKPOST, NEELAPALLE, ANDHRA PRADESH</t>
  </si>
  <si>
    <t>HDFC BANK LTD, 1ST FLOOR,  MAJRA DUDH UTPADAK, SAHKARI MANDLI LTD.MAJRA TO PRANTIJ, MAJRA, GUJARAT</t>
  </si>
  <si>
    <t>HDFC BANK LTD, AT AND PO - LAPKAMAN, OFF KALOL - VADSAR HIGHWAY, LAPKAMAN, GUJARAT</t>
  </si>
  <si>
    <t>HDFC BANK LTD, GROUND FLOOR,  DUDH MANDALI ROAD, AT HADIYOL,  TA-HIMMATNAGAR, HADIYOL, GUJARAT</t>
  </si>
  <si>
    <t>HDFC BANK LTD, FIRST FLOOR, HIRPURA DUDH UTPADAK, SAHKARI MANDLI LTD,  TA-VIJAPUR, HIRPURA, GUJARAT</t>
  </si>
  <si>
    <t>HDFC BANK LTD, VPO JHANJHERI, DIST-MOHALI, JHANJHERI, PUNJAB</t>
  </si>
  <si>
    <t>HDFC BANK LTD, CHANDU BUDHERA CHOWK,  VPO BUDHERA, TEH AND DIST - GURGAON, BUDHERA, HARYANA</t>
  </si>
  <si>
    <t>HDFC BANK LTD, SHALTENG, NEAR BURN HAM SCHOOL, MAIN CHOWK,  MALRU, SRINAGAR, JAMMU AND KASHMIR</t>
  </si>
  <si>
    <t>PREAM NAGAR, AMBALA CITY, DIST: AMBALA, HARYANA, AMBALA, HARYANA</t>
  </si>
  <si>
    <t>GROUND FLOOR : 5, GOKULDHAM ARCADE, SANAND-SANATHAL HIGHWAY, AHMEDABAD, GUJARAT</t>
  </si>
  <si>
    <t>HDFC BANK LTD, H.NO. 1-7/2,  CHIRAJPALLE VILLAGE, NANDIPET MDL,  DIST-NIZAMABAD, CHIMRAJPALLE, TELANGANA</t>
  </si>
  <si>
    <t>FIRST FLOOR,  NIKHADE COMPLEX, NEAR WASULI PHATA, AT-BHAMBOLI,  PO-WASULI, PUNE, MAHARASHTRA</t>
  </si>
  <si>
    <t>HDFC BANK LTD, PREMISES ADJ. BUS STAND, VPO BHAGO KE,  DIST-FEROZEPUR, BHAGO KE, PUNJAB</t>
  </si>
  <si>
    <t>HDFC BANK LTD, VPO KHADIAL, TEHSIL-SUNAM,  DIST-SANGRUR, KHADIAL, PUNJAB</t>
  </si>
  <si>
    <t>HOUSE NO. 205/B, NEAR DATTA MANDIR,  CHINCHAVALI, POST-GOREGAON,  DIST-RAIGAD, CHINCHAVALI, MAHARASHTRA</t>
  </si>
  <si>
    <t>HDFC BANK LTD, VILLAGE SHILARU,  PO. MATIYANA, TEHSIL THEOG,  DIST-SHIMLA, SHILARU, HIMACHAL PRADESH</t>
  </si>
  <si>
    <t>HDFC BANK LTD, BAREILLY MOD,  SOUTH CITY, MADHA,  DIST-SHAHJAHANPUR, LALPUR, UTTAR PRADESH</t>
  </si>
  <si>
    <t>HDFC BANK LTD, VPO - AGONDH, DISTRICT - KAITHAL, KAITHAL, HARYANA</t>
  </si>
  <si>
    <t>HDFC BANK LTD, VPO SAINI MAJRA,  NEAR MULLANPUR, DIST-SAS NAGAR, SAINI MAJRA, PUNJAB</t>
  </si>
  <si>
    <t>HDFC BANK LIMITED, VILLAGE SAMAIPUR,  FARIDABAD, MAIN SOHNA - BALLABHGARH ROAD, FARIDABAD, HARYANA</t>
  </si>
  <si>
    <t>HDFC BANK LTD, KUSHINAGAR ROAD,  NH 28, JAGDISHPUR,  TEHSIL CHAURI CHAURA, JAGDISHPUR, UTTAR PRADESH</t>
  </si>
  <si>
    <t>HDFC Bank Ltd, Upper Ground Floor , Khasara No- 594 and 597, Village Moteeram Adda ,Tehsil-Sadar, Dist. Gorakhpur, Uttar Pradesh</t>
  </si>
  <si>
    <t>HDFC BANK LIMITED, VILLAGE SANPERA, TEHSIL  GANAUR,  DISTRICT SONEPAT, SANPERA, HARYANA</t>
  </si>
  <si>
    <t>HDFC BANK LTD., BATALA ROAD, DHIANPUR, DHIANPUR, PUNJAB</t>
  </si>
  <si>
    <t>HDFC BANK LIMITED, VILLAGE NAHARPUR KASAN, DIST-GURGAON, NAHARPUR KASAN, HARYANA</t>
  </si>
  <si>
    <t>HDFC BANK LTD, VPO JANDOLI, TEHSIL GARHSHANKAR,  HOSHIARPUR, JANDOLI, PUNJAB</t>
  </si>
  <si>
    <t>HDFC Bank Ltd, Shop No 8-9, 
Global City Center, Dhunela, Gurgaon ,HaryanA</t>
  </si>
  <si>
    <t>HDFC BANK LTD, VPO KAMALI,  TEHSIL BASSI PATHANA, DIST-FATEHGARH SAHIB, KAMALI, PUNJAB</t>
  </si>
  <si>
    <t>HDFC BANK LTD, MURADABAD (LOHARI),  KHARGONE ROAD, DIST-KHARGONE-WEST NIMAR, MURADABAD, MADHYA PRADESH</t>
  </si>
  <si>
    <t>HDFC BANK LIMITED, VILLAGE HAYATPUR, MAIN PATAUDI - GURGAON ROAD, HAYATPUR, HARYANA</t>
  </si>
  <si>
    <t>HDFC BANK LIMITED, KHATONI NO. 497,  VILLAGE KAIMLA, TEHSIL - GHARUNDA,  DISTRICT-KARNAL, KAIMLA, HARYANA</t>
  </si>
  <si>
    <t>HDFC BANK LTD, VPO BHAGRANA, DIST-FATEHGARH SAHIB, BHAGRANA, PUNJAB</t>
  </si>
  <si>
    <t>HDFC BANK LTD, ARAJI NO. 57,  KHALILABAD ROAD, SANT-KABIR NAGAR, CHUREB, UTTAR PRADESH</t>
  </si>
  <si>
    <t>GROUND FLOOR,  AT-JAMIYATPURA, NEAR MUKHI VAS, TAL AND DIST-GANDHINAGAR, JAMIYATPURA, GUJARAT</t>
  </si>
  <si>
    <t>KHASRA NO. 98, PAKRI BARAMAD DEOBARI, TEHSIL RUDRAPUR,  DIST-DEORIA, DEORIA, UTTAR PRADESH</t>
  </si>
  <si>
    <t>HDFC BANK LIMITED, VILLAGE PHAPHRANA, ASSANDH,  DISTRICT- KARNAL, PHAPRANA, HARYANA</t>
  </si>
  <si>
    <t>VILLAGE SANDHAI, PO AND TEHSIL - BILASPUR, DIST-YAMUNANAGAR, SANDHAI, HARYANA</t>
  </si>
  <si>
    <t>PLOT NO. 94, NEAR DREAM VALLEY, MANIKONDA, HYDERABAD, TELANGANA</t>
  </si>
  <si>
    <t>HDFC BANK LTD, VILLAGE MEHELI,  PO-KASUMPTI, TEHSIL SHIMLA,  DIST-SHIMLA, MEHELI, HIMACHAL PRADESH</t>
  </si>
  <si>
    <t>HDFC BANK LTD, VILL BADAULI, TEH AND DIST - PANIPAT, BADAULI, HARYANA</t>
  </si>
  <si>
    <t>BADDI-NALAGARH ROAD, VILLAGE KISHAN PURA, VPO GURUMAJRA,  DIST-SOLAN, KISHAN PURA, HIMACHAL PRADESH</t>
  </si>
  <si>
    <t>VILLAGE MAJRI, BADLI BAHADURGARH ROAD, TEHSIL BAHADURGARH,  DIST-JHAJJAR, MAJRI, HARYANA</t>
  </si>
  <si>
    <t>HDFC BANK LIMITED, OPP GOVT SCHOOL,  VPO RAIR KALAN, DISTRICT PANIPAT, RAIR KALAN, HARYANA</t>
  </si>
  <si>
    <t>HDFC BANK LTD, OPP. GURUDAWARA SAHIB, VPO MALAKPUR,  DIST-LUDHIANA, MALAKPUR, PUNJAB</t>
  </si>
  <si>
    <t>VILLAGE THASKA KHADAR, PO KHURDBAN,  TEH RADOUR, DIST-YAMUNANAGAR, THASKA KHADAR, HARYANA</t>
  </si>
  <si>
    <t>HDFC BANK LTD, AT AND PO - MOTA, MOTA DUDH UTPADAK MANDLI, MOTA, GUJARAT</t>
  </si>
  <si>
    <t>DOOR NO. 10/170 B, D SQUARE ARCADE, MANAKKODY PO - TRICHUR, MANAKKODY, KERALA</t>
  </si>
  <si>
    <t>HDFC BANK LTD, SAMUDAYAK BHAWAN, GRAM PANCHAYAT,  DIST-DHAMTARI, LOHARSI, CHHATTISGARH</t>
  </si>
  <si>
    <t>HDFC BANK LTD.,  GROUND FLOOR, SHOP NO 8 &amp; 9, DISTRICT - JAIPUR, KOOKAS, RAJASTHAN</t>
  </si>
  <si>
    <t>YATRI PRATIKSHLAYA, KHAMARIYA,  CHARODHA, BHILAI,  DIST-DURG, SONPUR, CHHATTISGARH</t>
  </si>
  <si>
    <t>1ST FLOOR,  DAGAVADIYA MILK, PRODUCERS CO-OPERATIVE SOCIETY, DIST-MEHSANA, DAGAVADIYA, GUJARAT</t>
  </si>
  <si>
    <t>HDFC BANK LTD, 1ST FLOOR,  TALUKA-MANSA, AJOL DUDH UTPADAK SAHKARI MANDLI, AJOL, GUJARAT</t>
  </si>
  <si>
    <t>SHOP NO 285,  HOUSE NO. 1367-1370, DIWAN SHIVJILAL KA RASTA, KISHANPOLE BAZAAR,  JAIPUR, JAIPUR, RAJASTHAN</t>
  </si>
  <si>
    <t>GROUND FLOOR ,  NO 180/1, ROHINI APARTMENTS, ROYAPETTAH HIGH ROAD, CHENNAI, TAMIL NADU</t>
  </si>
  <si>
    <t>SHOP NO.16, 17, 18, 19, RUDRASHAKTI ENCLAVE, NEAR RELIANCE FRESH,  MANISH NAGAR, NAGPUR, MAHARASHTRA</t>
  </si>
  <si>
    <t>KONDYABAI WAGH NIWAS, A/P VANASGAON,  UGAON ROAD, TAL NIPHAD,  DIST-NASHIK, NASHIK, MAHARASHTRA</t>
  </si>
  <si>
    <t>SHOP NO-10,  TOWER-C, UNITECH BUSINESS ZONE, NIRWANA COUNTRY, GURGAON, HARYANA</t>
  </si>
  <si>
    <t>HDFC BANK LTD, 526/12,  33 CROSS, 4TH BLOCK JAYANAGAR, BANGALORE, KARNATAKA</t>
  </si>
  <si>
    <t>HDFC BANK LTD, NO. 32/1,  KADUBESANAHALLI, SARJAPUR-MARATHAHALLI, BANGALORE, KARNATAKA</t>
  </si>
  <si>
    <t>SHOP NO. 1,  APOORVA SAI KUTEERA, APARTMENT,  BELATHUR HOSKOTE ROAD, KADUGODI,  WHITEFIELD, BANGALORE, KARNATAKA</t>
  </si>
  <si>
    <t>NAJRUL SARANI, OPPOSITE TAXI STAND, DIST-DAKSHIN DINAJPUR, BALURGHAT, WEST BENGAL</t>
  </si>
  <si>
    <t>HDFC BANK LTD, LOKNATH TOWER,  KADAMTALA, WARD NO. 17,  DIST-JALPAIGURI, JALPAIGURI, WEST BENGAL</t>
  </si>
  <si>
    <t>NARAINGARH-KALPI ROAD, VILL BARHERI BADI, PO-BARHERI KALAN,  DIST-AMBALA, BARHERI BADI, HARYANA</t>
  </si>
  <si>
    <t>SHOP NO 3,  CHINAR INCUBE BUSINESS, CENTRE,  CHINAR FORTUNE CITY, HOSHANGABAD ROAD, BHOPAL, MADHYA PRADESH</t>
  </si>
  <si>
    <t>PLOT NO 11 AND 12, ARVIND VIHAR BAGH MUGALIYA, BHOPAL, BHOPAL, MADHYA PRADESH</t>
  </si>
  <si>
    <t>HDFC BANK LTD, 266,  POLLACHI MAIN ROAD, SUNDARAPURAM, COIMBATORE, TAMIL NADU</t>
  </si>
  <si>
    <t>CTO BUILDING, BSNL TELEPHONE EXCHANGE, SN HIGH RAOD,  SRIPURAM BUS STOP, TIRUNELVELI, TAMIL NADU</t>
  </si>
  <si>
    <t>HDFC BANK LTD, KHASRA NO. 1079/2/1/3, MANAV CHOWK,  AMBALA CITY, AMBALA, HARYANA</t>
  </si>
  <si>
    <t>GROUND FLOOR,  STATUS ENCLAVE, NEAR AYACHIT MANDIR BUS STAND, LAKDA PUL,  MAHAL, NAGPUR, MAHARASHTRA</t>
  </si>
  <si>
    <t>HDFC BANK LTD, 356,  TRICHY ROAD, SINGANALLUR, COIMBATORE, TAMIL NADU</t>
  </si>
  <si>
    <t>HDFC BANK LTD, R-1,  JMD MEGAPOLIS, SOHNA ROAD,  GURGAON, GURGAON, HARYANA</t>
  </si>
  <si>
    <t>GROUND FLOOR AKAAR BHAWAN, OPPOSITE SBI  BANK TILAK ROAD, PUNE, PUNE, MAHARASHTRA</t>
  </si>
  <si>
    <t>SHREE KRISHNA PARADISE COOPERATIVE, HOUSING SOCIETYSHOP NO 18&amp;19, SEC 12, PLOT NO.D.69, PANDAV KADA ROAD, NAVI MUMBAI, MAHARASHTRA</t>
  </si>
  <si>
    <t>Ground Floor, Patta No. 37, Near Jagdamba Iron, Boranada, Jodhpur, Rajasthan</t>
  </si>
  <si>
    <t>HDFC BANK LTD, 295 - L,  MODEL TOWN, DIST-KARNAL, KARNAL, HARYANA</t>
  </si>
  <si>
    <t>EROS CITY SQURE, SHOP NO. 39,  40,  41 AND 42, SECTOR 49 AND 50, GURGAON, HARYANA</t>
  </si>
  <si>
    <t>PLOT NO. 205 SVPB NAGAR, MAIN ROAD,  JAMNIPALI, NTPC,  KORBA, KORBA, CHHATTISGARH</t>
  </si>
  <si>
    <t>GROUND FLOOR, SHOP NO. 13/14/15 AND 24, USHA PRIDE,  NEAR OVER BRIDGE,  MOWA, RAIPUR, CHHATTISGARH</t>
  </si>
  <si>
    <t>HDFC BANK LTD, GROUND FLOOR,  ORBIT COMPLEX, SUNDER NAGAR,  DIST-RAIPUR, RAIPUR, CHHATTISGARH</t>
  </si>
  <si>
    <t>15/6 KRISHNA TALKIES ROAD, ASHISH NAGAR WEST, RISALI BHILAI NAGAR, BHILAI, CHHATTISGARH</t>
  </si>
  <si>
    <t>GROUND FLOOR,  KH. NO 911/7,  896/39, OPP HONDA SHOWROOM, SEEPAT ROAD,  SARKANDA, BILASPUR, CHHATTISGARH</t>
  </si>
  <si>
    <t>C-602,  PANDIT DINDAYAL, UPDADHYAY NAGAR, SUKHLIYA MAIN ROAD, INDORE, MADHYA PRADESH</t>
  </si>
  <si>
    <t>46/1942 - AGRAWAL SADAN, DAL BAZAR TIRAHA, LASHKAR, GWALIOR, MADHYA PRADESH</t>
  </si>
  <si>
    <t>52-53 AMAR NIWAS, NEW MARKET T.T. NAGAR, OPPOSITE GPO AND SBI, BHOPAL, MADHYA PRADESH</t>
  </si>
  <si>
    <t>BEHRAMPUR - BANDHWARI ROAD,  , NEAR RAISINA RESIDENCY,  , SECTOR 59,  GURGAON, GURGAON, HARYANA</t>
  </si>
  <si>
    <t>NEAR PETROL PUMP, VPO DRAMMAN, TEHSIL SHAHPUR, DRAMMAN, HIMACHAL PRADESH</t>
  </si>
  <si>
    <t>FLAT NO. 486,  FIRST FLOOR, DEFENCE COLONY,  SAINIKPURI, DIST-HYDERABAD, SECUNDERABAD, TELANGANA</t>
  </si>
  <si>
    <t>HDFC BANK LTD, UNIT NO.24,  DT MEGA MALL, GOLF COURSE ROAD,  DLF PHASE-1, GURGAON, HARYANA</t>
  </si>
  <si>
    <t>HDFC BANK LTD, DSS NO. 75, HUDA MARKET,  SECTOR 40, GURGAON, HARYANA</t>
  </si>
  <si>
    <t>222/2/D,  HI-TENSION DOUBLE ROAD, OPP. VIDYA VARDHAKA ENGG COLLEGE, VIJAYA NAGAR 2ND STAGE, MYSORE, KARNATAKA</t>
  </si>
  <si>
    <t>RAJ ARCADE, OPPOSITE HOTEL EXCELLENCY INN, AMBAD LINK ROAD, NASHIK, MAHARASHTRA</t>
  </si>
  <si>
    <t>PLOT NO. 9,  GRUHKUL HOUSING SCOIETY, NEAR PATEL ROADWAYS, JALGAON MIDC, JALGAON, MAHARASHTRA</t>
  </si>
  <si>
    <t>PLOT NO 82,  BAGLA BHAVAN, OPP MIDC POLICE STATION, MIDC WALUJ AURANGABAD, AURANGABAD, MAHARASHTRA</t>
  </si>
  <si>
    <t>NO. 20/5,  SONY PLAZA, GROUND AND FIRST FLOOR, VALLUVAR SALAI,  RAMAPURAM, CHENNAI, TAMIL NADU</t>
  </si>
  <si>
    <t>HDFC BANK LTD, 143,  FORT MAIN ROAD, SHEVAPET, SALEM, TAMIL NADU</t>
  </si>
  <si>
    <t>SANIKA COMPLEX, OPP RETHARE SUGAR FACTORY, A/P KILLE MACHINDRAGAD,  TAL-WALWA, KILLE MACHINDRA GAD, MAHARASHTRA</t>
  </si>
  <si>
    <t>UNIT 18 C AND 18 D, SPLENDOUR TRADE TOWER, GOLF COURSE EXTN ROAD,  SECTOR 65, GURGAON, HARYANA</t>
  </si>
  <si>
    <t>ABOVE MARUTI SHOWROOM, NEW SARAWAN MAIN ROAD, PURANA MINA BAZAR, DEOGHAR, JHARKHAND</t>
  </si>
  <si>
    <t>NO. 20,  AMAR REGENCY LAYOUT, HORMAVU MAIN ROAD, HORAMAVU, BANGALORE, KARNATAKA</t>
  </si>
  <si>
    <t>EMG HOUSE,  5 MIG, NEW SHAHGANJ, OPP KOTHI MEENA BAZAR, AGRA, UTTAR PRADESH</t>
  </si>
  <si>
    <t>165/166,  GUSAINPURA, MANGAL KRISHNA COMPLEX, MANIK CHOWK, JHANSI, UTTAR PRADESH</t>
  </si>
  <si>
    <t>KHASRA NO. 115/1 M,  MOHALLA VILLAGE, NATHMALPUR,  PARGANA-HAWELI, TEHSIL-SADAR,  NEAR INDUSTRIAL AREA, GORAKHPUR, UTTAR PRADESH</t>
  </si>
  <si>
    <t>HDFC BANK LTD, VILLAGE BHAGAN,  TEHSIL GANAUR, DISTRICT SONEPAT, SONEPAT, HARYANA</t>
  </si>
  <si>
    <t>SCHOOL BHAWAN, GRAM PANCHAYAT CHAKARBHATHA, DIST-BILASPUR, CHAKARBHATHA, CHHATTISGARH</t>
  </si>
  <si>
    <t>HOUSE NO. 150,  BAROT FALIYA, NEAR TOWER,  AT AND PO NISARAYA, TA-BORSAD,  DIST-ANAND, NISARAYA, GUJARAT</t>
  </si>
  <si>
    <t>GOUND FLOOR,  AMIN MANZIL, MALWADI CHOWK,  MALWADI, TAL-PALUS,  DIST-SANGLI, BHILEWADI, MAHARASHTRA</t>
  </si>
  <si>
    <t>HDFC BANK LTD, AT - KASWARA .VILL,  ALINAGAR, P.O. -  KASWARA,  G.P. - AMNAN, HOOGHLY, WEST BENGAL</t>
  </si>
  <si>
    <t>2245/47,  PLOT NO. 451, RAJGURU ROAD, CHUNA MANDI,  PAHARGANJ, NEW DELHI, DELHI</t>
  </si>
  <si>
    <t>GROUND FLOOR,  SHOP NO 1 TO 4, EARTH THE LAND MARK, SUN PHARMA ROAD,  VADODARA, BARODA, GUJARAT</t>
  </si>
  <si>
    <t>NO.128/1, VIDYA DEEP COLLEGE BUILDING, ULSOOR ROAD, BANGALORE, KARNATAKA</t>
  </si>
  <si>
    <t>NO.162,  RAJAGOPAL ROAD, SANJAY NAGAR, NEAR POLICE STATION, AECS LAYOUT, GEDDALAHALLI, BANGALORE, KARNATAKA</t>
  </si>
  <si>
    <t>HDFC BANK LTD, 18/196, SASNI GATE, ALIGARH, UTTAR PRADESH</t>
  </si>
  <si>
    <t>GAGAN REGENCY SHOP NO 9-16, GROUND FLOOR,  OPPOSITE AIIMS, NEAR GURUDWARA,  TATIBANDH, RAIPUR, CHHATTISGARH</t>
  </si>
  <si>
    <t>5 CHANDRALOK COLONY, KHAJRANA MAIN ROAD, SAKET NAGAR, INDORE, MADHYA PRADESH</t>
  </si>
  <si>
    <t>HDFC BANK LTD, BM 69-70,  WARD NO.27, MAIN ROAD,  NEHARU NAGAR, BHOPAL, MADHYA PRADESH</t>
  </si>
  <si>
    <t>HDFC BANK LTD., Ground Floor, Plot No 74/2, Main Road ,Sadar Bazar ,Near Palash Restaurant Narmadapuram Distt Narmadapuram Madhya Pradesh</t>
  </si>
  <si>
    <t>JRF BUILDING, SECTOR-13, SHASTRIPURAM, AGRA, UTTAR PRADESH</t>
  </si>
  <si>
    <t>K.H. NO. 79,  P.H. NO. 943/29, MAIN ROAD,  OPP. TO HOTEL BHAINSA, AARANG,  DIST-RAIPUR, BHAINSA, CHHATTISGARH</t>
  </si>
  <si>
    <t>HDFC BANK LTD, KENJAKURA BRANCH,  PO -  KENJAKURA, PS -  BANKURA,  DIST - BANKURA, KENJAKURA, WEST BENGAL</t>
  </si>
  <si>
    <t>SUMAN RESIDENCY, NEAR BENDOORWELL JUNCTION, KANKANADY,  BALMATTA, MANGALORE, KARNATAKA</t>
  </si>
  <si>
    <t>VPO SULAH KASBA, TEHSIL PALAMPUR, DISTT - KANGRA, SULAH, HIMACHAL PRADESH</t>
  </si>
  <si>
    <t>HDFC BANK LTD, BHALIABOLKATENI GRAM PANCHAYAT, DIST-DHENKANAL, BHALIABOLKATENI, ODISHA</t>
  </si>
  <si>
    <t>HDFC BANK LTD, AT/PO: JUJOMURA, DIST- SAMBALPUR, JUJOMURA, ODISHA</t>
  </si>
  <si>
    <t>HDFC BANK LTD, 7,  DDA LOCAL SHOPPING COMPLEX, PANCHSHEEL PARK, NEW DELHI, DELHI</t>
  </si>
  <si>
    <t>GF 26-B, SNEH NAGAR, SAPNA SANGITA MAIN ROAD, INDORE, MADHYA PRADESH</t>
  </si>
  <si>
    <t>SHOP NO. FF-1,  2 AND 3,  SHETHANA, PLAZA COMPLEX,  B/S F.M. AMIN, PETROL PUMP,  STATION ROAD, BHARUCH, GUJARAT</t>
  </si>
  <si>
    <t>SHOP NO. 14,  15,  48 AND 49, ANSAL CORPORATE PLAZA, PALAM VIHAR, GURGAON, HARYANA</t>
  </si>
  <si>
    <t>HDFC BANK LTD, 4/637,  KUSHWAHA MOHALLA, BAHODAPUR, GWALIOR, MADHYA PRADESH</t>
  </si>
  <si>
    <t>LAXMI ARCADE CO-OP, B T KAWADE ROAD, GHORPADI PUNE, PUNE, MAHARASHTRA</t>
  </si>
  <si>
    <t>V AND P.O. - BALANA, TEHSIL- AMBALA, HISSAR ROAD, BALANA, HARYANA</t>
  </si>
  <si>
    <t>HDFC BANK LTD, GOVIND,  MAIN ROAD, MARDA,  DIST-AMRAVATI, AMRAVATI, MAHARASHTRA</t>
  </si>
  <si>
    <t>HDFC BANK LTD, AT/PO - DHOKUTA, P.S. - BANTALA,  DIST-ANGUL, DHOKUTA, ODISHA</t>
  </si>
  <si>
    <t>HDFC BANK LTD, SIMINOI G. P OFFICE, DIST-DHENKANAL, SIMINOI, ODISHA</t>
  </si>
  <si>
    <t>HDFC BANK LTD, VILLAGE-ODWARA, KANTEY ROAD, BASTI, UTTAR PRADESH</t>
  </si>
  <si>
    <t>HDFC BANK LTD, ABC TOWER,  BRAHMAPURA, MUZAFFARPUR, MUZAFFARPUR, BIHAR</t>
  </si>
  <si>
    <t>44 DEENAR BHAWAN, GROUND FLOOR, NEHRU PLACE, NEW DELHI, DELHI</t>
  </si>
  <si>
    <t>NO 10,  1ST MAIN ROAD, GANGA NAGAR LAYOUT, NEW AIRPORT ROAD,  GANGA NAGAR, BANGALORE, KARNATAKA</t>
  </si>
  <si>
    <t>NO 36,  AROGYAPPA LAYOUT, KAMMANAHALLI MAIN ROAD, OPP R K HOSPITAL,  KAMMANAHALLI, BANGALORE, KARNATAKA</t>
  </si>
  <si>
    <t>914,  GUPTESHWAR WARD, NAGPUR ROAD, MADAN MAHAL, JABALPUR, MADHYA PRADESH</t>
  </si>
  <si>
    <t>WALHEKAR COMPLEX, 56/12, NARHEGAON, TAL. HAVELI, PUNE, MAHARASHTRA</t>
  </si>
  <si>
    <t>HDFC BANK LTD, JAGAMARA, DIST-KHURDA, BHUBANESWAR, ODISHA</t>
  </si>
  <si>
    <t>HDFC BANK LTD, PLOT NO - CM/2C,  1ST FLOOR, SECTOR-7,  CDA, CUTTACK, ODISHA</t>
  </si>
  <si>
    <t>NO.348, NADUPANGU THOTTAM, DHARAPURAM ROAD, NEAR USHA THEATRE, TIRUPPUR, TAMIL NADU</t>
  </si>
  <si>
    <t>GROUND FLOOR,  GRAMPANCHAYAT, PROPERTY NO 349,  PATEL BHAVAN, OPP BUS STOP,  AT POST SAMLOD, BHARUCH, GUJARAT</t>
  </si>
  <si>
    <t>HDFC BANK LTD, 228 NEAR LAXMI TEMPLE, CHIPRI,  SHIROL,  KOLHAPUR, KOLHAPUR, MAHARASHTRA</t>
  </si>
  <si>
    <t>GROUND FLOOR &amp; FIRST FLOOR, 13/2243-43/1 ANSARI ROAD, SAHARANPUR, SAHARANPUR, UTTAR PRADESH</t>
  </si>
  <si>
    <t>HDFC BANK LTD, SHOP NO. 9-10,  JASMIN COMPLEX, NEAR CIRCUIT HOUSE, HIMATNAGAR, GUJARAT</t>
  </si>
  <si>
    <t>HDFC BANK LTD, AT VILLAGE SHAHPUR, NEAR GIFT CITY, GANDHINAGAR, GUJARAT</t>
  </si>
  <si>
    <t>HDFC BANK LTD, NEAR SUPER MARKET, BAIDPURA CHAURAHA, ETAWAH, UTTAR PRADESH</t>
  </si>
  <si>
    <t>HDFC BANK LTD, NO. 128/B,  N BLOCK, KUVEMPUNAGAR, MYSORE, KARNATAKA</t>
  </si>
  <si>
    <t>HDFC BANK LTD, NO 78 TPK ROAD, ANDALPURAM, MADURAI, TAMIL NADU</t>
  </si>
  <si>
    <t>NO 18,  AMMA MANDAPAM ROAD, SRIRANGAM, DIST - TRICHY, SRIRANGAM, TAMIL NADU</t>
  </si>
  <si>
    <t>HDFC BANK LTD, MAIN ROAD,  VILLAGE JATHERI, TEHSIL RAI,  DISTRICT SONEPAT, SONEPAT, HARYANA</t>
  </si>
  <si>
    <t>GRAMPANCHAYAT OFFICE, AT. KHAIRAV,  TAL. CHIKHALI, DIST. BULDHANA, CHIKHALI, MAHARASHTRA</t>
  </si>
  <si>
    <t>GROUND FLOOR,  A/P SAKURI, TAL-RAHATA, AHMEDNAGAR, RAHATA, MAHARASHTRA</t>
  </si>
  <si>
    <t>GNR AND RV INSIGNIA,  GROUND FLOOR, PLOT NO. 28,  29 AND 30,  SILICON, VALLEY LAYOUT,  IMAGE GARDEN ROAD, HYDERABAD, TELANGANA</t>
  </si>
  <si>
    <t>UNIT NO. 4,  SUNCITY TRADE TOWER, SECTOR-21, OLD DELHI GURGAON ROAD, GURGAON, HARYANA</t>
  </si>
  <si>
    <t>SHOP NO 16,  17,  21AND 22, MADHAYAM MARG SECTOR NO 9, NEAR MANSAROVAR PLAZA, JAIPUR, RAJASTHAN</t>
  </si>
  <si>
    <t>B/33,  KARTHIKEYAN SALAI, BLOCK NO - 32D, PERIYAR NAGAR, CHENNAI, TAMIL NADU</t>
  </si>
  <si>
    <t>545,  D. H. ROAD, PANCHANANTAL, THAKURPUKUR, KOLKATA, WEST BENGAL</t>
  </si>
  <si>
    <t>HDFC Bank Ltd, Ground Floor, Vikas Chowk, Hingni – Bordhan Road, Ghorad,Tah. – Seloo, 
           Dist. -Wardha, Maharashtra - 442104</t>
  </si>
  <si>
    <t>HDFC BANK LTD, GROUND FLOOR,  AT POST- KARDI, TAL- MOHADI,  DIST.- BHANDARA, KARDI, MAHARASHTRA</t>
  </si>
  <si>
    <t>HDFC BANK LTD, GRAM PANCHAYAT BUILDING KHARANGANA, TALUKA ARVI, WARDHA, MAHARASHTRA</t>
  </si>
  <si>
    <t>HDFC BANK LTD, GRAM PANCHAYAT BUILDING, PIMPALKHUTA,  DIST - WARDHA, ARVI, MAHARASHTRA</t>
  </si>
  <si>
    <t>GROUND FLOOR, GRAMPANCHYAT OFFICE, SALAIRANI,  TALUKA UMRER, NAGPUR, MAHARASHTRA</t>
  </si>
  <si>
    <t>DR K S RANA COMPLEX, BAMRAULI KATARA,  KRISHNA DEGREE, COLLEGE,  FATEHABAD ROAD, AGRA, UTTAR PRADESH</t>
  </si>
  <si>
    <t>HDFC BANK LTD, AT/PO: BAGDEHI, DIST- JHARSUGUDA, BAGDEHI, ODISHA</t>
  </si>
  <si>
    <t>HDFC BANK LTD, AT-NIDHIPUR,  PO - MAHAKALABASTA, GP-GHANTIKHALA,  DIST. - CUTTACK, NIDHIPUR, ODISHA</t>
  </si>
  <si>
    <t>HDFC BANK LTD, AT-PANDUA,  PO-KOTAGARA, VIA-AANLABARENI,  DIST-DHENKANAL, PANDUA, ODISHA</t>
  </si>
  <si>
    <t>HDFC BANK LTD, VPO-BIHAT BIRAM, DIST-SITAPUR, SITAPUR, UTTAR PRADESH</t>
  </si>
  <si>
    <t>HDFC BANK LTD, VILLAGE-BAMAILA, POST-GAURABHADSHAHPUR, JAUNPUR, UTTAR PRADESH</t>
  </si>
  <si>
    <t>C-1/5,  RAMA PARK,  UTTAM NAGAR, MAIN NAJAFGARH ROAD, OPP. METRO PILLAR NO. 774, NEW DELHI, DELHI</t>
  </si>
  <si>
    <t>N0-62,  SSB TOWERS, 1ST CROSS, VIGNANA NAGAR MAIN ROAD, KAGGADASPURA, BANGALORE, KARNATAKA</t>
  </si>
  <si>
    <t>HDFC BANK LTD, NO. 665,  HSR LAYOUT,  SECTOR 1, 27TH MAIN, BANGALORE, KARNATAKA</t>
  </si>
  <si>
    <t>SAMUDAIYAK BHAWAN, GRAM PANCHAYAT BIRKONA, DIST-BILASPUR, BIRKONA, CHHATTISGARH</t>
  </si>
  <si>
    <t>1ST FLOOR,  DIYA TOWERS, NGO COLONY,  GST ROAD, OPP. ARUNACHALA KALYANA MANDAPAM, CHENNAI, TAMIL NADU</t>
  </si>
  <si>
    <t>HDFC BANK LTD, AT/PO - BADAKERA,  P.S. - BANTALA, DIST-ANGUL, BADAKERA, ODISHA</t>
  </si>
  <si>
    <t>HDFC BANK LTD, AT - MOHAMMADPUR GRAM PANCHAYAT, PO - TYENDAKURA,  DIST - CUTTACK, CUTTACK, ODISHA</t>
  </si>
  <si>
    <t>HDFC BANK LTD, MOHALLA-BISTAULI KHURD, POST-BELIPAR,  TEHSIL-BANSGAON, GORAKHPUR, UTTAR PRADESH</t>
  </si>
  <si>
    <t>DHAURRA PULIA, MAIN ROAD,  DHAURRA., DIST - ALIGARH, ALIGARH, UTTAR PRADESH</t>
  </si>
  <si>
    <t>Khasra No 385 Village Sarai Jargar , Mauja Khorhansa Tehsil Gonda , U.P</t>
  </si>
  <si>
    <t>HDFC BANK LTD, NEAR H P PETRO PUMP ,  BUS STAND, AJEETGARH DISTT. - SIKAR, AJEETGARH, RAJASTHAN</t>
  </si>
  <si>
    <t>HDFC BANK LTD, OPP HP PETROL PUMP, VARANASI, SHAKTINAGAR MARG, CHOPAN SONBHADRA, CHOPAN, UTTAR PRADESH</t>
  </si>
  <si>
    <t>HDFC BANK LTD, SHOP NO - 26,  GROUND FLOOR, JBR ARCADE,  SCIENCE CITY ROAD, AHMEDABAD, GUJARAT</t>
  </si>
  <si>
    <t>10-C,  1, PRATAP MARG, CHITRAKOOT, JAIPUR, RAJASTHAN</t>
  </si>
  <si>
    <t>HDFC BANK LTD, VILLAGE AND PO BINOLA, GURGAON, GURGAON, HARYANA</t>
  </si>
  <si>
    <t>C/O DHANRAJ AWARI, OPP KISAN KRISHI KENDRA, NEAR BUS STOP,  CHANDANKHEDA, CHANDRAPUR, MAHARASHTRA</t>
  </si>
  <si>
    <t>SOURI GRAM PANCHAYAT, PO - MAHASINGHPUR, VIA-BAHUGRAM,  DIST-CUTTACK, CUTTACK, ODISHA</t>
  </si>
  <si>
    <t>PLOT NO. 625, KASHMIRI GALLI, NEAR INDORA SQUARE, NAGPUR, MAHARASHTRA</t>
  </si>
  <si>
    <t>HDFC BANK LTD, CP-47,  ROAD NO. 1-D, VISHWAKARMA INDUSTRIAL AREA, JAIPUR, RAJASTHAN</t>
  </si>
  <si>
    <t>NO. 72/B,  PARAKKAI MAIN ROAD, NEAR ABDUL KADER HOSPITAL, ELANKADAI,  KOTTAR, NAGERCOIL, TAMIL NADU</t>
  </si>
  <si>
    <t>VILLAGE AND POST OFFICE  RATNARI, TEHSIL KOTKHAI, DISTT SHIMLA, RATNARI, HIMACHAL PRADESH</t>
  </si>
  <si>
    <t>MIG 18,  PHASE II, DHARMAREDDY COLONY,  HYDERNAGAR, KUKATPALLY, HYDERABAD, TELANGANA</t>
  </si>
  <si>
    <t>HDFC BANK LTD, FIRST FLOOR,  ISCON GALAXY, OPP AVSAR PARTY PLOT,  MODHERA ROAD, MEHSANA, GUJARAT</t>
  </si>
  <si>
    <t>SHOP NO. 1,  2,  3,  GROUND FLOOR, DEV ADITYA COMPLEX, THALTEJ SHILAJ ROAD,  THALTEJ, AHMEDABAD, GUJARAT</t>
  </si>
  <si>
    <t>NO.83,  7TH CROSS, BDA COMPLEX,  4TH B BLOCK, KORAMANGALA, BANGALORE, KARNATAKA</t>
  </si>
  <si>
    <t>HDFC BANK LTD, NO.8 NEELADRINAGAR ROAD, PHASE 1 ELECTRONIC CITY, BANGALORE, KARNATAKA</t>
  </si>
  <si>
    <t>NO. 2 AND 4 , N R COMPLEX, BESIDE AMRUTHA GRAND RESTAURANT, OFF SARJAPUR ROAD,  KASAVANAHALLI, BANGALORE, KARNATAKA</t>
  </si>
  <si>
    <t>GR FLR, 10, 11, 12, 15, 16,  ADJ TO, SAGAR HOTEL,  KALYAN SHIL ROAD, DAVDI NAKA,  MIDC DOMBIVLI EAST, DOMBIVLI, MAHARASHTRA</t>
  </si>
  <si>
    <t>HDFC BANK LTD., NEHRU COLONY, HARIDWAR ROAD,  DEHRADUN, DEHRADUN, UTTARAKHAND</t>
  </si>
  <si>
    <t>GR FLOOR,  GRAM PANCHAYAT BLDG, OPP. KALWAMWADI TEMPLE, A/P KALAMWADI,  TAL-WALVA, KALAMWADI, MAHARASHTRA</t>
  </si>
  <si>
    <t>MAHARAJGANJ ROAD, VILLAGE-SEMARA CHANDRAULI, CHAPPIA BAZAR,  TEH-DIST-MAHARAJGANJ, MAHARAJGANJ, UTTAR PRADESH</t>
  </si>
  <si>
    <t>HDFC BANK LTD, 236,  SAMDA,  MANJHANPUR, DIST-KAUSHAMBI, KAUSHAMBI, UTTAR PRADESH</t>
  </si>
  <si>
    <t>NO. SY NO. 115/1, KAPIL TOWERS,  IT PARK, GACHIBOWLI, HYDERABAD, TELANGANA</t>
  </si>
  <si>
    <t>TOWER-A,  SHOP 1A TO 1D, SENATE SQUARE, 30 METER GOTRI ROAD,  VADODARA, BARODA, GUJARAT</t>
  </si>
  <si>
    <t>NO. 74,  KEERTHI ARCADE, WHEELERS ROAD, COX TOWN, BANGALORE, KARNATAKA</t>
  </si>
  <si>
    <t>NO.2/232,  KOHINOOR COMPLEX, ECR,  NEELANGARI, VETUVANKANI, CHENNAI, TAMIL NADU</t>
  </si>
  <si>
    <t>VILL-DILMAN,  PO-KUJJI, TEHSIL -PACHHAD, DISTRICT -SIRMAUR, DILMAN, HIMACHAL PRADESH</t>
  </si>
  <si>
    <t>SANTIDAN BAZAR, LAIMANAI TOP CHINGTHA, YAIRIPOK., YAIRIPOK, MANIPUR</t>
  </si>
  <si>
    <t>HDFC BANK LTD, NEAR LAW COLLEGE,  TANKUA, AT/PO- JEYPORE,  DIST. - KORAPUT, JEYPORE, ODISHA</t>
  </si>
  <si>
    <t>NORBUTHANG COMPLEX, RAVANGLA, SOUTH SIKKIM, RAVANGLA, SIKKIM</t>
  </si>
  <si>
    <t>H. NO. 4-73-2D, GROUND AND FIRST FLOOR, SNEHA NAGAR COLONY,  STREET NO. 8, HABSIGUDA, TELANGANA</t>
  </si>
  <si>
    <t>HDFC BANK LTD, PLOT NO - E/11, KOEL NAGAR, ROURKELA, ODISHA</t>
  </si>
  <si>
    <t>HDFC BANK LTD, COMMERCIAL COMPLEX,  GRAM PANCHAYAT, INDIRA NAGAR,  CHIKHLI,  DIST DURG, DURG, CHHATTISGARH</t>
  </si>
  <si>
    <t>GROUND FLOOR,  SANT TULSI APARTMENT, BARIATU ROAD,  NEAR MEDICA HOSPITAL, BOOTY MORE,  RANCHI JHARKHAND, RANCHI, JHARKHAND</t>
  </si>
  <si>
    <t>GROUND FLOOR, P.O GADDI KHERI, BAHU JAMALPUR,  DIST ROHTAK, ROHTAK, HARYANA</t>
  </si>
  <si>
    <t>GRAM - RANIBAROD, TEHSIL - KISHANGANJ, DISTT - BARAN, BARAN, RAJASTHAN</t>
  </si>
  <si>
    <t>CP-6,  VIKRANT KHAND, GOMTI NAGAR, LUCKNOW, LUCKNOW, UTTAR PRADESH</t>
  </si>
  <si>
    <t>NAKA NO. 2,  KAMPTEE ROAD, OLD KHASALA GRAM-PANCHAYAT OFFICE, KHASALA VILLAGE,  POST UPPALWADI, NAGPUR, MAHARASHTRA</t>
  </si>
  <si>
    <t>PRESTIGE SHANTINIKETAN, WHITEFIELD P. O., BANGALORE, BANGALORE, KARNATAKA</t>
  </si>
  <si>
    <t>APARNA TOWER,  HOLY GATE, OPPOSITE VIKAS BAZAAR, MATHURA, MATHURA, UTTAR PRADESH</t>
  </si>
  <si>
    <t>VILLAGE INDACHHOI, TEHSIL TOHANA, DISTRICT FATEHABAD, INDACHHOI, HARYANA</t>
  </si>
  <si>
    <t>COMMUNITY HALL, GRAM PANCHAYAT KHARTULI, DIST-DHAMTARI, KHARTULI, CHHATTISGARH</t>
  </si>
  <si>
    <t>HDFC BANK LTD, DHAPEWADA,  TAH GONDIA, DIST GONDIA, GONDIA, MAHARASHTRA</t>
  </si>
  <si>
    <t>HDFC BANK LTD, GRAMPANCHAYAT COMPLEX KACHEWANI, TAH TIRORA,  DIST - GONDIA, GONDIA, MAHARASHTRA</t>
  </si>
  <si>
    <t>GRAM PANCHAYAT SHOP, NEAR GRAM PANCHAYAT,  RAJEGAON, TAH GONDIA,  DIST GONDIA, GONDIA, MAHARASHTRA</t>
  </si>
  <si>
    <t>HDFC BANK LTD, VILLAGE MANPUR,  PO-CHITBADAGAON, DIST-BALLIA, BALLIA, UTTAR PRADESH</t>
  </si>
  <si>
    <t>KAUSHTUB, 245,  SAI KRIPA COLONY, MAHALAXMI NAGAR,  MAIN ROAD, INDORE, MADHYA PRADESH</t>
  </si>
  <si>
    <t>HDFC BANK LTD, VILLAGE AND PO-DHANKOT, GURGAON, GURGAON, HARYANA</t>
  </si>
  <si>
    <t>HDFC BANK LTD, VILLAGE DHARAMPUR, DIST - GURGAON, GURGAON, HARYANA</t>
  </si>
  <si>
    <t>HDFC BANK LTD, VILLAGE CHOCHRA, TEHSIL-ASSANDH, DIST -  KARNAL, KARNAL, HARYANA</t>
  </si>
  <si>
    <t>NEAR GRAM PANCHAYAT, A/P KOREGAON,  TALUKA WALVA, DIST SANGLI, KOREGAON, MAHARASHTRA</t>
  </si>
  <si>
    <t>PLOT NO. 265J/1, GROUND AND FIRST FLOOR, ROAD NO. 10,  JUBILEE HILLS, HYDERABAD, TELANGANA</t>
  </si>
  <si>
    <t>PLOT NO D-9,  SAKET COLONY, GOVIND MARG,  NR PINK SQAURE MALL, ADARSH NAGAR, JAIPUR, RAJASTHAN</t>
  </si>
  <si>
    <t>SINDUR ETERNITY, NO. 14/60, MONTIETH ROAD,  EGMORE, CHENNAI, TAMIL NADU</t>
  </si>
  <si>
    <t>COMMUNITY HALL, GRAM PANCHAYAT SOLONI, DIST-DHAMTARI, SOLONI, CHHATTISGARH</t>
  </si>
  <si>
    <t>HDFC BANK LTD, VILLAGE AND PO KANWARSIKA, MEWAT, GURGAON, HARYANA</t>
  </si>
  <si>
    <t>HDFC BANK LTD, VILLAGE MAULI, DIST - PANCHKULA, MAULI, HARYANA</t>
  </si>
  <si>
    <t>BBMP KATHA NO.205, 205/1-17/2-3, SARAKKI KERE, 24TH MAIN,  J P NAGAR, BANGALORE, KARNATAKA</t>
  </si>
  <si>
    <t>NO.424,  80 FEET ROAD,  6TH BLOCK, OPP TO NATIONAL GAMES, VILLAGE KORAMANGALA, BANGALORE, KARNATAKA</t>
  </si>
  <si>
    <t>HOTEL SHANTI KAMAL, NAGAR- MANMAD HIGHWAY, SHIRDI,  RAHATA,  DIST-AMHEDNAGAR, SHIRDI, MAHARASHTRA</t>
  </si>
  <si>
    <t>PUNIT NAGAR COMMUNITY HALL, AT PUNIT NAGAR,  POST NIMETHA, TAL WAGHODIA, VADODARA, GUJARAT</t>
  </si>
  <si>
    <t>HDFC BANK LTD, TIRTH MANDIR ROAD, NR JAMNAGAR DIST. CO-OP BANK, SIDSAR, GUJARAT</t>
  </si>
  <si>
    <t>GROUND FLOOR,  K N TOWER, NEAR MUTHOOT FINCORP, STATION ROAD,  MAKRANA, MAKRANA, RAJASTHAN</t>
  </si>
  <si>
    <t>GROUND FLOOR, KHASRA NO. 850, MAIN BURARI ROAD, NEW DELHI, DELHI</t>
  </si>
  <si>
    <t>A.T ROAD HIJUGURI, NEAR GARGO MOTORS, L.G NAGAR,   BAHBARI GAON, TINSUKIA, ASSAM</t>
  </si>
  <si>
    <t>HDFC BANK LTD, SORUMONA PORIA GAON, LAHDOIGARH CHARIALI,  JORHAT, LAHDOIGARH, ASSAM</t>
  </si>
  <si>
    <t>HDFC BANK LTD, KH NO. 628/2,  VILLAGE NAWANAGAR, NEAR DARIMA,  TEHSIL-AMBIKAPUR, NAWANAGAR, CHHATTISGARH</t>
  </si>
  <si>
    <t>HDFC BANK LTD., SCO 42 ,  SECTOR 7, PANCHKULA,  HARYANA, PANCHKULA, HARYANA</t>
  </si>
  <si>
    <t>HDFC BANK LTD, MAIN BAZAR,  B/H RAM TEMPLE, JETPAR MACHHU,  DIST - RAJKOT, JETPAR, GUJARAT</t>
  </si>
  <si>
    <t>98/1,  REHAN AAZAD, KOLHAPUR RATNAGIRI ROAD, MALKAPUR, MALKAPUR, MAHARASHTRA</t>
  </si>
  <si>
    <t>HDFC Bank LTD,Plot Number CG-65, Raath Commercial Complex, Ghiloth, Tehsil- Neemrana, District- Alwar, Rajasthan</t>
  </si>
  <si>
    <t>HDFC BANK LTD, GRAMPANCHAYAT HALL,  KESORI, DIST-GONDIA, KESORI, MAHARASHTRA</t>
  </si>
  <si>
    <t>GROUND FLOOR,  GRAM PACHAYAT, LONKHAIRI (NANDA), AT.POST-LONKHAIRI,  TALUKA-KAMPTEE, NAGPUR, MAHARASHTRA</t>
  </si>
  <si>
    <t>VALLITHOTAM,  KARAMADAI ROAD, KEMMAANAICKAN PALAYAM, KARAGOUNDEN PALAYAM, COIMBATORE, TAMIL NADU</t>
  </si>
  <si>
    <t>PLOT NO. 7,  71/1A/2, INDRAYANI CORNOR G-BLOCK, TELCO ROAD MIDC,  BHOSARI, PUNE, MAHARASHTRA</t>
  </si>
  <si>
    <t>HDFC BANK LTD, VILLAGE - KHAIRAHNIYA BEERPUR, POST - IKAUNA, SHRAWASTI, UTTAR PRADESH</t>
  </si>
  <si>
    <t>HDFC BANK LTD, MOHALLA-PANDEYPUR, MAIN ROAD,  VILLAGE-PARA SARAY, GONDA, UTTAR PRADESH</t>
  </si>
  <si>
    <t>HDFC BANK LTD, KHUTEHNA TEHSIL, DIST- BAHRAICH, BAHRAICH, UTTAR PRADESH</t>
  </si>
  <si>
    <t>GROUND FLOOR,  SECTOR 6, KAIRALI APARTMENTS, SOUTH END OF PANAMPILLY NAGAR, KOCHI, KERALA</t>
  </si>
  <si>
    <t>HDFC BANK LTD, M.C.UNIT NO. O 771 - 776, DINOD GATE,  OPPS GODARA PETROL PUMP, BHIWANI, HARYANA</t>
  </si>
  <si>
    <t>HDFC BANK LTD, VILLAGE-NAISI,  TEHSIL-ISMAILABAD, DISTRICT-KURUKSHETRA, KURUKSHETRA, HARYANA</t>
  </si>
  <si>
    <t>HDFC BANK LTD, OPP SIDHRAWALI BUS STAND, NH - 8,  SIDHRAWALI, GURGAON, HARYANA</t>
  </si>
  <si>
    <t>RAMGARH ROAD, VIJAYPUR, SAMBA DIST, VIJAYPUR, JAMMU AND KASHMIR</t>
  </si>
  <si>
    <t>COMMUNITY HALL, NEAR GOVT. HIGHER SECONDARY SCHOOL, GRAM PANCHAYAT DONAR,  DIST-DHAMTARI, DONAR, CHHATTISGARH</t>
  </si>
  <si>
    <t>GROUND AND FIRST FLOOR, DDA COMMERCIAL COMPLEX, 13, 14&amp; 21 B2 SAFDARJUNG ENCLAVE, NEW DELHI, DELHI</t>
  </si>
  <si>
    <t>MAIN ROAD, DARUL ALOOM USMANI ZANURAIN, PARIGAM,   PULWAMA, PARIGAM, JAMMU AND KASHMIR</t>
  </si>
  <si>
    <t>25 MG ROAD, BRAHMA SAMAJ BHAWAN, OPPOSITE DISTRICT COURT,  SIYAGANJ, INDORE, MADHYA PRADESH</t>
  </si>
  <si>
    <t>GRASS LAND PART KHNO-401/23 AND, 401/23,  VILL- BHARNI,  RNM SAKRI, TEH-TAKHATPUR,  DIST-BILASPUR, BILASPUR, CHHATTISGARH</t>
  </si>
  <si>
    <t>COMMUNITY HALL, NEAR GRAM PANCHAYAT BHAVAN, GRAM PANCHAYAT,  DIST-SURGUJA, MENDRA KALA, CHHATTISGARH</t>
  </si>
  <si>
    <t>392,  FIRST FLOOR (ABOVE PARKING), MASIHA GANJ,  SIPRI BAZAR, SHIVPURI ROAD,  JHANSI, JHANSI, UTTAR PRADESH</t>
  </si>
  <si>
    <t>DESHWAL PANNA, OPP. ANIMAL HUSBANDRY HOSPITAL, MAIN KAHANI ROAD,  GHILOR KALAN, ROHTAK, HARYANA</t>
  </si>
  <si>
    <t>NO. 8-2-309/17/2 , GROUND FLOOR,  ROAD NO. 14, BANJARA HILLS, HYDERABAD, TELANGANA</t>
  </si>
  <si>
    <t>GRAM PANCHAYAT BUILDING BORI BUZURG, POST - BORI BUZURG, DHULKOT,  DISTRICT - BURHANPUR, BURHANPUR, MADHYA PRADESH</t>
  </si>
  <si>
    <t>HDFC BANK LTD, KESHAWANI BHAWAN, MAIN ROAD,  DIST JANGIR-CHAMPA, NAWAGARH, CHHATTISGARH</t>
  </si>
  <si>
    <t>SHOP NO. 1 AND 2 ,  OM COMPLEX, AMRAPUR,  VINCHHIYA ROAD, TALUKO : VINCHHIYA,  DIST : RAJKOT, AMRAPUR, GUJARAT</t>
  </si>
  <si>
    <t>HDFC BANK LTD, SHOP NO. F 10, 11, 12, DIYANA SKYWAY, OPP, GMERS, DHARPUR., DHARPUR, GUJARAT</t>
  </si>
  <si>
    <t>HDFC BANK LTD, VILLAGE BHAGWANPUR, DISTT- YAMUNANAGAR, YAMUNANAGAR, HARYANA</t>
  </si>
  <si>
    <t>HDFC BANK LTD, VILLAGE-SANGHAUR, DIST-KURUKSHETRA, KURUKSHETRA, HARYANA</t>
  </si>
  <si>
    <t>HDFC BANK LTD, AT/PO-INDUPUR ROAD, INDUPUR,  KENDRAPARA, INDUPUR, ODISHA</t>
  </si>
  <si>
    <t>HDFC BANK LTD, AT/PO-GOUDGOP,  PS-MAHANGA, DIST-CUTTACK, GOUDGOP, ODISHA</t>
  </si>
  <si>
    <t>VILLAGE TAKIPUR, MULLANPUR GARIBDASS, DIST - MOHALI, MOHALI, PUNJAB</t>
  </si>
  <si>
    <t>GROUND FLOOR, SHOP NO 16 TO 19 , MONEY ARCADE, CANAL ROAD, VESU, SURAT, GUJARAT</t>
  </si>
  <si>
    <t>HDFC BANK LTD, SCO-39, SECTOR-56, HUDA DISTRICT CENTRE, GURGAON, HARYANA</t>
  </si>
  <si>
    <t>GROUND FLOOR,  SHOP NO 2 AND 3,  MINT, CHITALSAR,  NEAR HIRANANDANI MEADOWS, MANPADA,  THANE, MUMBAI, MAHARASHTRA</t>
  </si>
  <si>
    <t>HDFC BANK LTD., F129,  RIICO INDUSTRIAL AREA, SITAPURA,  SANGANER,  JAIPUR, JAIPUR, RAJASTHAN</t>
  </si>
  <si>
    <t>HDFC BANK LTD, A-8,  HANUMAN NAGAR, A,  JAIPUR, JAIPUR, RAJASTHAN</t>
  </si>
  <si>
    <t>HDFC BANK LTD, VILLAGE KHEWRA, DISTRICT SONEPAT, SONEPAT, HARYANA</t>
  </si>
  <si>
    <t>SHOP NO 1,  PRATHAM HOTEL, NEAR KACHIGAM CHECKPOST, KACHIGAM,  DAMAN, KACHIGAM, DAMAN AND DIU</t>
  </si>
  <si>
    <t>GROUND FLOOR, BULBULE COMPLEX, BEHIND KADAM HOSPITAL, NANDED - LATUR ROAD,  AHMADPUR, AHMADPUR, MAHARASHTRA</t>
  </si>
  <si>
    <t>HDFC BANK LTD, SHOP NO. S1 AND S2,  GROUND FLOOR, S S PLAZA,  SECTOR 47, GURGAON, HARYANA</t>
  </si>
  <si>
    <t>HDFC BANK LTD, REWARI-JHAJJAR ROAD, VILLAGE KULANA, JHAJJAR, HARYANA</t>
  </si>
  <si>
    <t>HDFC BANK LTD, SCO 1,  HUDA SECTOR 14, MAIN MARKET,  SONEPAT, SONEPAT, HARYANA</t>
  </si>
  <si>
    <t>DIMENSIONS,  NO.7/19, PALACE CROSS ROAD, VASANTH NAGAR, BANGALORE, KARNATAKA</t>
  </si>
  <si>
    <t>No.05 , Service Road , Domlur Layout , Bangalore Karnataka</t>
  </si>
  <si>
    <t>NO 20,  VASUNAGAR, NEW NATHAM ROAD, NARAYANAPURAM,  IYER BUNGALOW, MADURAI, TAMIL NADU</t>
  </si>
  <si>
    <t>HDFC BANK LTD, 98, TOLLYGUNGE CIRCULAR ROAD, KOLKATA, WEST BENGAL</t>
  </si>
  <si>
    <t>VPO HARAYU TEH LEHRAGAGA, DISTT SANGRUR, HARYAU, HARYAU, PUNJAB</t>
  </si>
  <si>
    <t>C-15 HIG COLONY, LIG SQUARE,  RSS NAGAR, OPP. CHRISTIAN EMINENT SCHOOL, INDORE, MADHYA PRADESH</t>
  </si>
  <si>
    <t>HDFC BANK LTD., NEAR MAIN MARKET , VPO  CHAK DABWALA, FAZILKA, PUNJAB</t>
  </si>
  <si>
    <t>OPP TELE TOWER, VPO CHAK PAKHI, DISTT - FAZILKA, FAZILKA, PUNJAB</t>
  </si>
  <si>
    <t>NEAR BUS STAND, VPO GADDAN DOAB, DISTT - FAZILKA, FAZILKA, PUNJAB</t>
  </si>
  <si>
    <t>NEAR BUS STAND, VPO ROHERIAN WALI, DISTT. FAZILKA, FAZILKA, PUNJAB</t>
  </si>
  <si>
    <t>OPP CIVIL HOSPITAL, VPO WAHABWALA, DISTT. FAZILKA, FAZILKA, PUNJAB</t>
  </si>
  <si>
    <t>GROUND FLOOR,  GURU PLAZA, OPP GOVERNMENT TECHNICAL SCHOOL, BANASDAIRY ROAD., PALANPUR, GUJARAT</t>
  </si>
  <si>
    <t>HDFC BANK LTD, 264,  MUKTANAND NAGAR, MAHAVEER NAGAR, JAIPUR, RAJASTHAN</t>
  </si>
  <si>
    <t>HDFC BANK LTD., GROUND FLOOR,  J-9 , RBI ENCLAVE, PASCHIM VIHAR,  NEW DELHI, DELHI, DELHI</t>
  </si>
  <si>
    <t>HDFC BANK LTD, VILLAGE-DHURALA, DISTRICT-KURUKSHETRA, KURUKSHETRA, HARYANA</t>
  </si>
  <si>
    <t>HDFC BANK LTD, VILLAGE-GUDAH, TEHSIL-LADWA,  DIST-KURUKSHETRA, KURUKSHETRA, HARYANA</t>
  </si>
  <si>
    <t>UPPER GROUND FLOOR, S NO 83/84, SUGANDHTARA SQUARE, KATRAJ CHOWK, KATRAJ, PUNE, MAHARASHTRA</t>
  </si>
  <si>
    <t>HDFC BANK LTD, VILLAGE KISHANPURA, PO BISHANPURA,  DISTRICT JIND, KISHANPURA, HARYANA</t>
  </si>
  <si>
    <t>HDFC BANK LTD, VILLAGE RATANPURA, DISTT. YAMUNA NAGAR, YAMUNANAGAR, HARYANA</t>
  </si>
  <si>
    <t>HDFC BANK LTD, VILLAGE-UNTSAL,  TEHSIL-THANESAR, DISTICT-KURUKSHETRA, KURUKSHETRA, HARYANA</t>
  </si>
  <si>
    <t>HDFC BANK LTD, VILLAGE KAMASHPUR, DISTRICT SONEPAT, SONEPAT, HARYANA</t>
  </si>
  <si>
    <t>GROUND AND FIRST FLOOR, GOKULESH COMPLEX, NEAR BUS STAND,  SHAMALAJI, SHAMALAJI, GUJARAT</t>
  </si>
  <si>
    <t>HDFC BANK LTD, 11, 12 AND 14 GR FLOOR, BINALI COMPLEX,  NARANPURA, AHMEDABAD, GUJARAT</t>
  </si>
  <si>
    <t>HDFC BANK LTD, SHOP NO.7/8,  GR FLOOR, ZODIAC PLAZA, NR.ST XAVIERS COLLAGE,  NAVRANGPURA, AHMEDABAD, GUJARAT</t>
  </si>
  <si>
    <t>HDFC BANK LTD, SHOP NO. 1 B,  GROUND FLOOR, VIPUL SQUARE CENTER,  SUSHANT LOK-I, GURGAON, HARYANA</t>
  </si>
  <si>
    <t>RANGIBASAN,  VILL-RANGIBASAN, P.O. AND P.S.-MAHISADAL, PURBA MEDINPUR, RANGIBASAN, WEST BENGAL</t>
  </si>
  <si>
    <t>GR FLOOR,  GAYATRI RAW HOUSE SOC, GHALA BODHAN ROAD, NR TORRENT POWER,  DHORAN PARDI, SURAT, GUJARAT</t>
  </si>
  <si>
    <t>B G BELLAD COMPLEX, MN STATE, HIGH WAY, TQ: CHIKKODI, DIST : BELGAUM., KABBUR, KARNATAKA</t>
  </si>
  <si>
    <t xml:space="preserve">HDFC Bank Ltd.Kenpura Road , Rani </t>
  </si>
  <si>
    <t>KOTRA GRAM PANCHAYAT OFFICE, VILL- RAGHUBIRPUR,  PO- NIMDARIA, PS-BARASAT,  DIST-NORTH 24 PARAGANAS, KOTRA, WEST BENGAL</t>
  </si>
  <si>
    <t>HDFC BANK LTD, VILLAGE-MURTZAPUR, TEHSIL-PEHOWA,  DIST-KURUKSHETRA, KURUKSHETRA, HARYANA</t>
  </si>
  <si>
    <t>4/140,  SRIRAM GARDEN,  PAPAMPATTI, MAIN ROAD,  PEEDAMPALLI, COIMBATORE, COIMBATORE, TAMIL NADU</t>
  </si>
  <si>
    <t>HDFC BANK LTD, GROUND FLOOR, CASH COMPLEX,  PONDI, KAWARDHA, CHHATTISGARH</t>
  </si>
  <si>
    <t>1-18,  MAIN ROAD, NAGIREDDIPALLE,  BHONGIR, DIST - NALGONDA, NALGONDA, TELANGANA</t>
  </si>
  <si>
    <t>HDFC BANK LTD, Khasra No.659-1138, Chandausi Babrala Road,Bahjoi,Tehsil- Chandausi, Bahjoi, U.P</t>
  </si>
  <si>
    <t>Ground Floor, At- Jagannathapur,Bonth Chhak,Near SBI - Jagannathpur Branch,Bhadrak, Dist. Bhadrak, Odisha</t>
  </si>
  <si>
    <t>Plot No-107, Pocket No 27 Sector - 24 Rohini New Delhi</t>
  </si>
  <si>
    <t>B 06,  GROUND FLOOR, SOLITAIRE CORPORATE PARK, S G ROAD,  MAKARBA, AHMEDABAD, GUJARAT</t>
  </si>
  <si>
    <t>HDFC BANK LTD, TELI DARWAJA ROAD, PURANA BUS STAND,  SAMBHAR LAKE, SAMBHAR, RAJASTHAN</t>
  </si>
  <si>
    <t>NEW NO. 46/1, RAMANIYAM - THE EDEN, VELACHERY MAIN ROAD,  VELACHERY, CHENNAI, TAMIL NADU</t>
  </si>
  <si>
    <t>JABARA GRAM PANCHAYAT, AT P.O JABARA VIA JENAPUR, P.O KUAKHIA,  BLOCK- RASULPUR, JAJPUR, ODISHA</t>
  </si>
  <si>
    <t>HDFC BANK LTD,  BEWAR, BHARTANAWALI CHAKKI, TEHSIL-BHOGAON, DISTRICT: MAINPURI (UP), MAINPURI, UTTAR PRADESH</t>
  </si>
  <si>
    <t>HDFC BANK LTD, VILLAGE KATLAHERI,  TEH-KARNAL, DIST -  KARNAL, KARNAL, HARYANA</t>
  </si>
  <si>
    <t>GROUND FLOOR,  HOUSE NO.667/B, OPPOSITE EROS HYUNDAI OM CHEMBER, GHAT ROAD, NAGPUR, MAHARASHTRA</t>
  </si>
  <si>
    <t>VPC NO 581/2, OPP SIDDESHWARA TEMPLE, NEAR BUS STAND,  MOLE,  TALUK-ATHANI, BELGAUM, KARNATAKA</t>
  </si>
  <si>
    <t>WARD NO.13, GROUND FLOOR,  OPPST DHVPNL, HATHIN,  PALWAL., HATHIN, HARYANA</t>
  </si>
  <si>
    <t>HDFC BANK LTD. GROUND FLOOR ,  , WARD NO - 12,  KHASRA NO - 682/1 , MAIN ROAD SARAIPALI ATAL BAZAR, SARAIPALI, CHHATTISGARH</t>
  </si>
  <si>
    <t>GROUND &amp; BASEMENT,   1, BHATTE WALI,  KALWAR ROAD (KANTA), JHOTWARA,  JAIPUR,  RAJASTHAN, JAIPUR, RAJASTHAN</t>
  </si>
  <si>
    <t>HDFC BANK LTD, KHASRA NO 1201, VPO -TIGRANA,  DIST-BHIWANI, TIGRANA, HARYANA</t>
  </si>
  <si>
    <t>VILL. UKHALYA,  NEAR BDO OFFICE, AKCHA,  PO AND PS KUSHMANDI, DIST - SOUTH DINAJPUR, KUSHMANDI, WEST BENGAL</t>
  </si>
  <si>
    <t>HDFC BANK LTD, PLOT NO. 247, MAIN ROAD,  BARKATABAD, BAHADURGARH, HARYANA</t>
  </si>
  <si>
    <t>CTS NO - 3698, GROUND FLOOR, OLD PB ROAD, SANKESHWAR., TALUK - HUKKERI, SANKESHWAR, KARNATAKA</t>
  </si>
  <si>
    <t>NO 1/867A,  CC ROAD, VANNANKULAM, ARNI TALUK, ARNI, TAMIL NADU</t>
  </si>
  <si>
    <t>NO. 1259,  1ST FLOOR, ABOVE SKODA SHOWROOM, RD NO. 36,  JUBILEE HILLS, HYDERABAD, TELANGANA</t>
  </si>
  <si>
    <t>HDFC BANK LTD, AT-KURADIHA,  PO - SOLPATA, GP-KURADIHA,  DIST. - BALESHWAR, KURADIHA, ODISHA</t>
  </si>
  <si>
    <t>102/CS/5/4, 5 &amp; 6, KUMBHA MARG , PRATAP NAGAR,   JAIPUR, JAIPUR, RAJASTHAN</t>
  </si>
  <si>
    <t>14-OLD NO. 21, BTM LAYOUT 1ST STAGE, OPP INDIAN OIL PETROL BUNK, BANGALORE, KARNATAKA</t>
  </si>
  <si>
    <t>15/85,  SECTOR 15,  RING ROAD, NEAR MUNSHIPULIA CHAURAHA, INDIRANAGAR, LUCKNOW, UTTAR PRADESH</t>
  </si>
  <si>
    <t>122/729, ROYAL PALACE, SHASTRI NAGAR, KANPUR, UTTAR PRADESH</t>
  </si>
  <si>
    <t>GROUND FLOOR, BUILDING NEAR SBOP, MAIN ROAD, VPO PATHRALA, BATHINDA, BATHINDA, PUNJAB</t>
  </si>
  <si>
    <t>GROUND FLOOR,  CHAVIDIVARI STREET, RAILWAY  FEEDERS ROAD, KOVUR,  NELLORE DIST., KOVUR, ANDHRA PRADESH</t>
  </si>
  <si>
    <t>HDFC BANK LTD., TRAUMA CENTRE BHU VARANASI, VARANASI, VARANASI, UTTAR PRADESH</t>
  </si>
  <si>
    <t>POOJA HEIGHTS , PLOT NO.122/5, PURNA NAGAR, CHINCHWAD CHIKHALI, LANDMARK IS NEAR PCMC RTO, PUNE, MAHARASHTRA</t>
  </si>
  <si>
    <t>PLOT NO. 21,  1ST FLOOR, SURYA CLASSIC, JAYABHERI ENCLAVE, HYDERABAD, TELANGANA</t>
  </si>
  <si>
    <t>B-225,  NEW INDUSTRIAL ESTATE, UDHYOGNAGAR UDHNA, SURAT., SURAT, GUJARAT</t>
  </si>
  <si>
    <t>HDFC BANK LTD, 3-99/4, KOLAN VEERA REDDY COMPLEX, HYDERABAD, TELANGANA</t>
  </si>
  <si>
    <t>244/230,  NADAN MAHAL ROAD, NEAR VERMA STOP, YAHIAGANJ, LUCKNOW, UTTAR PRADESH</t>
  </si>
  <si>
    <t>HDFC BANK LTD, KIIT CAMPUS 5,  NEAR KIMS, ADMINISTRATIVE BLOCK, PATIA., BHUBANESWAR, ODISHA</t>
  </si>
  <si>
    <t>SHOP NO. 251/3,  MAIN ROAD, POST AND VILLAGE,  NEW RAIPUR, TEHSIL-ABHANPUR,  DIST-RAIPUR, RAIPUR, CHHATTISGARH</t>
  </si>
  <si>
    <t>HDFC BANK LTD, SHOP NO 1, 2, 3, 4, BALAJI HEIGHTS, PLAT NO 4, SEC-11, OPP JUINAGAR STATION, JUINAGAR, NAVI MUMBAI, MAHARASHTRA</t>
  </si>
  <si>
    <t>HDFC BANK LTD, C-29,  SINGLE STOREY, VIJAY NAGAR, NEW DELHI, DELHI</t>
  </si>
  <si>
    <t>OPP. GAYATRI RICE STORE, SRIKALAHASTI ROAD, TADAKANDRIGA,  DIST-NELLORE, TADA, ANDHRA PRADESH</t>
  </si>
  <si>
    <t>KAILASH MOTEL, HARHAR MAHADEV CHOWK, NH 31, BEGUSARAI, BIHAR</t>
  </si>
  <si>
    <t>SHIVAM COMPLEX POLICE LINE ROAD, OPP: SANDISH COMPOUND GATE, BHAGALPUR, BHAGALPUR, BIHAR</t>
  </si>
  <si>
    <t>VIP ROAD, BENTA CHOWK, LAHERIASARAI., DARBHANGA, BIHAR</t>
  </si>
  <si>
    <t>ACKRUTI SMC, NEAR MSRTC BUS DEPOT, POKHRAN ROAD NO.1, KHOPAT, THANE (W), THANE, THANE, MAHARASHTRA</t>
  </si>
  <si>
    <t>'SUMER KUNJ'' , SANAULI CHOWK, GULABBAGH,  PURNIA, PURNIA, BIHAR</t>
  </si>
  <si>
    <t>NEAR RPS MORE, BESIDE IBP PETROL PUMP, BAILY ROAD, PATNA, BIHAR., PATNA, BIHAR</t>
  </si>
  <si>
    <t>NO 120B,  EPIP INDUSTRIAL AREA, OPP INORBIT MALL, WHITEFIELD,  BANGALORE, BANGALORE, KARNATAKA</t>
  </si>
  <si>
    <t>1ST FLOOR BANK BUILDING APMC, RAJKOT MORVI HIGHWAY, BEDI TOWN,  RAJKOT, BEDI, GUJARAT</t>
  </si>
  <si>
    <t>SHOP NO: 26/27 GROUND FLOOR, HIMALAYA ARCADE, OPP VASTRAPUR LAKE., AHMEDABAD, GUJARAT</t>
  </si>
  <si>
    <t>HDFC BANK LTD, OPPOSITE GURDWARA, MAIN CHOWK AWANTIPORA, AWANTIPORA, JAMMU AND KASHMIR</t>
  </si>
  <si>
    <t>SHIV NADAR UNIVERSITY, VILLAGE CHITHARA,  TEHSIL DADRI, DISTRICT GAUTAM BUDH NAGAR, CHITHARA, UTTAR PRADESH</t>
  </si>
  <si>
    <t>21 ADARSH NAGAR, NARMADA ROAD, JABALPUR, JABALPUR, MADHYA PRADESH</t>
  </si>
  <si>
    <t>OPP TERI GRAM,  NEAR SHIV MANDIR, MAIN GURGAON-FARIDABAD EXPRESS WAY, VILLAGE BALOLA BALIYAWAS, GURGAON, HARYANA</t>
  </si>
  <si>
    <t>MAIN MARKET, NEAR GURUDAWARA SAHIB, VPO GOGOANI,  DISTT. FIROZPUR, GOGOANI, PUNJAB</t>
  </si>
  <si>
    <t>VILL. - GURNE KALAN, BHIKHI BUDHLADA ROAD, TEH. - BUDHLADA,  DISTT. MANSA, MANSA, PUNJAB</t>
  </si>
  <si>
    <t>HDFC BANK LTD, NEAR MAIN MARKET, JEONDAN,  DIST - BHATINDA, BHATINDA, PUNJAB</t>
  </si>
  <si>
    <t>HDFC BANK LTD,  NEAR MAIN HIGHWAY, ADJ.BUS STAND, VPO-THARAJ, DIST: MOGA, MOGA, PUNJAB</t>
  </si>
  <si>
    <t>HDFC BANK LTD, 8-2-293 / 82 / J111/ PLOT. NO. 428, FILM NAGAR,  JUBILEE HILLS, HYDERABAD, TELANGANA</t>
  </si>
  <si>
    <t>D. NO. 8-66/2, TANKASALAVARI STREET, ENIKEPADU,  VIJAYAWADA RURAL, VIJAYAWADA, ANDHRA PRADESH</t>
  </si>
  <si>
    <t>PREMSAGAR, 7/7B, NESBIT ROAD, MAZGAON, MUMBAI, MUMBAI, MAHARASHTRA</t>
  </si>
  <si>
    <t>HDFC BANK LTD, D 9, SOAMI NAGAR, NEW DELHI, DELHI</t>
  </si>
  <si>
    <t>UPPER GROUND FLOOR,  248, SANT NAGAR, EAST OF KAILASH, NEW DELHI, DELHI</t>
  </si>
  <si>
    <t>HDFC BANK LTD., B-1,  VIJAY PARK, SHIVAJI MARG, NAJAFGARH, NEW DELHI, DELHI</t>
  </si>
  <si>
    <t># 83/3,  NEXT TO WIPRO LIMITED, DELTA SIGNATURE,  DODDAKANAHALLI, SARJAPUR MAIN ROAD,  BANGALORE, BANGALORE, KARNATAKA</t>
  </si>
  <si>
    <t>NAGRAS TOWER,  BUILDING A, SHOP NO. 2,  S NO. 162-4A/5A, NAGRAS ROAD,  AUNDH, PUNE, MAHARASHTRA</t>
  </si>
  <si>
    <t>SAI CRYSTAL, GROUND FLOOR, UNIT NO 2, NEAR WATER EDGE SOCIETY, PUNE, PUNE, MAHARASHTRA</t>
  </si>
  <si>
    <t>NO.22 AND 23, PANDALKUDI ROAD, DISTRICT VIRUDHUNAGAR, ARUPPUKOTTAI, TAMIL NADU</t>
  </si>
  <si>
    <t>NO. 55,  RAJAJI STREET, OPP. TO L.K. TOWERS, TINDIVANAM, TINDIVANAM, TAMIL NADU</t>
  </si>
  <si>
    <t>DELHI-JAIPUR HIGHWAY ROAD, NEAR BAWAL INDUSTRIAL AREA, VILLAGE ASALWAS,  P.O-BAWAL, REWARI, HARYANA</t>
  </si>
  <si>
    <t>IMAMBADA CROSSING, RUDRAPUR, DEORIA, DEORIA, UTTAR PRADESH</t>
  </si>
  <si>
    <t>U-38/B, BAWA PALACE, SHAKARPUR, DELHI, NEW DELHI, DELHI</t>
  </si>
  <si>
    <t>1167,  1168 - B-6,  CIRCULAR ROAD, TIMBER MARKET, AMBALA CITY, AMBALA, HARYANA</t>
  </si>
  <si>
    <t>HDFC BANK LTD., RAMNAGAR, KARNAL, KARNAL, HARYANA</t>
  </si>
  <si>
    <t>WARD NO 10, BAKHEERA ROAD SAHJANWA, DISTT GORAKHPUR, SAHJANWA, UTTAR PRADESH</t>
  </si>
  <si>
    <t>HIG 88/1, OPP BPCL PETROL BUNK, MVP COLONY DOUBLE ROAD, VISAKHAPATNAM, ANDHRA PRADESH</t>
  </si>
  <si>
    <t>HDFC BANK LTD.HOUSE NO 4, EAST AVENUE ROAD, EAST PUNJABI BAGH, NEW DELHI, NEW DELHI, DELHI</t>
  </si>
  <si>
    <t>KHASRA NO. 75,  NARAINGARH CHOWK, BALDEV NAGAR,  AMBALA CITY, DISTT : AMBALA, HARYANA, AMBALA CITY, HARYANA</t>
  </si>
  <si>
    <t>SHOP NO.27,  28 &amp; 42,  STAR TOWER, NEAR STAR MALL, NH-8,  SECTOR 30, GURGAON, HARYANA</t>
  </si>
  <si>
    <t>H.NO.1,  MIG-1,  15-24-1, NYR CHAMBERS,  GROUND 7 1ST FLOOR, KPHB COLONY,  MAIN ROAD,  KUKATPALLY, HYDERABAD, TELANGANA</t>
  </si>
  <si>
    <t>MAIN CHOWK,  NEAR J&amp;K BANK , PATTAN, BARAMULLA , PATTAN, JAMMU AND KASHMIR</t>
  </si>
  <si>
    <t>GROUND FLOOR,  PRATIK GEMS, EMERALD BULIDING,  PLOT 10/11, SECTOR - 35,  KAMOTHE,  NAVI MUMBAI, NAVI MUMBAI, MAHARASHTRA</t>
  </si>
  <si>
    <t>PLOT NO 79,  EXPRESS TRADE TOWER, SECTOR34, HERO HONDA CHOWK, NH-8, GURGAON, GURGAON, HARYANA</t>
  </si>
  <si>
    <t>HDFC BANK LTD, UNIT NO. 6,  GROUND FLOOR, CORPORATE SEWA PARK,  MG ROAD, GURGAON, HARYANA</t>
  </si>
  <si>
    <t>HDFC BANK,  'RAJ DRIVA', #119,  1ST MAIN ROAD, DR.RAJKUMAR ROAD,  RAJAJINAGAR, BANGALORE, KARNATAKA</t>
  </si>
  <si>
    <t xml:space="preserve">Ground Floor, Dr.no. 6-1-25/1/2, Red Bridge Road, Janaki Peta Area, Amalapuram Municipality, Amalapuram, Dist. East Godavari, Andhra Pradesh </t>
  </si>
  <si>
    <t>Ground Floor, Opp. Electrical Office, NH-16, Main Road, JR Puram (Village), Ranastalam(Mandal), Dist. Srikakulam, Andhra Pradesh</t>
  </si>
  <si>
    <t>Ground Floor, RS #184/2, Jagannadhapuram, Ganapavaram, Eluru District, Andhra Pradesh</t>
  </si>
  <si>
    <t>BUILDING NO. 37/1062 -A, SUBASH CHANDRA BOSE ROAD, JAWAHAR NAGAR,  ERNAKULAM., KOCHI, KERALA</t>
  </si>
  <si>
    <t>BUILDING NO. 76/13,  GURUDWARA ROAD, NEAR NAKA THANA, NAKA HINDOLA, LUCKNOW, UTTAR PRADESH</t>
  </si>
  <si>
    <t>SHOP NO 3,  4 AND 5, SREEJI COMPLEX, BEDFORD CIRCLE, COONOOR, TAMIL NADU</t>
  </si>
  <si>
    <t>BARAHPATHAR, OPP.SHIV TEMPLE, BISALPUR, DISTT.PILIBHIT, BISALPUR, UTTAR PRADESH</t>
  </si>
  <si>
    <t>HDFC BANK LTD., NAWABGANJ CHOWK, NAWABGANJ, NAWABGANJ, UTTAR PRADESH</t>
  </si>
  <si>
    <t>D NO: 18/360,  GROUND FLOOR, DC ROAD, NEAR MACHUPALLI BUS STAND, CUDDAPAH ,  ANDHRA PRADESH, CUDDAPAH, ANDHRA PRADESH</t>
  </si>
  <si>
    <t>D.NO. 8-1129, MB COMPLEX, NH 5, RAVULAPALEM, ANDHRA PRADESH</t>
  </si>
  <si>
    <t>DOOR NO: 50-96-5,   PLOT NO - 175, SEETHAMMADHARA, VISAKHAPATNAM, VISAKHAPATNAM, ANDHRA PRADESH</t>
  </si>
  <si>
    <t>SIDDI VIEW, DERLAKATTE, NEAR FATHER MULLER MEDICAL COLLEGE, MANGALORE, KARNATAKA</t>
  </si>
  <si>
    <t>PLOT NO E/3, GR. FLOOR, CHANDAKA INDS., ESTATE, PATIA, BHUBANESWAR, ODISHA</t>
  </si>
  <si>
    <t>1199A,  PURBACHAL MAIN ROAD, KOLKATA, KOLKATA, KOLKATA, WEST BENGAL</t>
  </si>
  <si>
    <t>SHUBHA KRISHNA ENCLAVE, OPP, IOC PETROL BUNK, VIJAYAWADA ROAD, BAPULAPADU, HANUMAN JUNCTION, ANDHRA PRADESH</t>
  </si>
  <si>
    <t>HDFC BANK LTD , JHARLI ROAD MATANHAIL, DISTRICT JHAJJAR, JHAJJAR, HARYANA</t>
  </si>
  <si>
    <t>PMH COMPLEX, GROUND FLOOR, CALICUT ROAD, CHEMMAD, KERALA</t>
  </si>
  <si>
    <t>CORNISH ARCADE, MAIN ROAD, WADAKKANCHERRY, WADAKKANCHERRY, KERALA</t>
  </si>
  <si>
    <t>193,  B INDRANAGAR, HOTEL PRAKASH INN, MANDIDEEP,  DISTT - RAISEN, MANDIDEEP, MADHYA PRADESH</t>
  </si>
  <si>
    <t>MILKIPUR,  NEAR SBI,  INAYATNAGAR, MILKIPUR, FAIZABAD UP, MILKIPUR FAIZABAD, UTTAR PRADESH</t>
  </si>
  <si>
    <t>OPP.SBI,  RAMNAGAR, BARABANKI, UTTAR PRADESH, RAMNAGAR, UTTAR PRADESH</t>
  </si>
  <si>
    <t>WARD NO - 9, MOHALLA- GANJ, TOWN -RANIPUR, PARGANA &amp; TEHSIL- MAURANIPUR, RANIPUR, UTTAR PRADESH</t>
  </si>
  <si>
    <t>GARPARA ( B ED COLLEGE ROAD), P.O. - GOBORDANGA,  P.S. - HABRA, NORTH 24 PARGANAS, GOBARDANGA, WEST BENGAL</t>
  </si>
  <si>
    <t>PLOT NO-59,  RIDDHI SIDDHI HEIGHTS, SECTOR-19,  NEAR EURO SCHOOL, AIROLI, NAVI MUMBAI, NAVI MUMBAI, MAHARASHTRA</t>
  </si>
  <si>
    <t>HDFC BANK LIMITED, 6164/13,  MAIN BARA HINDU RAO, AZAD MARKET,  DELHI, NEW DELHI, DELHI</t>
  </si>
  <si>
    <t>C-72, SHIVALIK, NEW DELHI, NEW DELHI, DELHI</t>
  </si>
  <si>
    <t>HDFC BANK LTD., 2/69 RAMESH NAGAR, DELHI, NEW DELHI, DELHI</t>
  </si>
  <si>
    <t>HDFC BANK LTD SCF 24, SECTOR 15 PANCHKULA, HARYANA, PANCHKULA, HARYANA</t>
  </si>
  <si>
    <t>HDFC BANK LTD, SCF 47,  SECTOR 4, PANCHKULA, PANCHKULA, HARYANA</t>
  </si>
  <si>
    <t>7,  THUBARAHALLI, VARTHUR ROAD, WHITEFIELD P. O., BANGALORE, KARNATAKA</t>
  </si>
  <si>
    <t>NO 49,  UTTARAHALLI MAIN ROAD, OPP TO CAFE COFFEE DAY, BANGALORE, BANGALORE, KARNATAKA</t>
  </si>
  <si>
    <t>GROUND FLOOR,  VYANKATESH SADAN, NEAR NAMAKGANJ POLICE STATION, ITWARI, NAGPUR, MAHARASHTRA</t>
  </si>
  <si>
    <t>ROOM NO 26/54, A-E , CITY BAZAR , KANNUR ROAD, KOYILANDY, KOYILANDY, KERALA</t>
  </si>
  <si>
    <t>196,  LF ROAD, KAMBAM, KAMBAM, KAMBAM, TAMIL NADU</t>
  </si>
  <si>
    <t>145,  MUSLIM BAZZAR, KEELAKARAI, RAMANATHAPURAM DIST, KEELAKARAI, TAMIL NADU</t>
  </si>
  <si>
    <t>G. S. OORALI COMPLEX, BYE PASS ROAD, PALLIPALAYAM, PALLIPALAYAM, TAMIL NADU</t>
  </si>
  <si>
    <t>NO 1302, P J N ROAD, VANIYAMBADI, VELLORE, TAMIL NADU</t>
  </si>
  <si>
    <t>OPPOSITE GANDHI PARK POLICE STATION, G.T ROAD, DHANIPUR ALIGARH (UP), ALIGARH, UTTAR PRADESH</t>
  </si>
  <si>
    <t>MADHURAJ BUILDING,  ADJACENT PNB, MAIN ROAD, MOH-BAUDDH NAGAR, TIRWA KHAS, PARGANA&amp;TEHSIL TIRWAGANJ, TIRWAGANJ, UTTAR PRADESH</t>
  </si>
  <si>
    <t>HDFC BANK LTD, PLOT B, NORTH AVENUE PLAZA ANJAD ROAD, BARWANI, MADHYA PRADESH</t>
  </si>
  <si>
    <t>KHASRA NO.16 KA, PRINCE ENTERPRISES, VILLAGE-BHITARIA MAJARA BANI KODAR, PARGANA SURYA PUR, RAMSNEHI GHAT, UTTAR PRADESH</t>
  </si>
  <si>
    <t>NEAR CENTRAL BANK MAIN ROAD, ANAND NAGAR, MAHRAJGANJ, ANAND NAGAR, UTTAR PRADESH</t>
  </si>
  <si>
    <t>HDFC BANK LTD, 266 NARAINPUR,  KHUTAR, DIST - SHAHJAHANPUR, KHUTAR, UTTAR PRADESH</t>
  </si>
  <si>
    <t>UPPER BASEMENT FLOOR, EMCEE TOWERS, PAZHAVANGADI,  MAMUKKU, RANNI, KERALA</t>
  </si>
  <si>
    <t>D.NO.17-145, SRI GANAPATHI COMPLEX, 1ST FLOOR, MAIN ROAD,  SATHUPALLE, SATHUPALLE, TELANGANA</t>
  </si>
  <si>
    <t>H. NO. 13,  WARD NO. 11, LALGANJ WEST, AZAMGARH (UP), AZAMGARH, UTTAR PRADESH</t>
  </si>
  <si>
    <t>HDFC BANK LTD., RANGAGORA ROAD, NEAR HANUMAN MANDIR., TINSUKIA, ASSAM</t>
  </si>
  <si>
    <t>HDFC BANK LTD, SHOP NO.G-01 AND F-01, OCUS QUANTUM,  SECTOR-51, GURGAON, HARYANA</t>
  </si>
  <si>
    <t>755, SHREE KRISHNA TEMPLE ROAD, CMH ROAD, BANGALORE, BANGALORE, KARNATAKA</t>
  </si>
  <si>
    <t>RAJ DRIVA,  3RD CROSS, 8TH MAIN ROAD, COFFEE BOARD LAYOUT, KEMPAPURA, BANGALORE, KARNATAKA</t>
  </si>
  <si>
    <t>NO. 84,  4TH CROSS, PANDURANGA NAGARA, BANNERGHATTA ROAD, BANGALORE, KARNATAKA</t>
  </si>
  <si>
    <t>A1 -05 AND A1 -06,  SECTOR 2A, BIDHANNAGAR, DURGAPUR,  WEST BENGAL, BURDWAN, WEST BENGAL</t>
  </si>
  <si>
    <t>SHOP 26/27/28/29, GROUND FLOOR,  BALAJI COMPLEX, SATLASANA., VISNAGAR, GUJARAT</t>
  </si>
  <si>
    <t>HDFC BANK LTD., YESSARGE BUILDING, HOSPITAL ROAD,  MAHE, MAHE, PONDICHERRY</t>
  </si>
  <si>
    <t>61,  PERIYANDAVAR ROAD, BODINAYAKANUR, DISTRICT - THENI, BODINAYAKKANNUR, TAMIL NADU</t>
  </si>
  <si>
    <t>MANCOTTA ROAD, CHOWKIDINGHEE, DIBRUGARH,  ASSAM, DIBRUGARH, ASSAM</t>
  </si>
  <si>
    <t>CHOPRA COMPLEX, 106 SAKUNTALA ROAD AGARTALA, TRIPURA, AGARTALA, TRIPURA</t>
  </si>
  <si>
    <t>GROUND FLOOR, VISION TOWER, MARKET ROAD, KOZHENCHERRY, KERALA</t>
  </si>
  <si>
    <t>HDFC BANK LTD., WARD NO.11, SIRATHU SAINI ROAD, SIRATHU, UTTAR PRADESH</t>
  </si>
  <si>
    <t>HDFC BANK LTD, GULMOHAR GREENS GOLF CLUB, VILLAGE - KOLAT., AHMEDABAD, GUJARAT</t>
  </si>
  <si>
    <t>VETTAKULAM ARCADE, NEAR MAR IVANIOS COLLEGE , P.O.,  TRIVANDRUM, TRIVANDRUM, KERALA</t>
  </si>
  <si>
    <t>1-52/192,  BHUKYA LAXMI COMPLEX, B/H HERITAGE FRESH, BOTANICAL GARDEN ROAD,  KONDAPUR, HYDERABAD, TELANGANA</t>
  </si>
  <si>
    <t>HDFC BANK LTD, G 9-11,  SATYAM 1, AMBA BUSINESS PARK, ADALAJ, GUJARAT</t>
  </si>
  <si>
    <t>DEVI LAL CHOWK,  NEAR BUS STAND, OPP. PNB,  LOHARU, DISTRICT BHIWANI,  HARYANA, LOHARU, HARYANA</t>
  </si>
  <si>
    <t>GOLEI CHHAK,  MAIN ROAD., MAYURBHANJ DIST.,  RAIRANGPUR, ODISHA, RAIRANGPUR, ODISHA</t>
  </si>
  <si>
    <t>HDFC BANK LTD MAIN ROAD, RAMABAI NAGAR OPPOSITE SBI., PUKHRAYA, PUKHRAYA, UTTAR PRADESH</t>
  </si>
  <si>
    <t>KHASARA NO.691 &amp; 692, MISHRA SERVICE CENTER,  BELA ROAD, NADI TIRAHA,  BIDHUNA, BIDHUNA, UTTAR PRADESH</t>
  </si>
  <si>
    <t>HDFC BANK LTD., IN FRONT OF POST OFFICE, BESIDE SBI, JASRA, UTTAR PRADESH</t>
  </si>
  <si>
    <t>TITU COMPLEX,  BYPASS ROAD, TULSIPUR,  BALRAMPUR, UTTAR PRADESH, TULSIPUR, UTTAR PRADESH</t>
  </si>
  <si>
    <t>RAHUL COMPLEX, CLUB ROAD MITHANPURA, MUZAFFRPUR,  BIHAR, MUZAFFARPUR, BIHAR</t>
  </si>
  <si>
    <t>HDFC BANK LTD, 38,  CHETLA CENTRAL ROAD, KOLKATA, KOLKATA, WEST BENGAL</t>
  </si>
  <si>
    <t>245,  GUJRAWALA TOWN, PART3,  MAIN ROAD, DERAWAL NAGAR, NEW DELHI, DELHI</t>
  </si>
  <si>
    <t>MFAR GREEN HEART,  PHASE IV, MFAR-MANYATA TECH PARK, HEBBAL OUTER RING ROAD, BANGALORE, KARNATAKA</t>
  </si>
  <si>
    <t>KALATHUR COMPLEX,  NO 23/2, NEW NO.4, KALATHUR LAYOUT, NEAR GANGAMMA CIRCLE,  JALAHALLI, BANGALORE, KARNATAKA</t>
  </si>
  <si>
    <t>GROUND FLOOR, BLUE DIAMOND BUILDING, BYE PASS JUNCTION, KOZHIKODE, KERALA</t>
  </si>
  <si>
    <t>PLOT NO.131&amp;132,  FIRST FLOOR, KPHB COLONY 6TH PHASE, KUKATPALLY,  HYDERABAD, HYDERABAD, TELANGANA</t>
  </si>
  <si>
    <t>ADJACENT ALLAHABAD BANK, KAISERGANJ, BEHRAICH, KAISERGANJ, UTTAR PRADESH</t>
  </si>
  <si>
    <t>NH-31,  MAIN ROAD BAKHTIARPUR, NEAR STATE BANK OF INDIA, BAKHTIARPUR, BAKHTIARPUR, BIHAR</t>
  </si>
  <si>
    <t>MAIN ROAD,  WARD NO. 5, OPP. SBOP,  BAWANI KHERA, DISTRICT BHIWANI, BAWANI KHERA, HARYANA</t>
  </si>
  <si>
    <t>SITE-97,  KATHA NO. -211 , VINAYA KA NAGAR DEFENCE COLONY , BAGALUR ROAD ,  WARD NO. 05 , BANGALORE, KARNATAKA</t>
  </si>
  <si>
    <t>GROUND FLOOR, DEVA TRADERS BUILDING, PUNALUR POST,  KOLLAM, PUNALUR, KERALA</t>
  </si>
  <si>
    <t>NO, 1-26,  ITTANMOUZHI ROAD, OPP KAMRAJ STATUE, THISAYANVILAI, TIRUNELVELI, TAMIL NADU</t>
  </si>
  <si>
    <t>J.R.INDUSTRIES, POST OFFICE - BELTHARA ROAD, DISTRICT - BALLIA, BALLIA, UTTAR PRADESH</t>
  </si>
  <si>
    <t>KAUSHAL MACHINERY, STORE &amp; BATTERY SERVICE, BAWAN ROAD,  KUMARGANJ, PITHLA KUMARGANJ, UTTAR PRADESH</t>
  </si>
  <si>
    <t>NUAPADA CHHAK,  NUAPADA, CUTTACK, ODISHA, CUTTACK, ODISHA</t>
  </si>
  <si>
    <t># 8-291-40,  SY.NO.15,  MAIN ROAD, NEAR RTC BUS STAND, BANAGANAPALLE, BANAGANAPALLE, ANDHRA PRADESH</t>
  </si>
  <si>
    <t>HDFC BANK LTD,  BHIWANI ROAD, NEW BUS STAND, KALANAUR, KALANAUR, HARYANA</t>
  </si>
  <si>
    <t>HDFC BANK LTD, JIND ROAD, NARNAUND, NARNAUND, HARYANA</t>
  </si>
  <si>
    <t>AT/PO - KUJANG, DIST JAGATSINGHPUR, KUJANG, KUJANG, ODISHA</t>
  </si>
  <si>
    <t>MOHALLA BHAGAT SINGH, STATION ROAD, MANKAPUR GONDA, MANKAPUR, UTTAR PRADESH</t>
  </si>
  <si>
    <t>STATION ROAD,  RUPAIDIHA, BEHRAICH, UTTAR PRADESH, KEWALPUR, UTTAR PRADESH</t>
  </si>
  <si>
    <t>NO.343,  9TH MAIN, 22ND CROSS,  7TH SECTOR, HSR LAYOUT,  BANGALORE,  KARNATAKA, BANGALORE, KARNATAKA</t>
  </si>
  <si>
    <t>NAVYA EMPIRE,  GROUND FLOOR, H.NO 40-41/1/1, MOULALI MAIN ROAD, HYDERABAD, TELANGANA</t>
  </si>
  <si>
    <t>NO-2-30-44, GROUND FLOOR, STAFF ROAD, WAHAB NAGAR,  SIKH VILLAGE, DIAMOND POINT JUNCTION, SECUNDERABAD, TELANGANA</t>
  </si>
  <si>
    <t>HDFC BANK LTD,  RAMGEET NIWAS, NEHRU ROAD, OPP TO SHREERAM MEDICAL,  NAWAPUR., NAWAPUR, MAHARASHTRA</t>
  </si>
  <si>
    <t>HDFC BANK LTD, KARNAL ROAD, NEAR BUS STAND,  BALLA, KARNAL, HARYANA</t>
  </si>
  <si>
    <t>OPPOSITE TO STATE BANK LTD, MAIN ROAD, AKKALKUWA., AKKALKUWA, MAHARASHTRA</t>
  </si>
  <si>
    <t>HDFC BANK LTD, 471/3 COLONELGANJ, GONDA, COLONELGANJ, UTTAR PRADESH</t>
  </si>
  <si>
    <t>HDFC BANK LTD, 129,  1ST MAIN ROAD, DOMLUR 2ND STAGE, BANGALORE, KARNATAKA</t>
  </si>
  <si>
    <t>NO. C2,  1ST SEAWARD ROAD, VALMIKI NAGAR, THIRUVANMIYUR, CHENNAI, TAMIL NADU</t>
  </si>
  <si>
    <t>HDFC BANK LTD., EJ TOWER, GROUND FLOOR, KANNUR ROAD, KOOTHUPARAMBA, KOOTHUPARAMBA, KERALA</t>
  </si>
  <si>
    <t>NO.280,  VITTILAPURAM ROAD, PUDUPATTINAM, KALPAKKAM, KALPAKKAM, TAMIL NADU</t>
  </si>
  <si>
    <t>HDFC BANK LTD, BEGAMGANJ PURWA, CHAMYANI ROAD,  DIST-UNNAO, PURWA, UTTAR PRADESH</t>
  </si>
  <si>
    <t>DOOR NO. 45-40-42, AKKAYYAPALEM MAIN ROAD, DISTRICT - VISAKHAPATNAM, VISAKHAPATNAM, ANDHRA PRADESH</t>
  </si>
  <si>
    <t>HDFC BANK LTD., KHASRA NO 100101 , MAIN NARELA ROAD., NEW DELHI, DELHI</t>
  </si>
  <si>
    <t>HDFC BANK LTD., 40,  COMMUNITY CENTRE, ZAMROODPUR, NEW DELHI, DELHI</t>
  </si>
  <si>
    <t>PLOT NO-7, 1ST FLOOR, SECTOR-8, R K PURAM, NEW DELHI, NEW DELHI, DELHI</t>
  </si>
  <si>
    <t>WZ-G-1/161,  GROUND FLOOR, UTTAM NAGAR, NEW DELHI, NEW DELHI, DELHI</t>
  </si>
  <si>
    <t>PLOT NO.8 , KASTURI COLONY, SAGAR ROAD,  HASTINAPURAM, HYDERABAD, HYDERABAD, TELANGANA</t>
  </si>
  <si>
    <t>NO. 264 - A-3,  DOOR NO. 11, MAIN ROAD,  KRISHNAPURAM, KADAYANALLUR, KADAYANALLUR, TAMIL NADU</t>
  </si>
  <si>
    <t>HDFC BANK LTD., A -267, DEFENCE COLONY, NEW DELHI, DELHI</t>
  </si>
  <si>
    <t>HDFC BANK LTD., 2236-IT NEW RANJEET NAGAR, SHADI KHAMPUR, NEW DELHI, DELHI</t>
  </si>
  <si>
    <t>SHOP NO: 25/26 , SOBO CENTRE,  SOUNT BOPAL, NEAR S.P RING ROAD,  BOPAL., AHMEDABAD, GUJARAT</t>
  </si>
  <si>
    <t>HDFC BANK LTD, SHOP NO-5 , MAIN CHOWK, CHOTTA SHIMLA, CHOTTA SHIMLA, HIMACHAL PRADESH</t>
  </si>
  <si>
    <t>NO. 363,  HULIMAVU, BANNERGHATTA MAIN ROAD, NEAR  MEENAKSHI MALL, BANGALORE, KARNATAKA</t>
  </si>
  <si>
    <t>NO. 1066,  AECS LAYOUT, A BLOCK,  SINGASANDRA, HOSUR MAIN ROAD,  BANGALORE, BANGALORE, KARNATAKA</t>
  </si>
  <si>
    <t>GF BUILDING NO-998, BENISAGAR WARD NO. 13, KH. NO. 2446,  IN FRONT BDI COLLAGE, PANNA, MADHYA PRADESH</t>
  </si>
  <si>
    <t>131,  PARK STREET, KOLKATA, KOLKATA, KOLKATA, WEST BENGAL</t>
  </si>
  <si>
    <t>HDFC BANK LTD., HANUMAN GARHI CAMPUS, ZERO MILE,  SHEOHAR, SHEOHAR, BIHAR</t>
  </si>
  <si>
    <t>HDFC BANK LTD., DEOLA,  NASHIK DISTRICT, MAHARASHTRA., DEOLA, MAHARASHTRA</t>
  </si>
  <si>
    <t>GROUND FLOOR,  NO 2, DENKANIKOTTA ROAD ,  OPPOSITE, RAILWAY STATION -HOSUR, HOSUR, TAMIL NADU</t>
  </si>
  <si>
    <t>73-13-3/1, SRINIVAS NAGAR, AVA RAOD, RAJAHMUNDRY, ANDHRA PRADESH</t>
  </si>
  <si>
    <t>DOOR NO 5-9-211/1,  J D ARCADE, CHIRAG ALI LANE, BESIDES RELIANCE FRESH, ABIDS, HYDERABAD, TELANGANA</t>
  </si>
  <si>
    <t>HDFC BANK LTD., OLD BUS STAND,  ATELI MANDI, NARNAUL ROAD,  DISTT. MAHENDERGARH, MAHENDERGARH, HARYANA</t>
  </si>
  <si>
    <t>HDFC BANK LTD., CHANDWAD,  NASHIK DISTRICT, MAHARASHTRA., CHANDWAD, MAHARASHTRA</t>
  </si>
  <si>
    <t>HDFC BANK LTD., LASALGAON,  NASHIK DISTRICT, MAHARASHTRA., LASALGAON, MAHARASHTRA</t>
  </si>
  <si>
    <t>HDFC BANK LTD, HO NO 18 WARD NO 5, AZAD CHAUK KAPTANGANJ, KAPTANGANJ, UTTAR PRADESH</t>
  </si>
  <si>
    <t>10 N DAUD NAGAR , MIRZAPUR ROAD,  NAINI, ALLAHABAD, ALLAHABAD, UTTAR PRADESH</t>
  </si>
  <si>
    <t>HDFC BANK LTD, SCO - 57,   SECTOR - 31, FARIDABAD, FARIDABAD, HARYANA</t>
  </si>
  <si>
    <t>3989&amp;3988, HOOSAKEREHALLI MAIN ROAD, 4TH PHASE GIRINAGAR, BENGALURU, KARNATAKA</t>
  </si>
  <si>
    <t>117/1,  ATHIPALAYAM PIRIVU, SATHY MAIN ROAD, GANAPATHY, COIMBATORE, TAMIL NADU</t>
  </si>
  <si>
    <t>HDFC BANK LTD, F4 TRANS YAMUNA COLONY, PHASE -2 AGRA -UTTAR PRADESH, AGRA, UTTAR PRADESH</t>
  </si>
  <si>
    <t>WARD NO. 9,  OPP TEHSIL OFFICE, JAITHARI ROAD, ANUPPUR, ANUPPUR, MADHYA PRADESH</t>
  </si>
  <si>
    <t>HDFC BANK LTD., STATION ROAD , UMARIA, UMARIA, MADHYA PRADESH</t>
  </si>
  <si>
    <t>WARD NO. 25, OPPOSITE OLD DEPUTY OFFICE, PILANI ROAD,  CHIRAWA, CHIRAWA, RAJASTHAN</t>
  </si>
  <si>
    <t>HDFC BANK LTD, PLOT NO. 64, HOSPITAL ROAD, SRI VIJAYNAGAR, RAJASTHAN</t>
  </si>
  <si>
    <t>G-1,  7 &amp; 9,  STAR CITY MALL, MAYUR VIHAR DISTRICT CENTER, MAYUR VIHAR PHASE 1., NEW DELHI, DELHI</t>
  </si>
  <si>
    <t>HDFC BANK,  KRISHNA PLAZA,  NO.455, 9TH CROSS,  2ND PHASE J P NAGAR, BANGALORE, BANGALORE, KARNATAKA</t>
  </si>
  <si>
    <t>GRAND ROAD, OPP TOWN POLICE STATION, PURI, PURI, ODISHA</t>
  </si>
  <si>
    <t>VUE GRANDE,  GROUND FLOOR, N0 - 339,  CHINASWAMY ROAD, SIDDHAPUDUR,  COIMBATORE, COIMBATORE, TAMIL NADU</t>
  </si>
  <si>
    <t>HDFC BANK LTD, MADAN MAHAL PADAMPUR ROAD , BASNA, BASNA, CHHATTISGARH</t>
  </si>
  <si>
    <t>SARDHANA MARKET,  NEAR PNB BANK, KOTPUTLI ROAD,  NAGAL CHAUDHARY, DIST MAHENDERGARH, MAHENDERGARH, HARYANA</t>
  </si>
  <si>
    <t>HDFC BANK LTD,  WARD NO. 1, MOHD ROAD,  TEH - TAORU, DISTT. MEWAT,  HARYANA, MEWAT, HARYANA</t>
  </si>
  <si>
    <t>HDFC BANK LTD., D.NO. 2-3-117, GANDHI CHOWK, KHAMMAM, TELANGANA, KHAMMAM, TELANGANA</t>
  </si>
  <si>
    <t>HDFC BANK LTD., LATTIPARA, NEAR FOREST DEPO, KANKER, KANKER, CHHATTISGARH</t>
  </si>
  <si>
    <t>SECTOR C,  KALAHERI ROAD, DEFENCE COLONY, AMBALA CANTT, DIST: AMBALA, AMBALA, HARYANA</t>
  </si>
  <si>
    <t>VILLAGE AND P.O.  KALANAUR, SAHARANPUR ROAD, DISTT YAMUNA NAGAR, KALANAUR, HARYANA</t>
  </si>
  <si>
    <t>HDFC BANK LIMITED, AGARSEN CIRCLE,  MATOR ROAD, KHAIRTAL ,  ALWAR, KHAIRTAL, RAJASTHAN</t>
  </si>
  <si>
    <t>H.NO. 10-65,  GRND AND FIRST FLOOR, SATYANARAYANA COMPLEX, MADHIRA RD, KHAMMAM, KHAMMAM, TELANGANA</t>
  </si>
  <si>
    <t>HDFC BANK LTD, CLUB 5,  DLF PHASE -5, GURGAON, GURGAON, HARYANA</t>
  </si>
  <si>
    <t>PLOT # 19, 20 &amp;15 (PART), RTC COLOY, NAGOLE ROAD, PP:KAMINENI  HOSPITALS, LB NAGAR,  RANGAREDDY DIST, HYDERABAD, TELANGANA</t>
  </si>
  <si>
    <t>SHIVMANDIR MEDICAL MORE, NH-31,  SARADAPALLY, P.S. MATIGARA., SILIGURI, WEST BENGAL</t>
  </si>
  <si>
    <t>HDFC BANK LTD, TULASI CHAMBERS, BAZAR ROAD,  HONAVAR, HONAVAR, KARNATAKA</t>
  </si>
  <si>
    <t>HDFC BANK LTD, HO NO 65 / S.A., NANDANA WARD NO 18 BARHAJ, DEORIA, UTTAR PRADESH</t>
  </si>
  <si>
    <t>HDFC BANK LTD, RAIL MANDI, JASWANT NAGAR, DIST ETAWAH, UP., JASWANT NAGAR, UTTAR PRADESH</t>
  </si>
  <si>
    <t>SAI DURGA COMPLEX, NAGIREDDY REVENUE COLONY, C CAMP CENTRE, MADHAVI NAGAR, KURNOOL, ANDHRA PRADESH</t>
  </si>
  <si>
    <t>SCO 228, SECTOR 13 - 17, PANIPAT, HARYANA, PANIPAT, HARYANA</t>
  </si>
  <si>
    <t>GROUND FLOUR, KOTHAWADE BUILDING, GANESH NAGAR,  DIST-NASHIK, KALWAN, MAHARASHTRA</t>
  </si>
  <si>
    <t>BAWRI COMPLEX, 132 SATI JOYMATI ROAD, ATHGAON,  GUWAHATI., GUWAHATI, ASSAM</t>
  </si>
  <si>
    <t>GROUND FLOOR,  CHACKACHERIL TOWER, NEAR TV CENTER, SEA PORT- AIRPORT ROAD,  KAKKANAD, KOCHI, KERALA</t>
  </si>
  <si>
    <t>NO;XV/101(5), GROUND FLOOR, CLASSIC OMEGA PROPERTIES PUNKUNNAM, THRISSUR, THRISSUR, KERALA</t>
  </si>
  <si>
    <t>R. N. COMPLEX, BUDHARAJA , SAMBALPUR, SAMBALPUR, SAMBALPUR, ODISHA</t>
  </si>
  <si>
    <t>RAMANUJAM IT SEZ,  NEVILLE BLOCK, RAJIV GANDHI SALAI, TARAMANI,  CHENNAI, CHENNAI, TAMIL NADU</t>
  </si>
  <si>
    <t>GROUND FLOOR, EMCEES COMPLEX, OPP.TELEPHONE EXCHANGE, M C ROAD,  KOOTHATTUKULAM, KOOTHATTUKULAM, KERALA</t>
  </si>
  <si>
    <t>HDFC BANK LTD., VAIKOM KURIES BUILDING, BUS STAND ROAD, VAIKOM, KERALA</t>
  </si>
  <si>
    <t>WELCOME PLAZA,  BUS STAND, SHAHPURA ,  DIST BHILWARA , RAJASTHAN, SHAHPURA, RAJASTHAN</t>
  </si>
  <si>
    <t># 14-64/2/8, NAGARAM ROAD, HUSNABAD, KARIMNAGAR, TELANGANA</t>
  </si>
  <si>
    <t>PLOT NO 35, MAIN IGNOU ROAD, NEB SARAI, NEW DELHI, DELHI</t>
  </si>
  <si>
    <t>PLOT NO 344,  CHANDI CHHAK, CUTTACK, ODISHA, CUTTACK, ODISHA</t>
  </si>
  <si>
    <t>A-1,  PLOT NO.52 &amp; 53, KANAKADURGA MANSION, 5TH PHASE, KPHB COLONY,   KUKATPALLY, HYDERABAD, TELANGANA</t>
  </si>
  <si>
    <t>OLD STATE BANK ROAD, SRINAGAR, GANNAVARAM, GANNAVARAM, GANNAVARAM, ANDHRA PRADESH</t>
  </si>
  <si>
    <t>WARD NO 10. GROUND FLOOR, OPP RAM MANDIR,  POST OFFICE-JONK, KHARIAR ROAD,  NUAPADA, NUAPADA, ODISHA</t>
  </si>
  <si>
    <t>HDFC BANK LTD.,  MOH - BAGWANI TOLA, NEAR CHAND DHARAM KANTA MAIN ROAD, LAHARPUR,  DISTT : SITAPUR, LAHARPUR, UTTAR PRADESH</t>
  </si>
  <si>
    <t>HDFC BANK LTD., GROUND FLOOR, PLOT NO. 28, SECTOR12A, DWARKA,  NEW DELHI, NEW DELHI, DELHI</t>
  </si>
  <si>
    <t>NO 13,  80 FEET ROAD, NGEF LAYOUT, NAGARBHAVI, BANGALORE, KARNATAKA</t>
  </si>
  <si>
    <t>NO 14/15, INDO CHAMBERS, INDO JUNCTION, KALLAI ROAD, CHALAPPURAM, CALICUT, KERALA</t>
  </si>
  <si>
    <t>HDFC BANK LTD., SHOP NU 10, 11, 30, 31 , SADULSAHAR, SADULSAHAR, RAJASTHAN</t>
  </si>
  <si>
    <t>GAT NO. 24,  PLOT NO 21, MAPARI COMPLEX,  KRUSHI NAGAR, BORAKHEDI,  TAL. MOTALA, MOTALA, MAHARASHTRA</t>
  </si>
  <si>
    <t>SRI SAI TOWERS, OPP. FORUM VALUE MALL, 183,  WHITEFIELD MAIN ROAD, BANGALORE, KARNATAKA</t>
  </si>
  <si>
    <t>NO.317/A, 9TH MAIN ROAD, 5TH BLOCK,  JAYANAGAR , BANGALORE, KARNATAKA</t>
  </si>
  <si>
    <t>HDFC BANK LTD, AIRPORT ROAD,  PO TOTU, TEHSIL AND DISTT SHIMLA, SHIMLA, HIMACHAL PRADESH</t>
  </si>
  <si>
    <t>HDFC BANK LTD, GROUD FLOOR ,  LAXMINAGAR , NEW COURT BUILDING SHEVGAON, SHEVGAON, MAHARASHTRA</t>
  </si>
  <si>
    <t>NO.553&amp;554, THADAGAM ROAD, SOMAYAMPALAYM, COIMBATORE, COIMBATORE, TAMIL NADU</t>
  </si>
  <si>
    <t>GIRME HEIGHTS, BLDG- A, S.NO.62/12, SALUNKHE VIHAR ROAD,  PUNE., PUNE, MAHARASHTRA</t>
  </si>
  <si>
    <t>DOOR NO: 1-73/41, GF-1,  MUKUNDA ENCLAVE, NR 100 FEET VUDA ROAD, VISAKHAPATNAM, ANDHRA PRADESH</t>
  </si>
  <si>
    <t>VALLI KRISHNA PLAZA,  GROUND FLOOR, JYOTHI NAGAR, VEDAYAPALEM,  NELLORE, NELLORE, ANDHRA PRADESH</t>
  </si>
  <si>
    <t>HDFC BANK LTD, 27/13,  NANGIA PARK, DELHI, NEW DELHI, DELHI</t>
  </si>
  <si>
    <t>PLOT NO. 12, ASHOKA PARK MAIN, NEAR METRO STATION, NEW DELHI, DELHI</t>
  </si>
  <si>
    <t>51,  BHUVNESHWARI NAGAR, 8TH MILE, OPP PATTIDAR SAMAJ BHAWAN, BANGALORE, KARNATAKA</t>
  </si>
  <si>
    <t>NO-130/2,  S,  RAGHAVENDRA CIRCLE, T.C PALYA MAIN ROAD, NEXT TO CHAITANYA E- TECHNO SCHOOL, BANGALORE, KARNATAKA</t>
  </si>
  <si>
    <t>NO 6-3-144 &amp; 6-3-144/1, PLOT NO.22, GROUND FLOOR, JAHANARA KAREEM COMPLEX, BALANAGAR, HYDERABAD, TELANGANA</t>
  </si>
  <si>
    <t>KANDAKATLA GATEWAY, UNIVERSITY ROAD, HANAMKONDA,  WARANGAL, TELANGANA, WARANGAL, TELANGANA</t>
  </si>
  <si>
    <t>JYOTI SHOPPING MALL, SHOP NO : 18 TO 21,   GROUND FLOOR, OPP. UCO BANK,  S T BUS STAND ROAD, KODINAR, GUJARAT</t>
  </si>
  <si>
    <t>SHYAMKUNJ,  GARAGE CHOWK, SARAIKELA,  THANA ROAD, WARD NO. 8,  SARAIKELA KHARSAWAN, SERAIKELA, JHARKHAND</t>
  </si>
  <si>
    <t>HDFC BANK LTD., #320,  BOMASANDRA INDUSRIAL AREA, JIGANI BANGALORE., JIGANI, KARNATAKA</t>
  </si>
  <si>
    <t>187 PALDA NEMAWAR, MAIN ROAD, INDORE, PALDA, MADHYA PRADESH</t>
  </si>
  <si>
    <t>MAHAVIR PATH, AT POST AKLUJ, TAL MALSHIRAS, SOLAPUR, AKLUJ, MAHARASHTRA</t>
  </si>
  <si>
    <t>SHOP NO 4 NEXT TO CANARA BANK, CTS NO 777-1,  WARCHI PETH, IGATPURI.NASIK, NASHIK, MAHARASHTRA</t>
  </si>
  <si>
    <t>HDFC BANK LTD, PLOT NO  P/156/157, NAGAPUR MIDC, AHMEDNAGAR, MAHARASHTRA</t>
  </si>
  <si>
    <t>SURVEY NO.710 B- 1, NAGAR PALIKA ROAD , AT POST PETH VADGAON, PETH VADGAON, MAHARASHTRA</t>
  </si>
  <si>
    <t>HDFC BANK LTD,  GEHLOT MARKET, MAIN SANGARIYA FATA ROAD, MALIYO KI DHANIYA,  SANGARIYA, JODHPUR, RAJASTHAN</t>
  </si>
  <si>
    <t>GROUND FLOOR, WARANGAL CITY CENTRE, MULUGU  ROAD, WARANGAL.TELENGANA., WARANGAL, TELANGANA</t>
  </si>
  <si>
    <t>NO. 4-1-118/1, NEW GANDHI GUNJ, VIKARABAD, VIKARABAD, TELANGANA</t>
  </si>
  <si>
    <t>MAIN CHOWK,  GULSHANABAD, WARD NO. 7,  CHARARI- SHARIEF, BUDGAM, CHARARI SHARIEF, JAMMU AND KASHMIR</t>
  </si>
  <si>
    <t>HOLDING NO. 23, ROAD NO. 2, KAGAL NAGAR,  SONARI, JAMSHEDPUR, JHARKHAND</t>
  </si>
  <si>
    <t>HDFC BANK LTD., 176 A, DEVLI ROAD, KHANPUR, NEW DELHI, NEW DELHI, DELHI</t>
  </si>
  <si>
    <t>NO-107,  SRI SAI PLAZA, B-NARAYANAPURA , MARATHALLI OUTER RING ROAD, BANGALORE, KARNATAKA</t>
  </si>
  <si>
    <t>SHOP NU 18, NEAR NEW DHAN MANDI , HANUMANGARH, HANUMANGARH, RAJASTHAN</t>
  </si>
  <si>
    <t>ADJACENT BARAODA, GRAMIN BANK AND OPPOSITE OF OBC, BANWARIPUR,  SINGH COLONEY, TILHAR, UTTAR PRADESH</t>
  </si>
  <si>
    <t>ARUNODAY TOWER,  1ST FLOOR, KANTATOLI CHOWK,  PURLIA ROAD, NEAR FRIENDS PETROL PUMP., RANCHI, JHARKHAND</t>
  </si>
  <si>
    <t>14 B/6,  GROUND FLOOR , D B GUPTA ROAD , DEV NAGAR, NEW DELHI, DELHI</t>
  </si>
  <si>
    <t>CHENNAI ONE IT SEZ, UPPER STILT, PALLAVARAM THORAIPAKKAM ROAD, CHENNAI, TAMIL NADU</t>
  </si>
  <si>
    <t>STONE RIDGE CENTER, OPP GOOGLE,   KONDAPUR, HYDERABAD, HYDERABAD, TELANGANA</t>
  </si>
  <si>
    <t>PLOT NO 5 , BUDHA VIHAR, DEORIA BY PASS ROAD,  TARAMANDAL, GORAKHPUR, UTTAR PRADESH</t>
  </si>
  <si>
    <t>HDFC BANK LTD., W/NO. 27H,  H NO. 39/A,  G T ROAD, BURDWAN, BURDWAN, WEST BENGAL</t>
  </si>
  <si>
    <t>NO. 4-4-227/B, KAMAN ROAD,  PEDDAPALLE, DIST - KARIMNAGAR, PEDDAPALLE, TELANGANA</t>
  </si>
  <si>
    <t>144,  150 FT RING ROAD,  22ND MAIN, AGARA,  HSR LAYOUT SECTOR 1, BANGALORE, BANGALORE, KARNATAKA</t>
  </si>
  <si>
    <t>NO.6/1,  DAYALU NAGAR,  VILLIVAKKAM, LANDMARK - DON BOSCO SCHOOL, SRINIVASA NAGAR,  1ST MAIN ROAD, CHENNAI, TAMIL NADU</t>
  </si>
  <si>
    <t>HDFC BANK LTD, REWARI BAAWAL ROAD,  VPO KARNAWAS, DISTT. REWARI, REWARI, HARYANA</t>
  </si>
  <si>
    <t>HDFC BANK LTD, MAIN TIGAON ROAD, NEAR GOVT HIGH SCHOOL,  TIGAON, FARIDABAD, HARYANA</t>
  </si>
  <si>
    <t>SHREE BALAJI CHEMBER, PLOT NO.13B, KHASARA NO. 228,  AMRAVATI ROAD, WADI,  NAGPUR, NAGPUR, MAHARASHTRA</t>
  </si>
  <si>
    <t>HDFC BANK LTD, MAIN TONK ROAD, CHAKSU,  DISTRICT - JAIPUR, JAIPUR, RAJASTHAN</t>
  </si>
  <si>
    <t>SADAR BAZAR ROAD, NEAR DINAPUR POLICE STATION, DINAPUR,  DISTRICT - PATNA, DINAPUR, BIHAR</t>
  </si>
  <si>
    <t>SHOP NO - 4, 5,  GROUND FLOOR, ONYX -2 ,  PALDI , AHMEDABAD , AHMEDABAD, GUJARAT</t>
  </si>
  <si>
    <t>804,  A SECTOR,  80 FEET ROAD, 13TH MAIN,  YELAHANAK NEW TOWN, BANGALORE, BANGALORE, KARNATAKA</t>
  </si>
  <si>
    <t>SARGUNA STREET, ASKA ROAD, BRAHMAPUR, BRAHMAPUR, ODISHA</t>
  </si>
  <si>
    <t>AISHA COMPLEX, AURANGABAD ROAD,  DHAD, TQ. AND DIST. BULDHANA, DHAD, MAHARASHTRA</t>
  </si>
  <si>
    <t>SYNERGY SQUARE 1, ALEXANDRIA KNOWLEDGE PARK, GENOME VALLEY,  TURKAPALLE, HYDERABAD, TELANGANA</t>
  </si>
  <si>
    <t>HDFC BANK LTD, MOHALLAKAISTAN,  BADA BAZAR, SHERKOT,  DIST-BIJNOR, BIJNOR, UTTAR PRADESH</t>
  </si>
  <si>
    <t>DELWAN,  NEW BYPASS ROAD, EAST RAM KRISHNA NAGAR, PATNA, PATNA, BIHAR</t>
  </si>
  <si>
    <t>SHIPRA PLAZA, OPPOSITE ICICI BANK TRAINING CENTRE, ASHIYANA DIGHA ROAD,  PATNA, PATNA, BIHAR</t>
  </si>
  <si>
    <t>PLOT NO. 195,  SHOP NO. 16, COMMUNITY DISPLAY CENTRE, GIDC PANDESARA, SURAT, GUJARAT</t>
  </si>
  <si>
    <t>B1 &amp; B2,   NO. 3-6-728, GROUND FLOOR,  SUNNY  PALACE, NARAYANGUDA,  HYDERABAD, HYDERABAD, TELANGANA</t>
  </si>
  <si>
    <t>HDFC BANK LTD, KARNAL ROAD, JUNDLA, KARNAL, HARYANA</t>
  </si>
  <si>
    <t>PLOT NUMBER - 634, GANESH BAZAAR,  MAIN ROAD, PHULBANI.ODISHA, PHULBANI, ODISHA</t>
  </si>
  <si>
    <t>HDFC BANK LTD, KATRA LAL GANJ,  GAURIGANJ, AMETHI, AMETHI, UTTAR PRADESH</t>
  </si>
  <si>
    <t xml:space="preserve"> Ground floor, Chaudhary Complex, Ward No.15, Katra Bazar, Gursarai, Jhansi, U.P</t>
  </si>
  <si>
    <t>HDFC BANK LTD., WARD NO 6, G T ROAD, ALLAHABAD, UTTAR PRADESH</t>
  </si>
  <si>
    <t>JAI BALAJI TRADERS, OPP. BHEL MAIN ROAD, INDIRA NAGAR,  KHAILAR, JHANSI, UTTAR PRADESH</t>
  </si>
  <si>
    <t>BUILDING NO. 77 SAHABGANJ, MOGRA BADSHAHPUR, JAUNPUR (UP), JAUNPUR, UTTAR PRADESH</t>
  </si>
  <si>
    <t>HDFC BANK LTD, LAUHARI SARAI, MANDI MAULGANJ,  NAGINA, BIJNOR, UTTAR PRADESH</t>
  </si>
  <si>
    <t>PLOT NO. 175,  GROUND FLOOR, GULSHAN NAGAR, PILIBHIT BYPASS ROAD,  NAWABGANJ, NAWABGANJ, UTTAR PRADESH</t>
  </si>
  <si>
    <t>PLOT NO 7, LP NO 592/83-B,  S.NO 61, MARUTHI NAGAR, ANANTHAPUR, ANDHRA PRADESH</t>
  </si>
  <si>
    <t>HDFC BANK LTD, N S AVENUE, SILCHAR, SILCHAR, ASSAM</t>
  </si>
  <si>
    <t>NO.6,  1ST 'A' CROSS, DR. SHIVARAMKARANTH NAGAR, OPP. SBI., MCECHS LAYOUT,  HEGDE NAGAR., BANGALORE, KARNATAKA</t>
  </si>
  <si>
    <t>31 ANKPATH MARG, NIKAS CHOURAHA, UJJAIN,  (M.P), UJJAIN, MADHYA PRADESH</t>
  </si>
  <si>
    <t>H.NO. 6-26-132 AND 133,  GROUND FLR, SHRADHANAND GUNJ ROAD,  NAMDEVWADA, DUBBA ROAD,  NIZAMABAD,  TELANGANA, NIZAMABAD, TELANGANA</t>
  </si>
  <si>
    <t>27/27/1,  NEAR RAHEJA PARK APPTS, OPP SARVODAYA HOSPITAL, GOVINDRAJ NAGAR, BANGALORE, KARNATAKA</t>
  </si>
  <si>
    <t>GROUND FLOOR ,  SHOP NO 7-21, SERIAL NO . 34/ 1/1 , CHAWNI NAKA- AGAR ., AGAR, MADHYA PRADESH</t>
  </si>
  <si>
    <t>HDFC BANK LTD, MAIN BAZAR, NEAR GRAIN MARKET, LADUKA, PUNJAB</t>
  </si>
  <si>
    <t>HDFC BANK LTD., NEAR BUS STAND, VPO-PANJKOSI, DISTT. FAZILKA,  PUNJAB., ABOHAR, PUNJAB</t>
  </si>
  <si>
    <t>CHANDRAWAT BHAWAN, AJMER ROAD, BILARA,  RAJASTHAN, BILARA, RAJASTHAN</t>
  </si>
  <si>
    <t>KHASRA NO. 1331,  BHANDARI COMPLEX, NEW ROAD,  NATHDWARA, DIST RAJSAMAND,  RAJSAMAND, NATHDWARA, RAJASTHAN</t>
  </si>
  <si>
    <t>NO - 47,  MELA AGRAHARAM, TRICHY MAIN ROAD, OPPOSITE KMS HOSPITAL, ARIYALUR, TAMIL NADU</t>
  </si>
  <si>
    <t>SHOP NO: 3/4/5/6/7, FIRST FLOOR,  K.D PLAZA, NEAR BALAJI COMPLEX, VIRAMGAM ROAD, MEHSANA, GUJARAT</t>
  </si>
  <si>
    <t>D.NO.48-18-19B,  GROUND FLOOR, MAHANADU ROAD,  CURRENCY NAGAR, VIJAYAWADA., VIJAYAWADA, ANDHRA PRADESH</t>
  </si>
  <si>
    <t>NO 2289, INDIRA NAGAR 14TH MAIN, HAL 2ND STAGE, BANGALORE, BANGALORE, KARNATAKA</t>
  </si>
  <si>
    <t>RUB PLAZA,  NO.43/2, INDUSTRIAL SUBURB,  YESHWANTHPURA, BANGALORE, BANGALORE, KARNATAKA</t>
  </si>
  <si>
    <t># 2-2-61, C &amp; B,  GALAXY, GROUND FLOOR,  BAGHAMBERPET, RAMANTHAPUR, HYDERABAD, TELANGANA</t>
  </si>
  <si>
    <t>HDFC BANK LTD., SUPERTECH SHOPPRIX MALL, SECTOR 61, NOIDA, UTTAR PRADESH</t>
  </si>
  <si>
    <t>INDIALAND KGISL TECH PARK, CHIL - SEZ AREA,  KEERANATHAM, MAIN ROAD,  SARAVANAMPATTI, COIMBATORE, TAMIL NADU</t>
  </si>
  <si>
    <t>SARAILA ROAD,  WORD NO-09, NEAR BANK OF BORADA, DILDAR NAGAR ,  GHAZIPUR, GHAZIPUR, UTTAR PRADESH</t>
  </si>
  <si>
    <t>GROUND FLOOR, S.V.R. EMPIRE,  KOTHAPET, GUNTUR., GUNTUR, ANDHRA PRADESH</t>
  </si>
  <si>
    <t>JKD ROAD,  SAI BABA TIRAHA, NEAR BALMIK ELECTRONICS, MANENDRAGARH, MANHENDRAGARH, CHHATTISGARH</t>
  </si>
  <si>
    <t>WARD NO.6,  NEAR SANJAY CHOWK, VENKAT NAGAR ROAD, PENDRA ROAD,  DISTT BILASPUR, PENDRA, CHHATTISGARH</t>
  </si>
  <si>
    <t>NEAR SHANTHI SAGAR HOTEL, DEVASANDRA BUS STOP, NEW BEL ROAD(RMV EXTENSION), BANGALORE, KARNATAKA</t>
  </si>
  <si>
    <t>S. NO 2/1,   WARD NO 02, CHIKHALI ROAD,  DEULGAON RAJA, DIST - BULDHANA, DEULGAON RAJA, MAHARASHTRA</t>
  </si>
  <si>
    <t>GROUND FLOOR, HUMA MALL, L B S MARG, NERA KANJURMARG RAILWAY STATION (W), MUMBAI, MAHARASHTRA</t>
  </si>
  <si>
    <t>#1589/B, 100 FEET RING ROAD, BANASHANKARI 2ND STAGE, BANGALORE, KARNATAKA</t>
  </si>
  <si>
    <t>AMRIT PLAZA,  NALUMUKKU JUNCTION, PATTOOR, TRIVANDRUM-01, TRIVANDRUM, KERALA</t>
  </si>
  <si>
    <t>HDFC BANK LTD., 54,  EKDALIA ROAD, KOLKATA, KOLKATA, WEST BENGAL</t>
  </si>
  <si>
    <t>H NO 1-88/2,  GROUND FLOOR, MADHAPUR MAIN ROAD, OPP CENTRE FOR ORGANISATION, HYDERABAD, TELANGANA</t>
  </si>
  <si>
    <t>H. NO. 803,  DHANORA RAOD, MAHALLA SARAI RAFI, NEAR GURUDWARA,  CHANDPUR, BIJNOR, UTTAR PRADESH</t>
  </si>
  <si>
    <t>1848/138 GROUND FLOOR, SHANTI NAGAR, TRI NAGAR, NEW DELHI, DELHI</t>
  </si>
  <si>
    <t>PATRAPADA, BHUBANESWAR, DIST - KHURDA, BHUBANESWAR, ODISHA</t>
  </si>
  <si>
    <t>HDFC BANK LTD, WORD NO- 11,  SANJAY NAGAR, GT ROAD, CHANDUALI, UTTAR PRADESH</t>
  </si>
  <si>
    <t>1/2 CENTRAL PARK, PREMISES NO. 98, RAJA S C MALLICK ROAD, KOLKATA, WEST BENGAL</t>
  </si>
  <si>
    <t>THRIBURANI HEIGHTS, 1ST FLOOR, OPP.THRIBURANI THEATRE, MAIN ROAD,  VENKATAGIRI, VENKATAGIRI, ANDHRA PRADESH</t>
  </si>
  <si>
    <t>UPPER BASEMENT FLOOR, KOOVAKADAN ARCADE,  NH ROAD, AMBALLUR, THRISSUR, KERALA</t>
  </si>
  <si>
    <t>HDFC BANK LTD., GANGOTRI,  AKHADA WARD, PANDHARKAWADA, PANDHARKAWADA, MAHARASHTRA</t>
  </si>
  <si>
    <t>HAMID MANJIL, JALALPUR ROAD, BASKHARI, BASKHARI, UTTAR PRADESH</t>
  </si>
  <si>
    <t>PHULPUR ROAD, BESIDE TEHSIL OFFICE, DIST-ALLAHABAD, SORAON, UTTAR PRADESH</t>
  </si>
  <si>
    <t>SHOP NO.42 TO 45 , SIDDHIVINAYAK ARCADE,  SP RING ROAD, ODHAV KATHWADA, AHMEDABAD, GUJARAT</t>
  </si>
  <si>
    <t>PLOT NO. 54,  ROAD NO. 7, BANJARA HILLS, HYDERABAD TELANGANA., HYDERABAD, TELANGANA</t>
  </si>
  <si>
    <t>#12-13-1270, 1271&amp;1273, GROUND FLOOR, AMITY VILLE,  BESIDE SPENCERS, OPP TO INNOVA HOSPITAL,  TARNAKA, HYDERABAD, TELANGANA</t>
  </si>
  <si>
    <t>HDFC BANK LTD, NEAR HOTEL SIDHARTH, MIRCHA MANDI,  NTPC ROAD, KAHALGAON, BIHAR</t>
  </si>
  <si>
    <t>HDFC BANK LTD, SADDUPUR, CHUNAR,  MIRZAPUR, MIRZAPUR, UTTAR PRADESH</t>
  </si>
  <si>
    <t>HDFC BANK LTD., PADMA AROGYA NIKETAN, KUNDA, KUNDA, UTTAR PRADESH</t>
  </si>
  <si>
    <t>SGK ICON, NEAR BHARAT GAS GODOWN, PIPELINE ROAD, AHMEDNAGAR, AHMEDNAGAR, MAHARASHTRA</t>
  </si>
  <si>
    <t>47,  GROUND FLOOR, COMMUNITY CENTRE, NEW FRIENDS COLONY, MATHURA ROAD, NEW DELHI, DELHI</t>
  </si>
  <si>
    <t>SREELA TERRACE,  NO.105, FIRST MAIN ROAD,  GANDHI NAGAR, ADYAR,  CHENNAI, CHENNAI, TAMIL NADU</t>
  </si>
  <si>
    <t># CHAMPAPET MAIN ROAD, GREEN PARK COLONY, RANGA REDDY DISTRICT,  TELANGANA, HYDERABAD, TELANGANA</t>
  </si>
  <si>
    <t>DOOR NO 6-58/G1,  GROUND FLOOR, RAGHURAM APARTMENTS, RAGHURAM NAGAR, SUNCITY HYDERSHAKOTE (VILL), RR DIST, HYDERABAD, TELANGANA</t>
  </si>
  <si>
    <t>V R COMPLEX, 1ST FLOOR,  MUNCIPLE BUS STAND STOP, ATMAKUR,  NELLORE DIST., ATMAKUR, ANDHRA PRADESH</t>
  </si>
  <si>
    <t>HDFC BANK LTD., LOHARA ROAD,  WARD NO 02, NEAR CHURCH,  BALOD, BALOD, CHHATTISGARH</t>
  </si>
  <si>
    <t>HDFC BANK LTD., SHOP NO.6, 7 GOHIL TOWER, NAVA VAS, MADHAPAR, GUJARAT</t>
  </si>
  <si>
    <t>SHREENATHJI COMPLEX, JUNAGADH ROAD, VISAVADAR, VISAVADAR, GUJARAT</t>
  </si>
  <si>
    <t>HDFC BANK LTD, V.P.O-THANEDAR, TEHSIL-KUMARSAIN, SHIMLA, HIMACHAL PRADESH</t>
  </si>
  <si>
    <t>MAIN ROAD,  NEAR ALKA PHOTO STUDIO, PAMGARH,  DIST-JANJGIR-CHAMPA, CHHATTISGARH, PAMGARH, CHHATTISGARH</t>
  </si>
  <si>
    <t>GROUND FLOOR ,  EMARALD BUILDING , BYE PASS ROAD ,  KONDOTTY , MALAPPURAM, KONDOTTY, KERALA</t>
  </si>
  <si>
    <t>HDFC BANK LTD, NO 96, 97,  TANK ROAD,  TATABAD, SIVANANDA COLONY,  COIMBATORE, COIMBATORE, TAMIL NADU</t>
  </si>
  <si>
    <t>GROUND FLOOR,  MUKANDAM BHAWAN, OPP.T.S.COLD STORAGE, HATHRAS-AGRA MAIN ROAD,  KHANDAULI, AGRA, UTTAR PRADESH</t>
  </si>
  <si>
    <t>HDFC BANK LTD., NO. 63/1,  INDIRA CHAMBERS, HOSUR MAIN ROAD,  MADIWALA, BANGALORE, KARNATAKA</t>
  </si>
  <si>
    <t>#14-04-3142319,  GROUND FLOOR, SADBHAVANA HEIGHTS, BEGUMBAZAR,   HYDERABAD, HYDERABAD, TELANGANA</t>
  </si>
  <si>
    <t>HDFC BANK LTD., # 7-7-10,  GROUND FLOOR, VIP ROAD,  ONGOLE, ONGOLE, ANDHRA PRADESH</t>
  </si>
  <si>
    <t>HDFC BANK LTD., BASAR COMMERCIAL COMPLEX, NAHARLAGUN, NAHARLAGUN, ARUNACHAL PRADESH</t>
  </si>
  <si>
    <t>MAIN ROAD, WADRAFNAGAR, DISTT-BALARAMPUR-RAMANUJGANJ, CHHATTISGARH, WADRAFNAGAR, CHHATTISGARH</t>
  </si>
  <si>
    <t>VILLAGE KHERI LAKHA SINGH, PO BHAGU MAJRA DISTT., YAMUNA NAGAR, HARYANA, YAMUNANAGAR, HARYANA</t>
  </si>
  <si>
    <t>HDFC BANK LTD, GARLI CHOWK,  MEHRE, TEHSIL BARSAR,  DISTT. HAMIRPUR, BARSAR, HIMACHAL PRADESH</t>
  </si>
  <si>
    <t>HDFC BANK LTD., WARD NO.2, TIHRA SUJANPUR, HAMIRPUR, HIMACHAL PRADESH</t>
  </si>
  <si>
    <t>HDFC BANK LTD., WARD NO. 8 CHAUDHARY PLAZA , BANDIKUI, BANDIKUI, RAJASTHAN</t>
  </si>
  <si>
    <t>OPP SR.SEC.SCHOOL, RAILWAY STATION ROAD, SRI MADHOPUR, SRI MADHOPUR, RAJASTHAN</t>
  </si>
  <si>
    <t>SADABAD ROAD, NEAR RADHA KRISHNA VATIKA, RAYA,  MATHURA, RAYA, UTTAR PRADESH</t>
  </si>
  <si>
    <t>HDFC BANK LTD, WARD NO.-3, CIVIL LINES, PATTI, UTTAR PRADESH</t>
  </si>
  <si>
    <t>DURGESHWARI COMPLEX, MAHARAJA HATA, OPPOSITE BPCL PETROL PUMP, PAKRI-KATIRA ROAD,  ARRAH., ARRAH, BIHAR</t>
  </si>
  <si>
    <t>HDFC BANK LTD., 96,  MAIN CHOWK, SAMAYPUR, NEW DELHI, DELHI</t>
  </si>
  <si>
    <t>MANISH HIGHWAY,  PLAZA-1, PLOT NO-24,  SECTOR-20, DWARKA,  NEW DELHI, NEW DELHI, DELHI</t>
  </si>
  <si>
    <t>GANESWARPUR, REMUNA GOLAI, BALASORE., BALASORE, ODISHA</t>
  </si>
  <si>
    <t>#16-11-511/D/222,  STREET NO 9, SALIVAHANA NAGAR,  MAIN ROAD, MOOSARAMBAGH, HYDERABAD, TELANGANA</t>
  </si>
  <si>
    <t>HDFC BANK LTD, MAIN ROAD,  HAT KOT, P.O. KUNNIHAR,  TEHSIL ARKI, SOLAN, HIMACHAL PRADESH</t>
  </si>
  <si>
    <t>SHRI SAPTAASHRUNGI NIWAS, KALYAN ROAD, JUNNAR, JUNNAR, MAHARASHTRA</t>
  </si>
  <si>
    <t>HDFC BANK LTD.,  SANDERAO ROAD, KHALSA MOTORS, FALNA,  RAJASTHAN, FALNA, RAJASTHAN</t>
  </si>
  <si>
    <t>HDFC BANK LTD, NO. 13-93/1,  NEHRU NAGAR, SHADNAGAR, SHADNAGAR, TELANGANA</t>
  </si>
  <si>
    <t>FIRST FLOOR ,  MAYA CINEPLEX, GEETA PRESS ROAD URDU BAZAR, GORAKHPUR, GORAKHPUR, UTTAR PRADESH</t>
  </si>
  <si>
    <t>HDFC BANK LTD, BINOULI ROAD, NEAR DEVI MANDIR, SARDANA, UTTAR PRADESH</t>
  </si>
  <si>
    <t>2-73,  BESIDE SUB TREASURY OFFICE, MAIN ROAD, AKIVIDU, AKIVIDU, ANDHRA PRADESH</t>
  </si>
  <si>
    <t>GROUND FLOOR,  K-1, DWARKA MAIN ROAD, RAJAPURI, NEW DELHI, DELHI</t>
  </si>
  <si>
    <t>81 A, JOY KRISHNA STREET, UTTARPARA, HOOGHLY, WEST BENGAL</t>
  </si>
  <si>
    <t>DAYANAND MARKET COMPLEX, PURANI BAZAR, DISTRICT - SIWAN, MAHARAJGANJ, BIHAR</t>
  </si>
  <si>
    <t>PLOT NO SCR - 15, BAPUJI NAGAR, DISTRICT - KHURDA, BHUBANESWAR, ODISHA</t>
  </si>
  <si>
    <t>FLAT NO. G1, G2, G3,  GROUND FLOOR, NAVYA KRISHNA HOMES,  PLOT NO. 8, INCOME TAX COLONY(TELEPHONE COLONY), HYDERABAD, TELANGANA</t>
  </si>
  <si>
    <t>HDFC BANK LTD, 90 B.K PAUL AVENUE, (NEXT TO ALLAHABAD BANK), KOLKATA, WEST BENGAL</t>
  </si>
  <si>
    <t>HDFC BANK LTD, 70,  DESHAPRAN SASMAL ROAD, HOWRAH, HOWRAH, WEST BENGAL</t>
  </si>
  <si>
    <t>H.NO.3-388/1,  GROUND  FLOOR, GANESH NAGAR,  MAIN ROAD, CHOUTUPPAL,  DIST NALGONDA, CHOUTUPPAL, TELANGANA</t>
  </si>
  <si>
    <t># 9-1-181,  GROUND FLOOR, BHAGATHNAGAR,  KARIMNAGAR, TELANGANA, KARIMNAGAR, TELANGANA</t>
  </si>
  <si>
    <t>HDFC BANK LTD, 1-115/2,  KARUNAS ARCADE, SURVEY NO. 94A,  KOMPALLE, HYDERABAD, TELANGANA</t>
  </si>
  <si>
    <t>L D TOWER,  MANJU SILK CENTRE, DR.R.P. ROAD, GANESHGURI,  GUWAHATI, GUWAHATI, ASSAM</t>
  </si>
  <si>
    <t>HDFC BANK LTD, RZ I/13,  MAIN ROAD, PALAM COLONY NEW, NEW DELHI, DELHI</t>
  </si>
  <si>
    <t>MAIN ROAD, CHAULIAGANJ, DISTRICT-CUTTACK, CUTTACK, ODISHA</t>
  </si>
  <si>
    <t>HDFC BANK LTD, MANGALABAG, CUTTACK, CUTTACK, ODISHA</t>
  </si>
  <si>
    <t>HDFC BANK LTD, # 8-3-211/167D, KALYAN NAGAR, HYDERABAD, TELANGANA</t>
  </si>
  <si>
    <t>SHOP NO 9, GAUR GRANDEUR, NOIDA SEC - 119 U.P, NOIDA, UTTAR PRADESH</t>
  </si>
  <si>
    <t>HDFC BANK LTD., 6/184, BELANGANJ, AGRA - (UP), AGRA, UTTAR PRADESH</t>
  </si>
  <si>
    <t>HDFC BANK LTD., VYAPAR PARISAR, SHASTRI CHOWK, AKALTARA, JANIGIR CHAMPA, AKALTARA, CHHATTISGARH</t>
  </si>
  <si>
    <t>WARD NO.3,  AGRASEN CHOWK, BILHA,  DISTT-BILASPUR, CHHATTISGARH, BILHA, CHHATTISGARH</t>
  </si>
  <si>
    <t>PLOT NO.183,  NEAR SBI, MARAR PARA,  KONDA GAON, CHHATTISGARH, KONDAGAON, CHHATTISGARH</t>
  </si>
  <si>
    <t>UPPER GROUND FLOOR, BELLOW VHORA COLLECTION, OPP.MARKET YARD INDAPUR, INDAPUR, MAHARASHTRA</t>
  </si>
  <si>
    <t>HDFC BANK LTD., 60,  ELLORA ENCLAVE,  , DAYAL BAGH,  AGRA , AGRA, UTTAR PRADESH</t>
  </si>
  <si>
    <t>WARD NO. 23,  ETAWAH ROAD , SIRSAGANJ (U.P), DISTT- FIROZABAD, SIRSAGANJ, UTTAR PRADESH</t>
  </si>
  <si>
    <t>HDFC BANK LTD, BAJRANG CHOWK,  VILLAGE- LOHARDIH, POST- SORID,  DISTT- MAHASAMUND, MAHASAMUND, CHHATTISGARH</t>
  </si>
  <si>
    <t>HDFC BANK LTD., 171 SAGA MALL,  SOUTH CIVIL LINES, COURT ROAD., MUZAFFARNAGAR, UTTAR PRADESH</t>
  </si>
  <si>
    <t>SHOP NO 11,  AVILA CHS, HIRANANDANI ESTATE, NEAR THE WALK,  THANE WEST, THANE, MAHARASHTRA</t>
  </si>
  <si>
    <t>SHOP NO 4, SATRA PLAZA, SECTOR 19, PALM BEACH ROAD, VASHI, NAVI MUMBAI, NAVI MUMBAI, MAHARASHTRA</t>
  </si>
  <si>
    <t>PURAB BAZAR, VIP ROAD,  OPP MANOHAR HIGH SCHOOL, SAHARSA, SAHARSA, BIHAR</t>
  </si>
  <si>
    <t>B-8,  GROUND FLOOR, NEW MULTAN NAGAR, ROHTAK ROAD,  NEW DELHI, NEW DELHI, DELHI</t>
  </si>
  <si>
    <t>GROUND FLOOR , 11799, SAT NAGAR , TANK ROAD, NEW DELHI, DELHI</t>
  </si>
  <si>
    <t>PLOT NO 10, SECTOR 10, DWARKA, NEW DELHI, NEW DELHI, DELHI</t>
  </si>
  <si>
    <t>662/9,  SHIV PURI, MAIN ROAD, GEETA COLONY, NEW DELHI, DELHI</t>
  </si>
  <si>
    <t>NR.SHREEJI AUTO&amp;SUZUKI SHOW ROOM, OPP. SAKAEBAUG, JETPUR ROAD, JUNAGADH, GUJARAT</t>
  </si>
  <si>
    <t>NO. 7M-308,  1ST STAGE, 80 FEET ROAD, HRBR LAYOUT., BANGALORE, KARNATAKA</t>
  </si>
  <si>
    <t>HDFC BANK LTD, GROUND FLOOR, SEB TOWER, PURANA BAZAR, DIMAPUR, NAGALAND</t>
  </si>
  <si>
    <t>ASYST PARK, GN 37/1,  SECTOR V,  SALT LAKE, BIDHANNAGAR,  KOLKATA, KOLKATA, WEST BENGAL</t>
  </si>
  <si>
    <t>D.NO. 4-14-221/1 A, AMARAVATHI ROAD, NEAR ANJANEYASWAMY TEMPLE, GUNTUR., GUNTUR, ANDHRA PRADESH</t>
  </si>
  <si>
    <t>HDFC BANK LTD, JAT COMPLEX, A.T. ROAD, JORHAT, ASSAM</t>
  </si>
  <si>
    <t>AGGARSAIN CHOWK, NEAR ANAJ MANDI,  UCHANA KALAN , JIND ,  HARYANA, UCHANA KALAN, HARYANA</t>
  </si>
  <si>
    <t>HDFC BANK LTD, PISHOR NAKA PANDE SQURE, KANNAD, KANNAD, MAHARASHTRA</t>
  </si>
  <si>
    <t>SHOP NO E1 AND E2, GROUND FLOUR, SHIVAJI CHAWK,  DIST-NASHIK, MANMAD, MAHARASHTRA</t>
  </si>
  <si>
    <t>UPPER GROUND FLR, SHRI RAM TOWER, NH 6, NANDURA, DIST.BULDHANA, NANDURA, MAHARASHTRA</t>
  </si>
  <si>
    <t>SHOP NO 23, KOHINOOR INDUSTRIAL COMPLEX, PLOT NO..17, 18, 19, TALOJE MAJKUR, NAVI MUMBAI, MAHARASHTRA</t>
  </si>
  <si>
    <t>PARIJAT PALACE COMPLEX, N.A.C. CHHAK,  BAUDHGARH, P.O / DIST - BOUDH, BOUDHGARH, ODISHA</t>
  </si>
  <si>
    <t>SHOP. NO. 29/30/31, SABZI MANDI ROAD,  JALORE ROAD, BHINMAL, BHINMAL, RAJASTHAN</t>
  </si>
  <si>
    <t>RAJDAYAL  TALKIES , NEAR BUS STAND, KUCHAMAN CITY, KUCHAMAN CITY, RAJASTHAN</t>
  </si>
  <si>
    <t>H.NO 6-701/1/A,  6-701/1/B., OPP BUS DEPOT, KALWAKURTHY, KALWAKURTHY, TELANGANA</t>
  </si>
  <si>
    <t>NEAR HYDEL COLONY, MAIN ROAD,  FARIDPUR, BAREILLY, FARIDPUR, UTTAR PRADESH</t>
  </si>
  <si>
    <t>HDFC BANK LTD., MEERUT ROAD, PARIKSHITGARH, MEERUT, UTTAR PRADESH</t>
  </si>
  <si>
    <t>GROUND FLOOR,  SHOP NO. 1, 2, 3, 4, PLOT NO - 2,  VIKAS PLAZA, DDA SHOPING COMPLEX,  KALKAJI, NEW DELHI, DELHI</t>
  </si>
  <si>
    <t>HDFC BANK LTD, VISL HOUSE, NO.8/2,  J.C.ROAD, BANGALORE., BANGALORE, KARNATAKA</t>
  </si>
  <si>
    <t>NO. 669/K,  RR TOWERS, 80 FEET MAIN ROAD, HBR LAYOUT,  BANGALORE, BANGALORE, KARNATAKA</t>
  </si>
  <si>
    <t>NO.108/109, NEW TIPPASANDRA MAIN ROAD, BEML CIRCLE, NEW TIPPASANDRA, BANGALORE, KARNATAKA</t>
  </si>
  <si>
    <t>Ground Floor, Chandak Plaza, Malegaon Road, Nandgaon, Nashik.</t>
  </si>
  <si>
    <t>NO. 8-68/8/B, OPP - MARKET COMMITTEE YARD, JOGIPET, JOGIPET, TELANGANA</t>
  </si>
  <si>
    <t>CINEMATALLA, DHANIAKHALI, HOOGHLY, HOOGHLY, WEST BENGAL</t>
  </si>
  <si>
    <t>BUNGLOW PLOT NO 2, PATPARGANJ ROAD, OPPOSITE MOTHER DAIRY,  PANDAV NAGAR, NEW DELHI, DELHI</t>
  </si>
  <si>
    <t>GROUND FLOOR,  TOWER B, GALAXY IT PARK, A 44 AND 45,  SECTOR 62, NOIDA, UTTAR PRADESH</t>
  </si>
  <si>
    <t>4003 &amp; 4004, EXPRESS TRADE TOWER-2, B-36 SECTOR-132,  NOIDA, NOIDA, UTTAR PRADESH</t>
  </si>
  <si>
    <t>SHOP NO 8, ATS ONE HAMLET, SECTOR 104,  NOIDA, NOIDA, UTTAR PRADESH</t>
  </si>
  <si>
    <t>HDFC BANK LTD., 56B,  RITCHIE ROAD, KOLKATA, KOLKATA, WEST BENGAL</t>
  </si>
  <si>
    <t>HDFC BANK LTD., B-34, MOTI NAGAR, NEW DELHI, DELHI</t>
  </si>
  <si>
    <t>4A,  ADCHINI, AUROBINDO MARG, NEW DELHI, NEW DELHI, DELHI</t>
  </si>
  <si>
    <t>HDFC BANK LTD., 284,  GAGAN VIHAR, DELHI, DELHI, DELHI</t>
  </si>
  <si>
    <t>HDFC BANK LTD., 3/6,   KALINGA CHOWK, WEST PATEL NAGAR, NEW DELHI, DELHI</t>
  </si>
  <si>
    <t>3A SANJAY NAGAR, GULABI BAGH NEAR NKS HOSPITAL, NEWDELHI, DELHI, DELHI</t>
  </si>
  <si>
    <t>HDFC BANK LTD., 7B/3,  MAHARANI BAGH, NEW DELHI, NEW DELHI, DELHI</t>
  </si>
  <si>
    <t>GROUND FLOOR, H-4, 94, KHASRA NO.3, MAHIPALPUR, NEW DELHI, DELHI</t>
  </si>
  <si>
    <t>1600,  OUTRAM LANE, OPP SEWA KUTIR, GTB NAGAR, NEW DELHI, DELHI</t>
  </si>
  <si>
    <t>VILLAGE &amp; PO SHADIPUR DISTT., YAMUNA NAGAR, HARYANA, YAMUNANAGAR, HARYANA</t>
  </si>
  <si>
    <t>HDFC BANK LTD, 29 HO CHI MINH SARANI, KOLKATA, KOLKATA, WEST BENGAL</t>
  </si>
  <si>
    <t>KANPUR SAGAR ROAD, BEHIND POLICE STATION, SUMERPUR , HAMIRPUR, SUMERPUR, UTTAR PRADESH</t>
  </si>
  <si>
    <t>HDFC BANK LTD., PLOT NO-50, POCKET-2, JASOLA VIHAR, NEW DELHI, DELHI</t>
  </si>
  <si>
    <t>B-4/5 ,  PRINCESS ROAD , MODEL TOWN - 1 , NEW DELHI, NEW DELHI, DELHI</t>
  </si>
  <si>
    <t>HDFC BANK LTD, A-8,  POCKET-8, KALKAJI EXTENSION, NEW DELHI, DELHI</t>
  </si>
  <si>
    <t>GROUND &amp; FIRST FLOOR, G-106, PALAM EXTN,  SEC : 7, DWARKA,  NEW DELHI, NEW DELHI, DELHI</t>
  </si>
  <si>
    <t>GROUND FLOOR,  1/1551, ROHTASH NAGAR, DELHI, DELHI, DELHI</t>
  </si>
  <si>
    <t>HDFC BANK LTD., D-33,  NDSE - 1, SOUTH EXTENSION, NEW DELHI, DELHI</t>
  </si>
  <si>
    <t>KAILASH CORPORATE LOUNGE, VEER SAVARKAR ROAD, PARK SITE, VIKHROLI WEST, MUMBAI, MAHARASHTRA</t>
  </si>
  <si>
    <t>ZILA PANCHAYAT CAMPUS, NEAR VIKAS BHAVAN,  FATEHGARH, FARRUKHABAD ,  UTTAR PRADESH, FARRUKHABAD, UTTAR PRADESH</t>
  </si>
  <si>
    <t>HDFC BANK LTD., B-1/13 B, VIPUL KHAND GOMTI NAGAR, LUCKNOW, UTTAR PRADESH</t>
  </si>
  <si>
    <t>TAX ALL,  POST OFFICE ROAD, P.O. MEDINIPORE, DIST. PASCHIM MEDINIPORE, MIDNAPORE, WEST BENGAL</t>
  </si>
  <si>
    <t>BAHUDAR FUEL SERVICE STATION, SASARAM ROAD, BIKRAMGANJ., BIKRAMGANJ, BIHAR</t>
  </si>
  <si>
    <t>HDFC BANK LTD, MAIN ROAD, MIRGANJ, MIRGANJ, BIHAR</t>
  </si>
  <si>
    <t>DADRI TOE, MAIN JHAJJAR GURGAON ROAD, NEAR VSNL TOWER,  DISTRICT-JHAJJAR, JHAJJAR, HARYANA</t>
  </si>
  <si>
    <t>HDFC BANK LTD., MAIN ROAD, OPP NAGAR PARISHAD OFFICE ARNI, ARNI, MAHARASHTRA</t>
  </si>
  <si>
    <t>Property No - 911/1/2, Nashik Kalwan Road, Near Ashirwad Readymade, Dindori, Nasik.</t>
  </si>
  <si>
    <t>HDFC BANK LTD., BUSYLAND COMPLEX , NANDGAON PETH, AMRAVATI, MAHARASHTRA</t>
  </si>
  <si>
    <t>DNYANESHWAR COMPLEX, MIRAJ ROAD,  AT POST SANGOLE, TAL SANGOLE,  DIST SOLAPUR, SOLAPUR, MAHARASHTRA</t>
  </si>
  <si>
    <t>MATI ROAD AKBARPUR, NEAR ECH HOSPITAL, AKBARPUR,  KANPUR,  DEHAT, AKBARPUR, UTTAR PRADESH</t>
  </si>
  <si>
    <t>3583,   MAIN ROAD, NEAR RAM NAGAR,  TIRAHA CHIRGAON, DIST - JHANSI, CHIRGAON, UTTAR PRADESH</t>
  </si>
  <si>
    <t>ADJACENT MANISH HOSPITAL, MOH-GANDHI NAGAR, SIDHAULI, SITAPUR, UTTAR PRADESH</t>
  </si>
  <si>
    <t>HDFC BANK LTD, MAIN ROAD, BHAGWANPUR,  DIST - HARIDWAR, ROORKEE, UTTARAKHAND</t>
  </si>
  <si>
    <t>HDFC BANK LTD., 5/56 VIKAS NAGAR, NEAR GEETA BHAVAN,  VIKAS NAGAR, DEHRADUN, VIKAS NAGAR, UTTARAKHAND</t>
  </si>
  <si>
    <t>HDFC BANK LTD, DOOR NO.11 1665, ANCHAL PUNALUR ROAD, ANCHAL, KERALA</t>
  </si>
  <si>
    <t>SHOP NO 10, 11, BEVERLY PARK, PLOT NO 20 SECTOR - 6, PALM BEACH, NAVI MUMBAI, NAVI MUMBAI, MAHARASHTRA</t>
  </si>
  <si>
    <t>113 B K KAKATI ROAD, ULUBARI, GUWAHATI., GUWAHATI, ASSAM</t>
  </si>
  <si>
    <t>GROUND &amp; FIRST FLOOR, PLOT NO :10, SEC 6,  DWARKA, NEW DELHI, NEW DELHI, DELHI</t>
  </si>
  <si>
    <t>GROUND FLOOR,  1376, ADJOINING INDIAN BANK, KASHMERE GATE,  DELHI, NEW DELHI, DELHI</t>
  </si>
  <si>
    <t>HDFC BANK LTD., 8 BAHUBALI ENCLAVE, NEW DELHI, NEW DELHI, DELHI</t>
  </si>
  <si>
    <t>1ST FLOOR, PANKAJ CHAMBERS, BUILDING NO. 2, LSC, SECTOR-4 DWARKA, NEW DELHI, DELHI</t>
  </si>
  <si>
    <t>HDFC BANK LTD., D-144 ANAND VIHAR, DELHI, DELHI, DELHI</t>
  </si>
  <si>
    <t>RVP MAGNOLIA, SITE NO 32, 1ST MAIN, KORAMANGALA 1ST BLOCK BANGALORE, BANGALORE, KARNATAKA</t>
  </si>
  <si>
    <t>GIC-21,  AWAS VIKAS -1,  PANKI ROAD, KESHAVPURAM,  KALYANPUR, DIST KANPUR NAGAR, KANPUR, UTTAR PRADESH</t>
  </si>
  <si>
    <t>PLOT NO 3, MINJUMALA KHASRA, NO 328, 329/1, 330/1, 331, BAKEY JAGATPUR, LALA BEGAM, BAREILLY, UTTAR PRADESH</t>
  </si>
  <si>
    <t>MAIN CHOWK, FATEHABAD ROAD, BHATTU KALAN, BHATTU KALAN, HARYANA</t>
  </si>
  <si>
    <t>BLOCK HASSANPUR, HASSANPUR ROAD, TEHSIL- HODAL,  HASSANPUR, PALWAL, HARYANA</t>
  </si>
  <si>
    <t>DHARUHERA REWARI ROAD, VILLAGE JONAWAS, PO.DUNGERWAS, DISTT. REWARI, REWARI, HARYANA</t>
  </si>
  <si>
    <t>HDFC BANK LTD, VILLAGE SILHARI, P.O. &amp; TEH. KANDAGHAT, SOLAN, HIMACHAL PRADESH</t>
  </si>
  <si>
    <t>HDFC BANK LTD, NEAR ESIC MEDICAL COLLEGE, NER CHOWK, NER, HIMACHAL PRADESH</t>
  </si>
  <si>
    <t>HDFC BANK LTD, ARAT BAZAR, SUBATHU,  DISTT. SOLAN., SOLAN, HIMACHAL PRADESH</t>
  </si>
  <si>
    <t>HDFC BANK LTD., MANDI ROAD, BEHAT (SAHARANPUR), BEHAT, UTTAR PRADESH</t>
  </si>
  <si>
    <t>GROUD FLOOR, CHITAIPUR CHUNAR ROAD, VARANASI, VARANASI, UTTAR PRADESH</t>
  </si>
  <si>
    <t>HDFC BANK LTD, F END UNIT 1ST OPEN MARKET, NEW TEHRI,  DISTT TEHRI GARHWAL, TEHRI, UTTARAKHAND</t>
  </si>
  <si>
    <t>HDFC BANK LTD, MAIN BAZAR, VPO SUNNI, SEONI, HIMACHAL PRADESH</t>
  </si>
  <si>
    <t>HDFC BANK LTD, GROUND FLOOR, DR WAZIR ALI ROAD,  GAYA, GAYA, BIHAR</t>
  </si>
  <si>
    <t>HDFC BANK LTD, 87 (A) KHWAI BAZAR, PAONA BAZAR,  IMPHAL WEST, IMPHAL, MANIPUR</t>
  </si>
  <si>
    <t>GROUND FLOOR,  HANDE COMPLEX, KARMALA ROAD,  A/P. TEMBHURNI, TAL - MADHA,  DIST-SOLAPUR, SOLAPUR, MAHARASHTRA</t>
  </si>
  <si>
    <t>HDFC BANK LTD., GOLA ROAD, MOHAMMADI LAKHIMPUR KHERI, MOHAMMADI, UTTAR PRADESH</t>
  </si>
  <si>
    <t>L 112 LAJPAT NAGAR II, CENTRAL MARKET, NEW DELHI, NEW DELHI, DELHI</t>
  </si>
  <si>
    <t>NO. 7-188/2, SRINIVAS NAGAR COLONY, GHATKESAR, RANGA REDDY DISTRICT, TELANGANA, RANGA REDDY, TELANGANA</t>
  </si>
  <si>
    <t>HDFC BANK LTD., 67 COSSIPORE ROAD, KOLKATA, KOLKATA, WEST BENGAL</t>
  </si>
  <si>
    <t>SHREEJI COMPLEX, 1ST FLOOR, OUTSIDE VERAD GATE, BESIDES SAURASHTRA GRAMIN, BANK., BHANVAD, GUJARAT</t>
  </si>
  <si>
    <t>HDFC BANK LTD, NEAR RANIPOOL CHECK POST, RANIPOOL,  SIKKIM, RANIPOOL, SIKKIM</t>
  </si>
  <si>
    <t>HDFC BANK LTD.,  GROUND FLOOR,  , NEAR - KOTWALI KHAGA,  WARD NO.14, CHAURA KHER NEWN,  VILLAGE-SHAHAZADP, KHAGA, UTTAR PRADESH</t>
  </si>
  <si>
    <t>ABOVE SHOPPING CENTER NO.4, APMC MARKET YARD,  NATIONAL HIGHWAY, GONDAL BYPASS,  GONDAL, GONDAL, GUJARAT</t>
  </si>
  <si>
    <t>GROUND FLOOR BASWAR COMPLEX, OPP. NAHARU  MARKET, NEAR BUS STAND SAONER, SAVNER, MAHARASHTRA</t>
  </si>
  <si>
    <t>VPO BUNDALA , TARAN TARAN ROAD , BUNDALA ., BUNDALA, PUNJAB</t>
  </si>
  <si>
    <t>HDFC BANK LTD., NEW GRAIN MARKET, NEAR DURGA MANDIR GATE, RAJPURA, RAJPURA, PUNJAB</t>
  </si>
  <si>
    <t>NAYA BAZAR, BHARWARI-MANJHANPUR ROAD, BHARWARI,  DIST.- KAUSHAMBHI, KAUSHAMBI, UTTAR PRADESH</t>
  </si>
  <si>
    <t>JAYDEV VIHAR,  BHUBANESWAR, NEAR BIJU PATNAIK COLLEGE, DIST - KHURDA, BHUBANESWAR, ODISHA</t>
  </si>
  <si>
    <t>UPPER GROUND FLOOR, PLOT NO.CP 4,  SHEKHUPURA YOJNA, KURSI ROAD,  VIKAS NAGAR, LUCKNOW, UTTAR PRADESH</t>
  </si>
  <si>
    <t>BALAJI COMPLEX, NEAR AHILYABAI HOLKAR SCHOOL, LONI,  TALUKA RAHATA, LONI, MAHARASHTRA</t>
  </si>
  <si>
    <t>HDFC BANK LTD., # 8-36 KOTHAPETA , DHONE, DHONE, ANDHRA PRADESH</t>
  </si>
  <si>
    <t>PLOT NO A-3,  NH-2,  AGRA DELHI RAOD, NEAR JAI GURUDEV MANDIR, DIST - MATHURA, MATHURA, UTTAR PRADESH</t>
  </si>
  <si>
    <t>HDFC BANK LTD., MAIN ROAD, THANA BHAWAN, MUZAFFARNAGAR, UTTAR PRADESH</t>
  </si>
  <si>
    <t>127,  RAMDASPETH, NAGPUR, MAHARASHTRA., NAGPUR, MAHARASHTRA</t>
  </si>
  <si>
    <t>HDFC BANK LTD, 13,  SULEM SARAI, ALLAHABAD, ALLAHABAD, UTTAR PRADESH</t>
  </si>
  <si>
    <t>BUTALA ROAD MAIN CHOWNK, VPO SATHIALA, TEHSIL BABA BAKALA, AMRITSAR, PUNJAB</t>
  </si>
  <si>
    <t>Ground Floor, D.No: 7-551/B/Shop No:1, Raja Rajeswari Towers, Nidamarru Road, Mangalagiri, Dist. Guntur, Andhra Pradesh</t>
  </si>
  <si>
    <t>Sy.No-308/1(Old Survey No-452) GT Road, Peddapadu Road, Entrance to Friends Colony, Srikakulam, Andhra Pradesh.</t>
  </si>
  <si>
    <t>Ground Floor, D.No: 21-1-56, 21-1-56/1, Jandhyala Vari Street, Ramalingeswara Pet, Devi Chowk, Tenali, Andhrapradesh</t>
  </si>
  <si>
    <t>HDFC Bank, Grd. Floor, Near Bharat Petroleum Petrol Pump, Marwahi Road, Vidya Nagar, Ward No.12, Pendra Dist. Bilaspur, Chhattisgarh - 495119</t>
  </si>
  <si>
    <t>Upper ground floor,shop no-04,Arcade Palasia,Near Greater Kailash Hospital,Palasia Main Road,Indore,MadhyaPradesh</t>
  </si>
  <si>
    <t>Ground Floor, Silver Spring Apartment, D. No. 9-392/1/1/GF-1 &amp; 9-392/1/2/GF-2, Plot No. 12, Block No. 9, Ramalayam Veedi, Visalakshinagar, Visakhapatnam</t>
  </si>
  <si>
    <t>Ground Floor, D. No. 2-30-15, MIG-IB-15, Sector - 6, MVP Colony, Visakhapatnam, Andhra Pradesh</t>
  </si>
  <si>
    <t>No.76A,1&amp;2,Sengazhuneerodai Street, Ground and First Floor, KANCHIPURAM</t>
  </si>
  <si>
    <t>Ground Floor,D.No.23-1-14-4, Korukonda Road, Rajahmundry, Andhra Pradesh</t>
  </si>
  <si>
    <t>Ground Floor, Near Check Post, Opp. IOC Petrol Bunk, Kamavarapukota, Dist. West Godavari, Andhra Pradesh</t>
  </si>
  <si>
    <t>Ground Floor, 6-375, JOJODE Ganga Plaza, Azad Nagar, Bellary Road,  Anantapur, Andhra Pradesh</t>
  </si>
  <si>
    <t>Gr Floor, 1st and 2nd Floor, 8,93,1,1 Lankelapalem Main Road, NH 16, Lankelapalem, Visakhapatanam</t>
  </si>
  <si>
    <t>HDFC Bank Ltd., No.9, Ground Floor, Abdul Kaffar Khan Road, Chinna Chokkikulam, Madurai</t>
  </si>
  <si>
    <t>DFC Bank Ltd. Infront of Gandhi Park M.S. Road Joura Distt. Morena Madhya Pradesh</t>
  </si>
  <si>
    <t xml:space="preserve">HDFC Bank Ltd, Ground Floor, shop no 1 to 6 Sanskruti Complex Gate no 249-1,kadamwakwasti ,pune solapur Highway Loni Kalbhor pune Maharashtra </t>
  </si>
  <si>
    <t>Nirmalla Enclave, Ground Floor, 113/3, Dakshindari Road, Sreebhumi, Lake Town, Dist North24 Parganas, Kolkata</t>
  </si>
  <si>
    <t>HDFC Bank Ltd. HA-6, Ground Floor, ector-III, Salt Lake, Kolkata</t>
  </si>
  <si>
    <t>HDFC Bank Ltd. Ground Floor, Venglai, Opp. Sumo Stand, Kolasib, Mizoram,</t>
  </si>
  <si>
    <t>Ground Floor,Shop No.3/1402,Unik Impex,Near Canara Bank,Opp ITI Ltd,Kanjikode,Palakkad</t>
  </si>
  <si>
    <t>HDFC Bank Ltd., Ground Floor, Aikaraparambil Building, Door No. 19/126-A, Opp. Milma Diary, SN Jn., Thripunithura, Dist. Ernakulam, Kerala - 682301</t>
  </si>
  <si>
    <t>HDFC Bank Ltd, Plot No. 11 &amp; 12, Survey No. 181-2 Maruti Nagar, Near Police Station, Muddebihal - 586 212. District Vijayapura. Karnataka</t>
  </si>
  <si>
    <t>HDFC Bank Ltd.G- 41 / 66 / 67, Cine Star Central Spine, Vidhyadhar Nagar , Jaipur, Rajasthan - 302039</t>
  </si>
  <si>
    <t>HDFC Bank Ltd, Ground Floor,CP1,Industrial Area MIA Extesnison, Udaipur</t>
  </si>
  <si>
    <t>HDFC BANK LTD.,  INFOCITY CAMPUS, CHANDOKA INDUSTRIAL AREA, BHUBANESWAR,  ODISHA, BHUBANESWAR, ODISHA</t>
  </si>
  <si>
    <t>BATKHERA WARD, NEAR ICICI BANK,  HAIDERGARH, BARABANKI - UTTAR PRADESH, HAIDERGARH, UTTAR PRADESH</t>
  </si>
  <si>
    <t>RAJIV GANDHI SEVA KENDRA, HIRAPUR GRAM PANCHAYAT, LOISINGA,  BOLANGIR, LOISINGA, ODISHA</t>
  </si>
  <si>
    <t>GROUND FLOOR, SURVEY NO. 30/10, PIPELINE ROAD, OPP. NAKSHTRA LAWNS, NASHIK, MAHARASHTRA</t>
  </si>
  <si>
    <t>46/12 ZAHEERUL HASAN ROAD, OPP. MADHOKUNJ NAYA KATRA, ALLAHABAD, ALLAHABAD, UTTAR PRADESH</t>
  </si>
  <si>
    <t>HDFC BANK LTD.,  H3, SECTOR NO.1,  SHAKTI NAGAR,  , BHOPAL,  MADHYA PRADESH, BHOPAL, MADHYA PRADESH</t>
  </si>
  <si>
    <t># 15 / 37,  1ST AVENUE, SHASTRI NAGAR,  (NEXT TO BSNL), CHENNAI, CHENNAI, TAMIL NADU</t>
  </si>
  <si>
    <t>CHAKOR KI PULIYA, NEAR NAGAR PALIKA, LASHKAR ROAD,  BHIND, BHIND, MADHYA PRADESH</t>
  </si>
  <si>
    <t>HDFC BANK LTD., 10-C,  MANDAKINI COLONY, KOLAR ROAD, BHOPAL, MADHYA PRADESH</t>
  </si>
  <si>
    <t>HDFC BANK LTD., LOHIYA CHOWK, NH 78 BURHAR,  DIST-SHAHDOL, BURHAR, MADHYA PRADESH</t>
  </si>
  <si>
    <t>PLOT NO 113, NEAR CENTAL BANK OF INDIA, HOSHANGABAD ROAD, OBEDULLAGANJ, MADHYA PRADESH</t>
  </si>
  <si>
    <t>HDFC BANK LTD., RAJ HOTEL, NAGPUR ROAD, MUL, DIST - CHANDRAPUR, MUL, MAHARASHTRA</t>
  </si>
  <si>
    <t>HDFC BANK LTD., 40,  BANGUR AVENUE, BLOCK A,  KOLKATA, KOLKATA, WEST BENGAL</t>
  </si>
  <si>
    <t>GRD FLR. MAHENDRA MEMORIAL CENTER, VADALA - PATHARDI ROAD, VEER SAWARKAR CHOWK, NASHIK, MAHARASHTRA</t>
  </si>
  <si>
    <t>HDFC BANK LTD,  BHIM MARKET, BARHAN ROAD, ETMADPUR, AGRA-UTTAR PRADESH, ETMADPUR, UTTAR PRADESH</t>
  </si>
  <si>
    <t>HDFC BANK LTD.,  44/1,  , KHITAOLA BAZAR,  SIHORA, DIST. JABALPUR,  MADHYA PRADESH, SIHORA, MADHYA PRADESH</t>
  </si>
  <si>
    <t>ABHILASHA BHAWAN,  H NO. 1, R J PURAM,  MEHROTRA FARM, BHIND ROAD,  D D NAGAR, GWALIOR, MADHYA PRADESH</t>
  </si>
  <si>
    <t>GROUND FLOOR,  KMJ COMPLEX, MAMANJI MUKKU,  THEVARA, ERNAKULAM DIST,  KERALA, KOCHI, KERALA</t>
  </si>
  <si>
    <t>HDFC BANK LTD, JASWANTA ROAD, PANBAZAR , GUWAHATI, GUWAHATI, ASSAM</t>
  </si>
  <si>
    <t>HDFC BANK LTD., SHAKTI TOWER,  UPPER GROUND FLOOR, JORAPHATAK,  MAIN ROAD., DHANBAD, JHARKHAND</t>
  </si>
  <si>
    <t>HDFC BANK LTD, 42/4 A, SHANTHIPURA MAIN ROAD NEXT TO TCS, ELECTRONIC CITY PHASE-II, BANGALORE, KARNATAKA</t>
  </si>
  <si>
    <t>GROUND FLOOR,  DOOR NO. V/248-A1, E M BABY ARCADE(MADEIRA RESIDENCY), ERATTAYAR ROAD, KATTAPPANA P.O, KATTAPPANA, KERALA</t>
  </si>
  <si>
    <t>SHOP NO 107-110, GROUND FLOOR, RAYSON ARCADE, PLOT NO 139-SECTOR 8, GANDHIDHAM-KACHCHH, GANDHIDHAM, GUJARAT</t>
  </si>
  <si>
    <t>HDFC BANK LTD., WARD NO.14 TIKAN KHEDI, BERASIA,  BHOPAL, BERASIA, MADHYA PRADESH</t>
  </si>
  <si>
    <t>GROUND FLOOR,  DELTA HOUSE, PLOT NO-26, 33/A&amp;34/B, SURVEY NO-68, ALLWYN CROSS ROADS,  MIYAPUR, HYDERABAD, TELANGANA</t>
  </si>
  <si>
    <t>HDFC BANK LTD,   SYMPHONY TOWER,  , GROUND FLOOR,  SHOP NO 2 AND 3, NEW LINK ROAD,  KANDIVALI WEST, MUMBAI, MAHARASHTRA</t>
  </si>
  <si>
    <t>SHANTI SADAN, NO.167/2,  167/B1, BAJPE MRPL ROAD, OPP. COPORATION MARKET,  SURATHKAL, SURATHKAL, KARNATAKA</t>
  </si>
  <si>
    <t>SHOP NO. 1 TO 5,  NATHDWARA AVENUE, OPP RUKSHMANI PARTY PLOT, NEAR PARIVAR CHAR RASTA, VADODARA, GUJARAT</t>
  </si>
  <si>
    <t>GROUND AND FIRST FLOOR, MARUTI SQUARE, OPP.SHIVAM PARTY PLOT, VADODARA, GUJARAT</t>
  </si>
  <si>
    <t>SHOP NO.3,  SWASTIK TRADE CENTER, OPP FAME TALKIES, NASHIK-PUNE ROAD,  NASHIK, NASHIK, MAHARASHTRA</t>
  </si>
  <si>
    <t>OLD NO. 11/11A, NEW NO. 2/4, FIRST FLOOR, KAMALA 1ST STREET, CHINNA CHOKKIKULAM, THALLAKULAM POST, MADURAI, TAMIL NADU</t>
  </si>
  <si>
    <t>GROUND FLOOR - G-3, DESTINATION CENTER - 1, NANDED CITY, SINHAGAD ROAD., PUNE, MAHARASHTRA</t>
  </si>
  <si>
    <t>GROUND FLOOR,  SHOP NO. 23, 24, 25, 26, RISE ON PLAZA,  SARTHANA JAKATNAKA, SARTHANA,  SURAT, SURAT, GUJARAT</t>
  </si>
  <si>
    <t>KHASRA NO - 303, 304, 306, 307,  , VILLAGE - CHAURA,  TEHSIL  CHAIRI, CHAURA,  DISTT - GAURAKHPUR,  , GORAKHPUR, UTTAR PRADESH</t>
  </si>
  <si>
    <t>GAJANAN SANKUL, MALEGAON ROAD, NAMPUR, TAL-SATANA, DIST-NASIK, NAMPUR, MAHARASHTRA</t>
  </si>
  <si>
    <t>HDFC BANK LTD, KOHINOOR COMPLEX, OM SAI NAGAR,  PADGHA, MUMBAI, MAHARASHTRA</t>
  </si>
  <si>
    <t>NO 20,  GROUND FLOOR, 5TH CROSS,  5TH MAIN,  GANDHINAGAR, BANGALORE, BANGALORE, KARNATAKA</t>
  </si>
  <si>
    <t>GROUND FLOOR,  PRAGATI TOWERS, OPP BUS STAND,  BILAGI , BAGALKOT DISTRICT, BILAGI, KARNATAKA</t>
  </si>
  <si>
    <t>HDFC BANK LTD.,  GROUND FLOOR, GAJANANA CIRCLE,  M G ROAD, CHINTAMANI, CHINTAMANI, KARNATAKA</t>
  </si>
  <si>
    <t>HDFC BANK LTD., GROUND FLOOR, MAHARANA PRATAP CHOWK, BADNAGAR,  DIST::-UJJAIN, BADNAGAR, MADHYA PRADESH</t>
  </si>
  <si>
    <t>HDFC BANK LTD.,  LOHA MANDI, STATION ROAD,  KISHANGARH-RENWAL, DISTRICT-JAIPUR ,  RAJASTHAN, KISHANGARH RENWAL, RAJASTHAN</t>
  </si>
  <si>
    <t>OPPOSITE RABINDRA BHAWAN, GNB ROAD,  AMBARI, GUWAHATI, GUWAHATI, ASSAM</t>
  </si>
  <si>
    <t>147,  SURYA NAGAR, NEAR H.B. TOWN SQUARE, NAGPUR, NAGPUR, MAHARASHTRA</t>
  </si>
  <si>
    <t>PLOT NUMBER - 385,  1ST FLOOR, PATIA,  NEAR KOEL CAMPUS, BHUBANESWAR,  ODISHA, BHUBANESWAR, ODISHA</t>
  </si>
  <si>
    <t>DOOR NO 2-2-1105/82-D, GROUND FLOOR, JAIN CHAMBERS,  TILAK NAGAR X RAODS, SHIVAM ROAD,  HYDERABAD, HYDERABAD, TELANGANA</t>
  </si>
  <si>
    <t>HDFC BANK LTD,  PALTAN BAZAR BRANCH, COMMERCIAL BUILDING, NEAR VISHAL MEGA MART,  A. T. ROAD,  , GUWAHATI, ASSAM</t>
  </si>
  <si>
    <t>MADHUBAN HALL, NEAR WATER TANK WADA ROAD, BELOW LIC OFFICE RAJGURU NAGAR PUNE, PUNE, MAHARASHTRA</t>
  </si>
  <si>
    <t>HDFC BANK LTD, NIRMAL SHAKUNTALA PLAZA, OPP. SHIV MANDIR, MAHENDRU, PATNA, BIHAR</t>
  </si>
  <si>
    <t>4/48, MALCHA MARG SHOPPING COMPLEX, CHANKYAPURI, NEW DELHI, NEW DELHI, DELHI</t>
  </si>
  <si>
    <t>HDFC BANK LTD., COLLEGE ROAD, GANGAPURCITY., GANGAPURCITY, RAJASTHAN</t>
  </si>
  <si>
    <t>S-21 , SHIVALIK NAGAR , BHEL RANIPUR, HARIDWAR, HARIDWAR, UTTARAKHAND</t>
  </si>
  <si>
    <t>HDFC BANK LTD, AMRAPALI EDEN PARK,  SEC-50,  NOIDA, DISTT. GAUTAM BUDH NAGAR, NOIDA, UTTAR PRADESH</t>
  </si>
  <si>
    <t>SHOP NO 63-66, GANGA SHOPPING COMPLEX, BLOCK NO 2, SECTOR 29,  NOIDA, NOIDA, UTTAR PRADESH</t>
  </si>
  <si>
    <t>HDFC BANK LTD.,  NO-101, VERSOVA LAYOUT, C V RAMAN NAGAR ,  BANGALORE, BANGALORE, KARNATAKA</t>
  </si>
  <si>
    <t>1ST FLOOR,  MANORATAN PLAZA, SEVOKE ROAD, SILIGURI, SILIGURI, WEST BENGAL</t>
  </si>
  <si>
    <t>WARD NO.-9,  NEAR LIC BUILDING, LUCKNOW-ALLAHABAD ROAD, TOWN BACHHRAWAN, TEHSIL- MAHARAJGANJ, BACHHRAWAN, UTTAR PRADESH</t>
  </si>
  <si>
    <t>HDFC BANK LTD, RAMPUR ROAD OPP AXIS BANK, BAZPUR, BAZPUR, UTTARAKHAND</t>
  </si>
  <si>
    <t>VAIKUNTHAM,  1ST FLOOR, OPPOSITE POLICE LINE, HIRAPUR,  DHANBAD, DHANBAD, JHARKHAND</t>
  </si>
  <si>
    <t>SHOP 13-15, OPP SANGANER POLICE STATION, AIRPORT CIRCLE,  BEHIND SHANI MANDIR, JAIPUR, RAJASTHAN</t>
  </si>
  <si>
    <t>SEC - 5,  J - BLOCK , VARDHMAN PLAZA, BAWANA INDUSTRIAL AREA, NEW DELHI, NEW DELHI, DELHI</t>
  </si>
  <si>
    <t>PLOT NO 484/1908, MADHUSUDAN NAGAR, DISTRICT-KHURDA, BHUBANESWAR, ODISHA</t>
  </si>
  <si>
    <t>HDFC BANK LTD., MAHATAB ROAD, DOLAMUNDAI,  ODISHA, CUTTACK, ODISHA</t>
  </si>
  <si>
    <t>HDFC BANK LTD, GANDHI SQUARE , DHAMANGAON RAILWAY, DHAMANGAON RAILWAY, MAHARASHTRA</t>
  </si>
  <si>
    <t>CRESCENS BUILDING ,  MG ROAD , OPPOSITE MEGHALAYA SECRETARIAT, SHILLONG, SHILLONG, MEGHALAYA</t>
  </si>
  <si>
    <t>D-25 ,  M G ROAD , UPPER KHATLA , AIZAWL, AIZAWL, MIZORAM</t>
  </si>
  <si>
    <t>HDFC BANK LTD, SHOP NO. 107,  RMS HOUSING SOCIETY, TRONICA CITY,  LONI, GHAZIABAD, UTTAR PRADESH</t>
  </si>
  <si>
    <t>MAWLAI NONGLUM,  BLOCK -IV, OPPOSITE STANELY ROY, MAHINDRA SHOWROOM, SHILLONG, MEGHALAYA</t>
  </si>
  <si>
    <t>HDFC BANK LTD, NR HIGHER SEC SCHOOL, VILLAGE SADI, SADI, RAJASTHAN</t>
  </si>
  <si>
    <t>HDFC BANK LTD., F-BLOCK, GAUR HOMES, GOVINDPURAM, GHAZIABAD, GHAZIABAD, UTTAR PRADESH</t>
  </si>
  <si>
    <t>ANISHA HEIGHTS, SATARA PANDHARPUR ROAD, KOREGAON, KOREGAON, MAHARASHTRA</t>
  </si>
  <si>
    <t>BARAMA BAZAR, VILLAGE AND PO - BARAMA, DISTRICT - BAKSA, BARAMA, ASSAM</t>
  </si>
  <si>
    <t>UNIT NO. 1,  A - 91, OKHLA INDUSTRIAL AREA, PHASE II,  NEW DELHI, NEW DELHI, DELHI</t>
  </si>
  <si>
    <t>HDFC BANK LTD., F-213/B, LADO SARAI, NEW DELHI, DELHI</t>
  </si>
  <si>
    <t>AT-KANDASARA, PO-NALCO NAGAR, NEAR SBI BANK, DIST-ANGUL, ANGUL, ODISHA</t>
  </si>
  <si>
    <t>HDFC BANK LTD. ,  GROUND FLOOR, H.NO. 133,  WARD NO.9,  SAMRAT NAGAR, RAJ GHAT,  HARRAIYA, BASTI, UTTAR PRADESH</t>
  </si>
  <si>
    <t>DARAA TOWER,  PAZHAYA ROAD, MEDICAL COLLEGE , P.O.,  TRIVANDRUM, TRIVANDRUM, KERALA</t>
  </si>
  <si>
    <t>PLOT NO. 2-4-135/4, KAARVI ARCADE,  1ST FLOOR, NAGOLE MAIN ROAD, HYDERABAD, TELANGANA</t>
  </si>
  <si>
    <t>HDFC BANK LTD, NEAR COURT, ASIFABAD ROAD, RAJURA, RAJURA, MAHARASHTRA</t>
  </si>
  <si>
    <t>HDFC BANK LTD., CHINGMEIRONG,  MAMANG LEKAI, IMPHAL, IMPHAL, MANIPUR</t>
  </si>
  <si>
    <t>HDFC BANK LTD,  PLOT NO 4763, NEW SECRETARIAT ROAD, PHEZOUCHA,  KOHIMA., KOHIMA, NAGALAND</t>
  </si>
  <si>
    <t>HDFC Bank Ltd,  Assandh Road Kohand Distt Karnal  Haryana.</t>
  </si>
  <si>
    <t># 15-31/24, 25, 26,  NDT COMPLEX, MAIN ROAD,  NAGARKURNOOL, MAHABUBNAGAR DIST,  TELANAGANA., NAGARKURNOOL, TELANGANA</t>
  </si>
  <si>
    <t>HOUSE NO-186, OPP GATE NO 5 SFS FLATS, GAUTAM NAGAR NEW DELHI, NEW DELHI, DELHI</t>
  </si>
  <si>
    <t>MATOSHRI, PLOT NO.- 6, OPP.BOI, KATOL ROAD, KALAMESHWAR, KALAMESHWAR, MAHARASHTRA</t>
  </si>
  <si>
    <t>HDFC BANK LTD.,  AT-BIJAPUR, PO-BORIGUMA, DIST-KORAPUT,  ODISHA, BIJAPUR, ODISHA</t>
  </si>
  <si>
    <t>UPPER GROUND FLOOR, 15, SECTOR 17, C/8, DWARKA, NEW DELHI, DELHI</t>
  </si>
  <si>
    <t>MUNKA BAGICHA CHOWK, NEAR HANUMAN MANDIR, HAZARIBAGH, HAZARIBAGH, JHARKHAND</t>
  </si>
  <si>
    <t>HDFC BANK LTD., 1 E/4 JHANDEWALAN EXTENSION, NEW DELHI, NEW DELHI, DELHI</t>
  </si>
  <si>
    <t>A/19-22,  GROUND FLOOR, LILAMANI TRADE CENTER, NR DELHI DARWAJA, AHMEDABAD, AHMEDABAD, GUJARAT</t>
  </si>
  <si>
    <t>GAJANAN TOWERS,  UPPER GROUND FLOOR, PLOT NO-60,  BUDHA NAGAR, KALPANA SQUARE,  BHUBANESWAR, BHUBANESWAR, ODISHA</t>
  </si>
  <si>
    <t>HOUSE NO. S-4/73-E-2,  MAURYA VIHAR, OPP. PAHARIYA MANDI, PAHARIYA SARNATH, VARANASI, UTTAR PRADESH</t>
  </si>
  <si>
    <t>ADJ. PNB,  RASRA- CHILKEHAR ROAD, VILLAGE MATIHI, POST OFFICE DUMARI, BALLIA, UTTAR PRADESH</t>
  </si>
  <si>
    <t>HDFC BANK LTD., KANCHAPADA,  SIMULIA, BALASORE, KANCHAPADA, ODISHA</t>
  </si>
  <si>
    <t>S R AQUA BUILDING,  AT-CHUDA, PO-DABARDHUAPATNA,  BLOCK-BOLAGARH, DISTRICT-KHURDA,  ODISHA., BOLAGARH, ODISHA</t>
  </si>
  <si>
    <t>UPPER GROUND FLOOR, AMBESHWARI PALACE BETIAHATA , GORAKHPUR, GORAKHPUR, UTTAR PRADESH</t>
  </si>
  <si>
    <t>HDFC BANK LTD, DUDHOLA CHOWK,  NEAR GT ROAD, NH - 2,  PIRTHLA,  DISTRICT PALWAL, PALWAL, HARYANA</t>
  </si>
  <si>
    <t>HDFC BANK LTD., BAHADURPUR ROAD, JAIS RAIBARELI UP, JAIS, UTTAR PRADESH</t>
  </si>
  <si>
    <t>WARD NO 8, BHATHAT ROAD,  PIPRAICH, GORAKHPUR, PIPRAICH, UTTAR PRADESH</t>
  </si>
  <si>
    <t>HOUSE NO 206, PANCHWATI ROAD, NEAR SAMI BAGH COLONEY, RAMNAGAR(VARANASI), VARANASI, UTTAR PRADESH</t>
  </si>
  <si>
    <t>PARSADEPUR ROAD,  SALON, DISTT  RAIBARELI, UTTAR PRADESH, SALON, UTTAR PRADESH</t>
  </si>
  <si>
    <t>GROUND FLOOR,  A 134-135, VIKAS MARG,  SHAKARPUR, OPPOSITE LAXMI NAGAR METRO PILLAR37, DELHI, DELHI</t>
  </si>
  <si>
    <t>SP DENTAL COLLEGE, TELIBAGH , RAE BAREILLY ROAD,  LUCKNOW, LUCKNOW, UTTAR PRADESH</t>
  </si>
  <si>
    <t>HDFC BANK LTD., H NO 39, MOH - SHANKAR GANJ, TEH - BISWAN,  SITAPUR, BISWAN, UTTAR PRADESH</t>
  </si>
  <si>
    <t>HDFC Bank LTD, Near PWD Office,  Jodhpur Chourah,  Ahore, Dist.  Jalore. Rajasthan</t>
  </si>
  <si>
    <t>HDFC Bank Ltd., Ground Floor, D-67, Opp. AVM School, Ambabari, Jaipur, Rajasthan.</t>
  </si>
  <si>
    <t>HDFC Bank Ltd, Rania Ground Floor, House No-252 A, N.H-19, Tehsil Akbarpur, Rania</t>
  </si>
  <si>
    <t>HDFC Bank Ltd., Upper ground Floor,Lohia Jain Avenue , 1st floor showroom, Sr. No 150,Paud Road, Chandani Chowk, Pune – 411038</t>
  </si>
  <si>
    <t>HDFC Bank Ltd. Ground floor, Shop No. 1, 2,3 Solitaire, Petlad Road, Nadiad</t>
  </si>
  <si>
    <t>HDFC Bank Ltd., Ground floor, Shop No. 33 to 37, Kruti Onella, Nr Hotel Fortune, Nr Ambedkar Chowk, 150 FT Ring Road, Rajkot – 360004</t>
  </si>
  <si>
    <t>Ground Floor, 48E/1A/2, South Bypass Road, Near Passport office,  Tirunelveli</t>
  </si>
  <si>
    <t>Ground Floor, Kinnera Complex,  IMA Hall Road, Satyanarayanapuram, Gudivada, Krishna District,
Andhra Pradesh</t>
  </si>
  <si>
    <t>GROUND FLOOR, SREE VAHINI, NEAR S.V TALKIES,  KADAPAKKADA, KILIKOLLOR P.O, KOLLAM, KOLLAM, KERALA</t>
  </si>
  <si>
    <t>UNITED INSTITUTE OF, ENGINEERING&amp;MANAGEMENT PLOT NO D-2, INDUSTRIAL AREA , NEWADA SAMOGAR, ALLAHABAD, UTTAR PRADESH</t>
  </si>
  <si>
    <t>HDFC BANK LTD, KUNJURI, NEAR INDIAN OIL PETROL PUMP, CHANDESWAR, TANGI, KHORDHA, ODISHA., TANGI, ODISHA</t>
  </si>
  <si>
    <t>C-1/12,  SECTOR-15, NEAR MANAV CHOWK, ROHINI, NEW DELHI, DELHI</t>
  </si>
  <si>
    <t>HDFC BANK LTD.,  GROUND FLOOR, KHASRA NO.1488 KA,  MAHARAJGANJ ROAD, VILLAGE - BHATAHAT,  PARGANA- HAWELI, BHATAHAT, UTTAR PRADESH</t>
  </si>
  <si>
    <t>HDFC BANK LTD,  , GROUND FLOOR,  SERVEY NO.146, MAHUPURA,  A B ROAD, SHAJAPUR, MADHYA PRADESH</t>
  </si>
  <si>
    <t>38 UPTRON ESTATE, NEAR THUMPS UP TIRAHA, DADA NAGAR,  PANKI, KANPUR, UTTAR PRADESH</t>
  </si>
  <si>
    <t>UPPER GROUND FLOOR WARD NO-1, GANDHI NAGAR MAHARAJGANJ, RAEBARELI, RAEBARELI, UTTAR PRADESH</t>
  </si>
  <si>
    <t>197,  KARANPUR, SUGAR MILL ROAD, BABHANAN, BABHANAN, UTTAR PRADESH</t>
  </si>
  <si>
    <t>HDFC BANK LTD., UGF 19,  HOMES - 121, SECTOR - 121,  NOIDA, NOIDA, UTTAR PRADESH</t>
  </si>
  <si>
    <t>DESHAPRIYA PARK BRANCH, 23A,  SARAT BANERJEE ROAD,  KOLKATA, WEST BENGAL, KOLKATA, WEST BENGAL</t>
  </si>
  <si>
    <t>HAZI MARKET,  KURSI CHURAHA, FATEHPUR, BARABANKI, KURSI, UTTAR PRADESH</t>
  </si>
  <si>
    <t>PLOT NO.501/2 , 502/2, 504/2 , SAI TOWER , MAIN MARKET , SAIDPUR( GHAZIPUR), GHAZIPUR, UTTAR PRADESH</t>
  </si>
  <si>
    <t>HDFC BANK LTD., TULIP MALL,  PLOT NO-156A, SECTOR- 46,  NOIDA, NOIDA, UTTAR PRADESH</t>
  </si>
  <si>
    <t>GROUND FLOOR AND MEZZANINE FLOOR, ARTHASHREE SR NO 33, 2, NEW PANCARD CLUB ROAD ,  BANER, PUNE, MAHARASHTRA</t>
  </si>
  <si>
    <t>GROUND FLOOR, GURUDWARA SRI GURU SINGH SABHA, SAMPURNA NAGAR,  KHERI, SAMPURNA NAGAR, UTTAR PRADESH</t>
  </si>
  <si>
    <t>MOHALLA-PRATAP NAGAR, PARGANA- BANSI, TEHSIL-BANSI, SIDDHARTH NAGAR, BANSI, UTTAR PRADESH</t>
  </si>
  <si>
    <t>HDFC BANK LTD., NEAR INDIAN OIL PETROL PUMP, NAUGARH ROAD, SHOHRATGARH, SIDDHARTH NAGAR, UTTAR PRADESH</t>
  </si>
  <si>
    <t>OPP BHARAT PETROL PUMP,  BUILDING NO, 449, VILLAGE BEHRAMPUR,  PARGANA , BIDAHAR,  PO - RAMNAGAR MAHUWARE, RAMNAGAR MAHUWARE, UTTAR PRADESH</t>
  </si>
  <si>
    <t>HDFC BANK LTD., 533, DUM DUM PARK, KOLKATA, KOLKATA, WEST BENGAL</t>
  </si>
  <si>
    <t>#5-152,  TURPU VEEDHI, TULLUR, GUNTUR DIST., GUNTUR, ANDHRA PRADESH</t>
  </si>
  <si>
    <t>1382/2 K-2 SAMRUDHA SANKUL, B-WARD NEW MAHADWAR ROAD, KOLHAPUR, KOLHAPUR, MAHARASHTRA</t>
  </si>
  <si>
    <t>LEFT BLOCK,  AMBEY EXCELLENCY, MAIN ROAD,  CHOTA GAMHARIA, JAMSHEDPUR DIST.- SARAIKELA, SARAIKELA, JHARKHAND</t>
  </si>
  <si>
    <t>H.NO.3-1-542 (OLD), 3-4-49 (NEW), LAKSHMIPURAM,  STONEHOUSEPET, NELLORE, ANDHRA PRADESH</t>
  </si>
  <si>
    <t>TOWER A III, GROUND FLOOR, IT/ITES SEZ, ACTION AREA ID NEW TOWN, KOLKATA, WEST BENGAL</t>
  </si>
  <si>
    <t>TC-V-13-2/A, VIBHUTI KHAND, GOMTI NAGAR, LUCKNOW, UTTAR PRADESH</t>
  </si>
  <si>
    <t>MIRZAGANJ, WALI MARKET TEHSIL ROAD, MALIHABAD,  LUCKNOW, LUCKNOW, UTTAR PRADESH</t>
  </si>
  <si>
    <t>GROUND FLOOR,  SH/8/27, B-SHIVPUR BYPASS ROAD, SHIVPUR VARANASI, VARANASI, UTTAR PRADESH</t>
  </si>
  <si>
    <t>GROUND FLOOR,  NIRMALDEEP BUILDING, 66/9,  SUBASH NAGAR, NEW RAILWAY ROAD,  GURGAON, GURGAON, HARYANA</t>
  </si>
  <si>
    <t>HDFC BANK LIMITED, SCO NO.127, SECTOR 46,  GURGAON, GURGAON, HARYANA</t>
  </si>
  <si>
    <t>DWARIGERIA, CHANDRAKONA ROAD, PASCHIM MEDINIPORE, WEST MIDNAPORE, WEST BENGAL</t>
  </si>
  <si>
    <t>GROUND AND FIRST FLOOR, SONA PLACE, OPP WITI,  DIGHA GHAT,  PATNA., PATNA, BIHAR</t>
  </si>
  <si>
    <t>HDFC BANK LTD, GROUND FLOOR, OPP TALUKA PANCHAYAT, CIVIL COURT OFFICE, BHADRAVATHI, KARNATAKA</t>
  </si>
  <si>
    <t>GROND FLOOR, FAUJI COMPLEX, GOLA-RAMGARH MAIN ROAD, GOLA, JHARKHAND</t>
  </si>
  <si>
    <t>NEAR WATER WORKS, MAIN HISAR ROAD,  VPO ARYA NAGAR, DISTT HISAR, HISAR, HARYANA</t>
  </si>
  <si>
    <t>GROUND FLOOR,  MAIN MARKET ROAD, ADJACANT TO INDUSIND BANK LTD., VPO. LAKHAN MAJRA,  DISTT. ROHTAK, LAKHAN MAJRA, HARYANA</t>
  </si>
  <si>
    <t>GROUND FLOOR,  SCO-37, SECTOR - 18,  GURGAON, HARYANA, GURGAON, HARYANA</t>
  </si>
  <si>
    <t>HDFC BANK LTD., GROUND FLOOR,  GANDHI MARG, RAILWAY ROAD,  ALIGARH, ALIGARH, UTTAR PRADESH</t>
  </si>
  <si>
    <t>FIRST FLOOR,  SUN PLAZA - II, VADASAR TARSALI RING ROAD, NR. VADASAR FLY OVER,  MAKARPURA, VADODARA, GUJARAT</t>
  </si>
  <si>
    <t>HDFC BANK LTD, 65/1,  G.T.ROAD, BORONILPUR,  P.O. SRIPALLY, BURDWAN, WEST BENGAL</t>
  </si>
  <si>
    <t>GROUND FLOOR, J.S TOWER,  SUBHASH NAGAR, BADANU ROAD,  BAREILLY, BAREILLY, UTTAR PRADESH</t>
  </si>
  <si>
    <t>HDFC BANK LTD,  GROUND FLOOR, KHASRA NO-865, VILLAGE KACHNAR, PARGANA KASWAR,   SARKARI RAJATALAB, VARANASI, UTTAR PRADESH</t>
  </si>
  <si>
    <t xml:space="preserve"> 275-5,  15TH MAIN,  RMV EXTENSION,  SADASHIVNAGAR, BANGALORE, BANGALORE, KARNATAKA</t>
  </si>
  <si>
    <t>GROUND FLOOR, # 24/12 SRINIVASA NAGAR, VAYALUR MAIN RD,  TRICHY, TRICHY, TAMIL NADU</t>
  </si>
  <si>
    <t>GROUND FLOOR,  NO.1-25, KALIAMMAN, KOIL STREET, GANPATHRAJNAGAR, MAIN ROAD, CHINMAYA NAGAR, CHENNAI, TAMIL NADU</t>
  </si>
  <si>
    <t>HDFC BANK LTD., FIRST FLOOR,  FOCUS PLAZA, KUTTIKKADU,  PONNANI, PONNANI, KERALA</t>
  </si>
  <si>
    <t>GROUND &amp; FIRST FLOOR, NO. 6,  KAILASH NAGAR, SHOLINGANALLUR,  MEDAVAKKAM ROAD, CHENNAI, TAMIL NADU</t>
  </si>
  <si>
    <t>GROUND FLOOR SHOPS,  SANGALE HOUSE, COLLEGE ROAD ,  AT/POST SAYKHEDA , TAL NIPHAD DIST - NASHIK, NASHIK, MAHARASHTRA</t>
  </si>
  <si>
    <t>GROUND FLOOR,  N H 13, OPPOSITE GIRL HIGH SCHOOL, CHANNAGIRI,  DAVANAGERE, KARNATAKA, CHANNAGIRI, KARNATAKA</t>
  </si>
  <si>
    <t>HDFC BANK LTD, GROUND FLOOR, 54-E, BRAMHAPURAM NIWAS, OLD MUMBAI PUNE HIGHWAY, DEHUROAD, PUNE, MAHARASHTRA</t>
  </si>
  <si>
    <t>HDFC BANK LTD., SCF 66, SECTOR 6, PANCHKULA, HARYANA</t>
  </si>
  <si>
    <t>HDFC BANK LTD., C-9, LOHIYA NAGAR, GHAZIABAD, GHAZIABAD, UTTAR PRADESH</t>
  </si>
  <si>
    <t>GROUND FLOOR, NEAR BUS STAND, CROSSING BALLIA ROAD, TEHSIL &amp; POST, SIKANDARPUR, BALLIA, BALLIA, UTTAR PRADESH</t>
  </si>
  <si>
    <t>GROUND FLOOR, PRINCE PHOTO STUDIO,  1422, CHHAPATI KARAL ROAD,  MAINPURI, MAINPURI, UTTAR PRADESH</t>
  </si>
  <si>
    <t>RAMCHANDRA COMPLES, NEXT TO AXIS ATM,  NAYGAON ROAD, AT POST SHINDE, NASHIK., NASHIK, MAHARASHTRA</t>
  </si>
  <si>
    <t>GROUND FLOOR,  SHOP NO 11 TO 12, GANPATRAO DESHMUKH COMPLEX, OPP POLICE CHAUKI, BAZARPETH OZAR, OZAR, MAHARASHTRA</t>
  </si>
  <si>
    <t>GROUND FLOOR,  No.362, TALAKAVERI LAYOUT ,  AMRUTHAHALLI, MAIN ROAD BYATAYANAPURA, BANGALORE, KARNATAKA</t>
  </si>
  <si>
    <t>DOOR NOS 17, 10 A AND 17, 10 B,     , GROUND AND FIRST FLOOR, PEEDIKAYIL, THEKKATTIL PLAZA, MANNAR, KERALA</t>
  </si>
  <si>
    <t>GROUND FLOOR, NARSAPURA INDUSTRIAL AREA, OPP HONDA FACTORY,  100 FEET ROAD, NARSAPURA, KARNATAKA</t>
  </si>
  <si>
    <t>HDFC BANK LTD., NO. 442,  P.H.ROAD, GROUND FLOOR,  MADURAVOYAL, CHENNAI, TAMIL NADU</t>
  </si>
  <si>
    <t>GROUND FLOOR, SURVEY NO:183/3, DOMMASNDAR, ANEKAL TALUK, SARJAPURA ROAD, BANGALORE, KARNATAKA</t>
  </si>
  <si>
    <t>GROUND FLOOR, S.C.F 83-84, MODEL TOWN, PHASE -1,  BATHINDA, BATHINDA, PUNJAB</t>
  </si>
  <si>
    <t>HDFC BANK LTD,  RAILWAY  WORKSHOP, GROUND &amp; FIRST FLOOR , B-VI-1766 VISHNU NAGAR, JAGADHRI, YAMUNANAGAR, HARYANA</t>
  </si>
  <si>
    <t>GROUND FLOOR ,  NEAR ALLAHABAD BANK, KHUTAR ROAD,  VILL LUKHANPUR POST, BANDA, SHAHJAHANPUR UTTAR PRADESH, BANDA, UTTAR PRADESH</t>
  </si>
  <si>
    <t>HDFC BANK LTD, GROUND FLOOR, ANJALI BUILDING, TEMPLE ROAD, KOMANA AMBALAPPUZHA, AMBALAPPUZHA, KERALA</t>
  </si>
  <si>
    <t>GROUND FLOOR RASQUINHA ROYALE, NR CIDADE DE GOA, DONA PAULA GOA, DONA PAULA, GOA</t>
  </si>
  <si>
    <t>NH 75 ISHA NAGAR, CHOWK NOWGONG, DIST-CHATTARPUR (MP), NOWGONG, MADHYA PRADESH</t>
  </si>
  <si>
    <t>GROUND FLOOR, HOTEL PREETI COMMERCIAL COMPLEX, DHANGARWADI, DIST.SATARA, MAHARASHTRA, SATARA, MAHARASHTRA</t>
  </si>
  <si>
    <t>HDFC BANK LTD., GROUND FLOOR, POOPAS ARCADE, OLAVACODE, PALAKKAD, KERALA</t>
  </si>
  <si>
    <t>34,  CAPT. HEERA SINGH MARG, WARD NO.1,  MAHIDPUR, DIST:-UJJAIN, MAHIDPUR, MADHYA PRADESH</t>
  </si>
  <si>
    <t>HDFC BANK LTD., HEERA COMPLEX,  NEAR MAHARAJA CHOWK, PADMANABHPUR,  DURG (CG), DURG, CHHATTISGARH</t>
  </si>
  <si>
    <t>MARUTI COMPLEX,  GROUND FLOOR, BLOCK NO. 86, PRAGATI NAGAR, HYDERABAD, TELANGANA</t>
  </si>
  <si>
    <t>GROUND &amp; FIRST FLOOR, UMA CITY CENTER,  OPP., INCOME TAX OFFICE,  BALUA TAL, MOTIHARI, BIHAR</t>
  </si>
  <si>
    <t>HDFC BANK LTD.ATAL BAZAR,  , VILLAGE KOSA,  POST KOSA. PAMGARH,  , DISTRICT JANGIR - CHAMPA, CHHATTISGA, PAMGARH, CHHATTISGARH</t>
  </si>
  <si>
    <t>HDFC BANK LTD.,  SHOP NO.6 AND 7,  , YADUVANSHI COMPLEX, KHANVEL,  SILVASSA, KHANVEL, DADRA NAGAR HAVELI</t>
  </si>
  <si>
    <t>96 ,  STATION ROAD , GUSKARA, NEAR GUSKARA BUS STAND, GUSKARA, WEST BENGAL</t>
  </si>
  <si>
    <t>GROUND &amp; 1ST FLOOR, SHOP NO-111-112, SUMER ENCLAVE WATIKA , JAIPUR, JAIPUR, RAJASTHAN</t>
  </si>
  <si>
    <t>HDFC BANK LTD, SHOP NO. 19 &amp; 20,  VIJAI MUKUNDPURA, HIRAWALA ,   NAYLA ROAD,  JAIPUR, JAIPUR, RAJASTHAN</t>
  </si>
  <si>
    <t>HDFC BANK LTD., OPP. RELIANCE CHEMOTEX GATE NO. 2, MAIN ROAD,  KANPUR, UDAIPUR, RAJASTHAN</t>
  </si>
  <si>
    <t>1ST FLOOR BAGWAN COMPLEX, OPP RANI BUNGALOW,  STATION ROAD, CHHOTA UDAIPUR ., CHHOTA UDAIPUR, GUJARAT</t>
  </si>
  <si>
    <t>HDFC BANK LTD., SHOP NO.1, GROUND FLOOR,  SHANTINATH COMPLEX, OPP. BANK OF BARODA,  NEXT TO LEELA , VALSAD, GUJARAT</t>
  </si>
  <si>
    <t>GROUND FLOOR,  VILLAGE - BAJGHERA, POST OFFICE - PALAM VIHAR, NEAR SHRV HARYANA GRAMEEN BANK, GURGAON, HARYANA</t>
  </si>
  <si>
    <t>HDFC BANK LTD., GROUND FLOOR,  SHOWROOM NO. 13, CHINAR BAGH,  VILLAGE FALAULI, PATIALA, PUNJAB</t>
  </si>
  <si>
    <t>GROUND FLOOR,  KASHIPUR ROAD, OPP. GGIC  INTER  COLLEGE, JASPUR, JASPUR, UTTARAKHAND</t>
  </si>
  <si>
    <t>OMJI COMPLEX,  RUDRAPUR, ROAD,  NR. ANDHRA BANK, KICHHA, KICHHA, UTTARAKHAND</t>
  </si>
  <si>
    <t>GROUND FLOOR ,  OPP SANJ KENDRA, VILLAGE JASRAUR , TEHSIL AJNALA DISSTT AMRITSAR , AMRITSAR, PUNJAB</t>
  </si>
  <si>
    <t>HDFC BANK LTD,  , FAZILKA ROAD,  , KHUI KHERA, FAZILKA, PUNJAB</t>
  </si>
  <si>
    <t>GROUND FLOOR, KAMALU ROAD, NEAR PANCHAYAT GHAR, SANDOHA,  BATHINDA, BATHINDA, PUNJAB</t>
  </si>
  <si>
    <t>ADVANT NAVIS BUSINESS PARK, GROUND FLOOR,  UNIT 3, TOWER B, SECTOR 142,  NOIDA, NOIDA, UTTAR PRADESH</t>
  </si>
  <si>
    <t>GROUND FLOOR,  SHOWROOM NO. 1, NEAR SAVITRI TOWER,  VIP ROAD, ZIRAKPUR,  PUNJAB, VIP ZIRAKPUR, PUNJAB</t>
  </si>
  <si>
    <t>HDFC  BANK LTD, SUBHASH CIRCLE, NEAR NAGAR PALIKA,  MALPURA, MALPURA, RAJASTHAN</t>
  </si>
  <si>
    <t>38-30-123/2,  G N MANSIONS, MARRIPALEM HUSSAIN NAGAR, NH -5,  MURALINAGAR, VISAKHAPATNAM, ANDHRA PRADESH</t>
  </si>
  <si>
    <t>NO.1,  GM ARCADE,  1ST BLOCK, 2ND STAGE,  NAGARABHAVI MAIN ROAD, OUTER RING ROAD, BANGALORE, BANGALORE, KARNATAKA</t>
  </si>
  <si>
    <t>HDFC BANK LTD , GROUND FLOOR , SRI MAHABIR TALKIES COMPLEX, DIGWADIH ROAD NO 12, DHANBAD, JHARKHAND</t>
  </si>
  <si>
    <t>BF-88,  GROUND FLOOR, OPPOSITE DILLI HAAT, JANAKPURI, NEW DELHI, NEW DELHI, DELHI</t>
  </si>
  <si>
    <t>HDFC BANK LTD., PATEL NAGAR, SAHARANPUR ROAD,  DEHRADUN, DEHRADUN, UTTARAKHAND</t>
  </si>
  <si>
    <t>HDFC BANK LTD ,  SHOP NO 8 TO 10,  , MAPLE CRYSTAL,  SAHAKARI JIN ROAD, MOTIPURA HIMATNAGAR, HIMATNAGAR, GUJARAT</t>
  </si>
  <si>
    <t>HDFC BANK LTD.,  D.NO. 31-2340,  , BESIDE SRR COLLEGE, MACHAVARAM,  KRISHNA DISTRICT,  , VIJAYAWADA, ANDHRA PRADESH</t>
  </si>
  <si>
    <t>HDFC BANK LTD,  , BARWANI ROAD, NEAR PETROL PUMP,  ANJAD, ANJAD, MADHYA PRADESH</t>
  </si>
  <si>
    <t>SHOP NO. 8 &amp; 38, NYRIKA PLAZA, NEAR TEEN RASTA CIRCLE, ANKLESHWAR, ANKLESHWAR, GUJARAT</t>
  </si>
  <si>
    <t>HDFC BANK LTD,  , GROUND FLOOR,  B 7/8, SHOWROOM BLUE RIDGE, PUNE, MAHARASHTRA</t>
  </si>
  <si>
    <t>GROUND FLOOR, SHOWROOM OF KAPADIA AUTO, S. NO.307A, 4 A-2,  FP NO.138, NASHIK, MAHARASHTRA</t>
  </si>
  <si>
    <t>13-6-434/D/130,  GROUND &amp; 1ST FLOOR, JYOTHI NAGAR,  PILLAR NO87, PVNR EXPRESSWAY,  GUDIMALKAPUR., HYDERABAD, TELANGANA</t>
  </si>
  <si>
    <t>UPPER GROUND FLOOR,  SHOWROOM NO. 2, S. NO. 208/3/2, AMBIENCE EXECUTIVE HOTEL,  WAKAD, PUNE, MAHARASHTRA</t>
  </si>
  <si>
    <t>GROUND &amp; MEZZANINE FLOOR, S.NO 60/7/1A/3 VADGAON (BK), TAL-HAVELI, DHAYARI, PUNE, MAHARASHTRA</t>
  </si>
  <si>
    <t>HDFC BANK LTD.,  NO.186/204,  , KSRTC BUS STOP MAIN ROAD, BESIDES MB ROAD,  KOLAR, KOLAR, KARNATAKA</t>
  </si>
  <si>
    <t>HDFC BANK LTD., 1-39/1,  BYPASS ROAD, KOMARIPALEM, KOMARIPALEM, ANDHRA PRADESH</t>
  </si>
  <si>
    <t>DNO: 9-82, BESIDE BALAJI CINE VILLA, PORANKI, PENAMALURU MANDALAM, PORANKI, ANDHRA PRADESH</t>
  </si>
  <si>
    <t>HDFC BANK LTD., NO -8-109,  SOUZA BUILDING, MAIN ROAD,  KINNIGOLI, MANGALORE, KINNIGOLI, KARNATAKA</t>
  </si>
  <si>
    <t>HDFC BANK LTD.,  A 24-27, ORION IMPERIA,  BHILAD-NAROLI ROAD, NAROLI,  DADRA NAGAR HAVELI, NAROLI, DADRA NAGAR HAVELI</t>
  </si>
  <si>
    <t>HDFC BANK LTD., GROUND FLOOR, SHOP NO. 17 TO 23 &amp; 25, SHUKAN MALL, NEAR VISAT PETROL PUMP, CHANDKHEDA, AHMEDABAD, GUJARAT</t>
  </si>
  <si>
    <t>GROUND FLOOR , NO 1, HARIRAM AILDAS LAYOUT, NEXT TO SHOBHA HOSPITAL , BANGALORE, KARNATAKA</t>
  </si>
  <si>
    <t>HDFC BANK LTD., VAMAPUTHRA BUILDING, K K ROAD, NEYYATTINKARA, TRIVANDRUM, NEYYATTINKARA, KERALA</t>
  </si>
  <si>
    <t>B-003,  BLOCK-B,  SY NO. 196, SUBHISHI TOWN CENTRE, MOKILA VILLAGE, SHANKARPALLY MANDAL, SHANKARPALLY, TELANGANA</t>
  </si>
  <si>
    <t>GROUND FLOOR,  G1 &amp; G6,  RBR TOWERS, SATYAM HEIGHTS,  KKM COLONY, PHASE III,  BACHPALLE,  QUTHUBULLAPUR, HYDERABAD, TELANGANA</t>
  </si>
  <si>
    <t>UPPER GROUND FLOOR, JAIN SHOPPING COMPLEX, OPP.TITLAGARH MUNICIPALITY OFFICE, TITLAGARH, ODISHA</t>
  </si>
  <si>
    <t>HDFC Bank Ltd., No.9/322-6, Bhavani Main Road, Ground Floor, Anthiyur, Erode District</t>
  </si>
  <si>
    <t>HDFC Bank Ltd., Ground Floor, Hotel Shyam Sagar, House No- 1120/A, Dehradun Road, Ramnagar, Tehsil - Roorkee, Dist. Haridwar, Uttarakhand</t>
  </si>
  <si>
    <t>HDFC Bank Ltd., Grd. Floor, Araji No 1444, Konch Badanpura, Sant Lal Ki Bagiya, Naya Patel Nagar, Nadigaun Road, Konch, Dist. Jalaun, Uttar Pradesh</t>
  </si>
  <si>
    <t>HDFC Bank Ltd., Ground Floor, Plot No.7A &amp;7B, Khasra No.537-Min/3, Village Khora,opp C-66sector 57 (Khora Colony) Noida ,Uttar Pradesh.</t>
  </si>
  <si>
    <t>HDFC Bank Ltd.,Anjanadri Plaza Khata No 35-7-28, Kanaka Nagara, NH 234 Sidlaghatta ,Chikkaballapur, KARNATAKA</t>
  </si>
  <si>
    <t xml:space="preserve"> Ground Floor, D.No:38-40-12&amp;13 &amp;14, S.NO 43/14.Kapparada Village, 104 area, Kancharapalem , Visakhapatnam, Andhra Pradesh</t>
  </si>
  <si>
    <t>HDFC BANK LTD GROUND FLOOR BSNL EXCHANGE BUILDING 135 PALAKAD POLLACHI MAIN ROAD OPP TO TOWN BUS STAND COIMBATORE</t>
  </si>
  <si>
    <t>No.56, Tamizh Salai (Halls Road), Near Childrens's Govt. hospital, Egmore, Chennai - 600008</t>
  </si>
  <si>
    <t>HDFC Bank ltd, Opp Vaibhav Hotel, Gorakshan Road, Akola, PIN 444001</t>
  </si>
  <si>
    <t>HDFC Bank Ltd, BSNL Main Office Telephone Exchange Building, Rangapillai Street, Pondicherry</t>
  </si>
  <si>
    <t>Ground &amp; First Floor, H.No:7, MIG-I, In Phase -3, Site -1, Near Basaweshwara Statue, Bypass Road, Sangareddy, Telangana</t>
  </si>
  <si>
    <t>Ground Floor, Divyasree Orion, Raidurga, Rangareddy, Dist., Hyderabad, Telangana</t>
  </si>
  <si>
    <t>Plot No : 6&amp;7, Upper Ground floor, Opp. Vijaya Hospitals, Nagaram Main Road, ECIL Post, Keesara Mandal, Hyderabad.</t>
  </si>
  <si>
    <t>Ground Floor, Plot Nos :105 to 108, Door No. 5-1-135/1/A/NR, Mallapur Main Road, Hyderabad, Telangana</t>
  </si>
  <si>
    <t>HDFC Bank Ltd. Ground Floor &amp; First Floor, SUG Complex, In Front Of PWD Bungalow, Thana Chowk, Khariar, Dist. Nuapada, Odisha</t>
  </si>
  <si>
    <t>HDFC Bank Ltd. Ground Floor, Badabazar, Deulasahi, Ward No- 08, Baripada, Dist- Mayurbhanja, Odisha</t>
  </si>
  <si>
    <t>HDFC Bank Ltd. Ground &amp; First Floor, Nuabhuban, Ward No-2, Near Siva Mandir, PO- Bhuban, Dist- Dhenkanal, Odisha</t>
  </si>
  <si>
    <t>HDFC Bank Ltd, Thirumala, Thiruvananthapuram.</t>
  </si>
  <si>
    <t>D.No.52/1/12, Ground Floor, Jagannadhapuram, Kakinada, Andhra Pradesh</t>
  </si>
  <si>
    <t>Plot No. 5, Grd. &amp; 1st Floor, Narayankhed Municipality, Bypass Road, Sangareddy District, Telangana</t>
  </si>
  <si>
    <t>A-1/3, Doaba Marg, Main Road, Maujpur, New Delhi</t>
  </si>
  <si>
    <t>HDFC Bank Ltd., Ground Floor, VPO Gharyala Khemkaran-Patti Road, Dist. Tarn Taran, Punjab - 143416</t>
  </si>
  <si>
    <t>HDFC Bank Ltd, Shop No.3 to 10, Jaineel Complex, Naroli Road, Dist. Silvassa, Dadra and Nagar Haveli.</t>
  </si>
  <si>
    <t>HDFC Bank Ltd., Ground floor, GD Somani School, Cuffe Parade,Mumbai</t>
  </si>
  <si>
    <t>HDFC Bank Ltd. Ground Floor, Purana Dhamtari Road, Chandrashekhar Azad Ward, Khasra No.-178/8, 178/16, Santoshi Nagar, Dist. Raipur, Chhattisgarh</t>
  </si>
  <si>
    <t>HDFC Bank Ltd., Ground Floor, 387/1A, Orion, Saket - University Main Road, Prabhat Nagar, Dist. Meerut, Uttar Pradesh - 250001</t>
  </si>
  <si>
    <t>HDFC Bank Ltd., Upper Ground, 1st and 2nd floor, 4B/115, Gomti Nagar Extension Lucknow Uttar Pradesh</t>
  </si>
  <si>
    <t>HDFC Bank Ltd., Grd. Floor, Site No. 33, 34 &amp; 35, Dwarakavasa Main Road, 2nd Stage, Bharat Nagar, Off Magadi Main Road, Bangalore, Karnataka - 560091</t>
  </si>
  <si>
    <t>HDFC Bank Ltd. Ground Floor, Ramkrishna Colony, Ward No.1, Malbazar , 	
Jalpaiguri, west Bengal</t>
  </si>
  <si>
    <t>Ground Floor, Anand Surya, 100 Feet Ring Road, 15th Cross, J P Nagar 6th Phase, Bangalore</t>
  </si>
  <si>
    <t>HDFC Bank Limited, Ground Floor, BSNL Telephone Exchange Building Mary's Corner, Nagapattinam Road,Thanjavur</t>
  </si>
  <si>
    <t>HDFC Bank Ltd.,Door No.3/212,Ground Floor, Rose Tower, Hospital Junction, Kundara, Dist. Kollam, Kerala - 691501</t>
  </si>
  <si>
    <t>HDFC Bank Ltd., Grd. Floor, No. 2637, PID No. 21-3-289, Balambid Cross, Chikkerur Road, Hirekerur, Dist. Haveri, Karnataka - 581111</t>
  </si>
  <si>
    <t>H.NO 272/8 SECTOR G, SAINIK COLONY, JAMMU</t>
  </si>
  <si>
    <t>HDFC Bank Ltd. Ground floor ward No. 15 Kalu Road Lunkaransar</t>
  </si>
  <si>
    <t>HDFC Bank Ltd., Grd. Floor, I/45, Keshav Nagar, Gate No. 2, Numaishe Camp, Dist. Saharanpur, Uttar Pradesh - 247001.</t>
  </si>
  <si>
    <t>Grd. Floor, H. No.12-113/11, Toopran Road, Gajwel Mandal, Gajwel, Dist. Siddipet, Telangana</t>
  </si>
  <si>
    <t>Ground. Floor, H. No. 11-297, Ranga Samudram, Porumamilla, Dist. YSR Kadapa, Andhra Pradesh</t>
  </si>
  <si>
    <t>Ground Floor, House No. 14-1-155, Survey No. 262/1,</t>
  </si>
  <si>
    <t xml:space="preserve">1st &amp; 2nd Floor, Premises No 415 , Plot No 8, Kothirampur, Near Kaman Chowrastha,  Rampur, Dist. Karimnagar, Telangana </t>
  </si>
  <si>
    <t>GROUND FLOOR,   NO 34 B, THIRUVIDAIMARADUR MAIN ROAD, KUMBAKONAM,  THANJAVUR, KUMBAKONAM, TAMIL NADU</t>
  </si>
  <si>
    <t>HDFC BANK LTD,  PLOT NO 468 AND 478, ROHIT NAGAR PHASE 1, NEAR JAANKI HOSPITAL,  BHOPAL, BHOPAL, MADHYA PRADESH</t>
  </si>
  <si>
    <t>Shankar Chowmani, Krishna Nagar, Agartala, Tripura 799001</t>
  </si>
  <si>
    <t>HAZRA MATH, BONGPUR MORE, MOUZA, KHAJAANAWAR BER, JL NO 36, PLOT 777, KHATIAN NO 1406, SRIPALLY, BARDDHAMAN, WEST BENGAL</t>
  </si>
  <si>
    <t>HDFC Bank Ltd., Ground Floor, House No. 37, Sarai Subedar Bus Stop, Near Punjab National Bank, Safipur, Dist. Unnao, Uttar Pradesh</t>
  </si>
  <si>
    <t>HDFC Bank Ltd, Mohinder Kaur Shopping Complex, Nand Vihar, Circuit House Road, Singrauli, Madhya Pradesh - 486889</t>
  </si>
  <si>
    <t>HDFC BANK LTD, HEBBAL BRANCH, NO 02,  BLOCK A,  PART III, HEBBAL HOUSING INDUSTRIAL AREA, MYSORE, KARNATAKA</t>
  </si>
  <si>
    <t>Opposite Eastman Cast and Forge Limited, GT Road, Khakat, Ludhiana</t>
  </si>
  <si>
    <t>HDFC BANK LTD, 68, MITRA COLONY, BEHALA, KOLKATA, WEST BENGAL</t>
  </si>
  <si>
    <t>HDFC BANK LTD, GF 1A GROUND FLOOR, CARNIVAL INFOPARK PHASE 1, KAKKANAD, ERNAKULAM, KERALA, ERNAKULAM, KERALA</t>
  </si>
  <si>
    <t xml:space="preserve">HDFC Bank Ltd. Ground floor, Shop No. 1 &amp; 2, Tower D, Dada Khachar Mahol, Near Yash Papad, Opp. C G General Hospital, Uttarsanda, </t>
  </si>
  <si>
    <t>SURVEY NO 65, 2B, A, GROUND FLOOR, PREETHA TOWER, ESWARI NAGAR BUS STOP, MEDICAL COLLEGE ROAD, THANJAVUR, TAMIL NADU</t>
  </si>
  <si>
    <t>Ground Floor, Survey No. 73-1,73-2 &amp; 73-3, Opp. Anjaneya Swamy Temple, Gandhi Gram Panchayat, Chodavaram Mandal, Vishakapatnam, Andhra Pradesh</t>
  </si>
  <si>
    <t>HDFC BANK LTD,  GROUND FLOOR, SHOP 4 TO 8,  VRUNDAVAN SQURE, UNIVERCITY ROAD,  PATAN, PATAN, GUJARAT</t>
  </si>
  <si>
    <t>Ground Floor, D.No 28-1092, 28-1093, Block No. 28, A.P. Housing Board Colony, Miryalaguda, Dist. Nalgonda, Telangana</t>
  </si>
  <si>
    <t>HDFC BANK LTD, NO 50 P.P.TOWERS, KARUR BYE PASS ROAD, ERODE, TAMIL NADU</t>
  </si>
  <si>
    <t>Ground Floor, # 3-2-126/1 &amp; 2 Old, 3-10-446, Plot No. 47 &amp; 48, Village Bahadurguda, LB Nagar, Telangana</t>
  </si>
  <si>
    <t>Upper Ground. Floor, Plot No. 13, Survey No. 243/1 to 8, Parmukh Nagar, Isanapur, Patancheru Mandal, Dist. Sangareddy, Telangana</t>
  </si>
  <si>
    <t>Ward No-3, Tihu Daily market, Tihu Town, Dist- Nalbari, Assam, Pin-781371</t>
  </si>
  <si>
    <t>Ground. Floor, 1-1-95/1/NR, Old Alwal, Loyola College Road, Beside Bharat Petrol Pump, Secunderabad, Telangana</t>
  </si>
  <si>
    <t>HDFC Bank Ltd., Grd. Floor, Lala Ka Nagla, G.T. Road, Sikandra Rao, Dist. Hathras, Uttar Pradesh</t>
  </si>
  <si>
    <t>HDFC Bank Ltd Ground Floor Shop No 1 and 2, TRP Mall , Main BRTS Road, Bopal, Ahmedabad</t>
  </si>
  <si>
    <t>MB Road, Jorphukri, BTAD Tangla, Assam</t>
  </si>
  <si>
    <t xml:space="preserve">Shree Sarju Arena, Near Satyamev Hospital, Tragad, New Chandkheda, Ahmedabad.  </t>
  </si>
  <si>
    <t>HDFC BANK LTD, NO 1, 390, MUDICHUR ROAD, MANNIVAKKAM, CHENNAI, TAMIL NADU</t>
  </si>
  <si>
    <t>HDFC Bank Ltd., Ground &amp; First Floor, Singjamei Mathak Chongtham Leikai, Imphal, Manipur - 795001.</t>
  </si>
  <si>
    <t>Ground Floor, H. No. 7-14-5/A, Srinivasa Nagar Colony, Ongole, Prakasam District, Andhra Pradesh</t>
  </si>
  <si>
    <t>Ground Floor, H.No: 3-5-1125 to 1129 &amp; 3-5-1119-10, Kachiguda X Road, Hyderabad</t>
  </si>
  <si>
    <t>H1-H2-59, R M Colony, Main Road, Opp M V M College, Dindigul - 624001</t>
  </si>
  <si>
    <t>Ground Floor, D.No: 8-148, Near Gayathri Nagar X Roads, Jillelaguda, Kharmanghat, Meerpet, Hyderabad</t>
  </si>
  <si>
    <t>NO 548/1, THIYAGARAJA TOWERS, GROUND FLOOR,  THADAGAM ROAD, GANDHI PARK,  COIMBATORE, COIMBATORE, TAMIL NADU</t>
  </si>
  <si>
    <t>HDFC BANK LTD, 10-12,  3RD EYE COMPLEX, MOTERA ROAD,  SABARMATI, AHMEDABAD, GUJARAT</t>
  </si>
  <si>
    <t>GROUND FLOOR,  SHOP NO A002, BUSINESS PARK,  NEAR PDPU COLLEGE, RAYSAN,  GANDHINAGAR, GANDHINAGAR, GUJARAT</t>
  </si>
  <si>
    <t>Ground Floor, H.No.2-4-42, Revenue Ward No.4,Yarravaram Road, , Yeleswaram, Andhra Pradesh</t>
  </si>
  <si>
    <t>Subhash Park, N.C.Avenue, Sukanta Palli Road,Dist. Khowai, Tripura</t>
  </si>
  <si>
    <t>HDFC Bank Ltd, Grd. Floor,  PWD Road, Karni Builder, Opp. Rana Mall, Jaitaran, Rajasthan</t>
  </si>
  <si>
    <t>HDFC Bank Ltd, Ground Floor, No. 1050, Rajathadri plaza, 50 Feet Road, KumaraSwamy Lay out, Bengaluru</t>
  </si>
  <si>
    <t>GROUND FLOOR,  SAMRIDDHI SQUARE, HARMU ROAD,  NEAR KISHOREGUNJ CHOWK, RANCHI GPO,  SUKHDEO NAGAR, RANCHI, JHARKHAND</t>
  </si>
  <si>
    <t>HDFC Bank Ltd., Ground Floor, Shubham Corporate, Shop No.105, 106 &amp; 102 B, Near Telibandha Square, Ring Road, Telibandha Raipur, Chhattisgarh</t>
  </si>
  <si>
    <t>HDFC BANK LTD,  GROUND FLOOR, SHOP NO 1 2 3 AASTHA AVENUE, BESIDES BSNL OFFICE,  GIDC NARODA, AHMEDABAD, GUJARAT</t>
  </si>
  <si>
    <t>HDFC Bank Ltd., Ground Floor Main Bazar, Keylong, Dist- Lahul Spiti, HIMACHAL PRADESH</t>
  </si>
  <si>
    <t>HDFC BANK LTD,  301/1 TANDON CAMP, SHIVAJI WARD NO 14,  MAIN ROAD, BODKHI,  AMLA,  DIST BETUL, AMLA, MADHYA PRADESH</t>
  </si>
  <si>
    <t>Grd. &amp; 1st Floor, Sy. No. 501, 502, Ward 5, B. No. 12, MLG Road, Rahmathnagar, Dist. Nalgonda, Telangana</t>
  </si>
  <si>
    <t>HDFC BANK LTD, INFRONT OF KESHARWANI, PETROL PUMP, NEAR KRISHNA HARDWARE, MAIN ROAD BEOHARI, BEOHARI, MADHYA PRADESH</t>
  </si>
  <si>
    <t>HDFC Bank Ltd, Panchvati Elite Inn Pvt Ltd, Ground floor, Near Vinod Auto, Trimbak road, Nashik, Maharashtra</t>
  </si>
  <si>
    <t xml:space="preserve">Ground Floor, 7-1-23/R/1/B, Roxana, Greenlands, Begumpet,   Hyderabad, Telangana </t>
  </si>
  <si>
    <t>Survey no 2, 595-596 MG Road, Sonkatch, District Dewas, Madhya Pradesh</t>
  </si>
  <si>
    <t>D.No: 58/9/15, Ground Floor, The Grand Towers, Lane opp Ratna Mahal Road,  Santhapet, Ongole, Prakasham Dist</t>
  </si>
  <si>
    <t>No-1/398, Rajiv Gandhi Salai , Old Mahabalipuram Road, Navalur, Chennai, Tamil Nadu</t>
  </si>
  <si>
    <t>PLOT NO. B 15/1, GROUND FLOOR, JOURNALIST COLONY, OPP APOLLO HOSPITAL, JUBILEE HILLS, HYDERABAD, TELANGANA</t>
  </si>
  <si>
    <t>HDFC Bank Ltd. Ground Floor, Near ILA Medical Store, Opp. Manappuram Gold Loan, Shantipara, Dist. Bolangir, Odisha</t>
  </si>
  <si>
    <t>Hdfc Bank Ltd., Ground Floor, Shop No 1 To 5 Hissa No 1419, Mauli Complex, Mandure Phata, Mhavashi Peth, Near Petrole Pump, Patan , Dist. Satara, Maharashtra</t>
  </si>
  <si>
    <t>HDFC Bank Ltd., Gat No 676/3/1, Narayan Nagar Muktainagar Dist Jalgaon,Maharashtra</t>
  </si>
  <si>
    <t>Ground Floor, Arazi NO.278/1-MI &amp; 278/2-MI, Mauza Dandi, Pargana Mavae, Tehsil Mugalsarai, Dist Chandauli, UP -</t>
  </si>
  <si>
    <t>HDFC Bank LTD, Ground Floor , Khasra No - 2155/15, Near LIC office, NH-125, Balesar,Dist. Jodhpur, Rajasthan</t>
  </si>
  <si>
    <t>HDFC Bank Ltd, Ground &amp; First Floor, 38 A, Purna Das Road, Kolkata, West Bengal - 700029</t>
  </si>
  <si>
    <t xml:space="preserve">	
HDFC Bank Ltd, Ground Floor,PID No.22-1-281,Asst.No.5537/3033/2651/2274, B.M.Road west side,Opp.KEB,Nagamangala Town,Mandya,karnataka</t>
  </si>
  <si>
    <t>HDFC Bank Ltd. Ground Floor 05-H-14, Kuri Bhagtasani Housing Board,Jodhpur, Rajasthan</t>
  </si>
  <si>
    <t>HDFC Bank Ltd, GF,  Nai Dhan Mandi, Gate No.8, Shop No.29, Khajuwala, Dist. Bikaner, Rajasthan</t>
  </si>
  <si>
    <t>Office Space No.C101A,SCK01,SmartCity,Infopark PO, Ernakulam, Kerala</t>
  </si>
  <si>
    <t>HDFC Bank Ltd. , W &amp; C Hospital Road, Thycaud, Thiruvananthapuram</t>
  </si>
  <si>
    <t xml:space="preserve">Ground. Floor, 584/1 Inder Nagari Adjoining Bank of Baroda Near Ramleela Chownk Jalalabad ( Pb) </t>
  </si>
  <si>
    <t>Grd. Floor, MPA 30, Mahaveer Nagar II, Rangbari Road,  Kota, Rajasthan</t>
  </si>
  <si>
    <t>HDFC BANK LTD, GROUND FLOOR, 966 MOTILAL GUPTA ROAD, KOLKATA, WEST BENGAL</t>
  </si>
  <si>
    <t>HDFC Bank Ltd, Shri Radha Sky Garden, Ground Floor, Shop No, 17,18,19,20, GH-05, Sector 16B, Noida, Gautam Buddha Nagar, Uttar Pradesh - 201305</t>
  </si>
  <si>
    <t>HDFC BANK LTD, GROUND FLOOR, GANDHI CHOWK RANIKHET, RANIKHET, UTTARAKHAND</t>
  </si>
  <si>
    <t>HDFC BANK LTD, GROUND FLOOR, 36 ARUN COMPLEX, R C DUTT ROAD, ALKAPURI, VADODARA, GUJARAT</t>
  </si>
  <si>
    <t>HDFC BANK LTD, GROUND AND FIRST, FLOOR, 134B, AKSHAY KUMAR DUTTA , SARANI,  SHOBHA BAZAR, BOTTALA, KOLKATA, WEST BENGAL</t>
  </si>
  <si>
    <t>Ground Florr, D No. 18-15-1, Zilla Court Centre, Opp. Saibaba Temple, Sukarlabad, Machilipatnam, Andhra Pradesh</t>
  </si>
  <si>
    <t>HDFC Bank Ltd, Ground Floor, "Madhuraaj Bhimashankar" Shop No.1, Plot No.13, Secto-19, Taloja Panchanand, Phase-1, Navi-Mumbai, Maharashtra</t>
  </si>
  <si>
    <t>Ground Floor, Plot No 12&amp;13, Opp Gangaraj Kalamandir, Puritipenta New Colony, Gajapathinagaram. Dist-Vizianagaram</t>
  </si>
  <si>
    <t>W.No. 27-1, Ramji Nagar, Childrens Park Road,</t>
  </si>
  <si>
    <t>Ground Floor, 2-139, Burra Katha Master, Main Road, Annavaram, Dist. East Godavari, Andhra Pradesh</t>
  </si>
  <si>
    <t>HDFC Bank Ltd., Ground Floor, 32/144-145, Shipra Path, Mansarover, Jaipur, Rajasthan</t>
  </si>
  <si>
    <t>HDFC Bank Ltd, Ground Floor, Dhar Road, Main Chowk, Udhampur, Jammu &amp; Kashmir - 182101</t>
  </si>
  <si>
    <t>100, Sanghi Street, Mhow, (Dist: Indore) Madhya Pradesh - 453 441</t>
  </si>
  <si>
    <t xml:space="preserve">HDFC Bank Ltd., 118 Mahatma Gandhi Road, Ground Floor, Opposite Md. Ali Park </t>
  </si>
  <si>
    <t>HDFC BANK LTD, Ground Floor, Plot No. 16, Padmini Marg, Glass Factory, Sunderwas, Udaipur, Rajasthan</t>
  </si>
  <si>
    <t>HDFC BANK LTD, SAUBHAGYA MALL, BHOPAL SAGAR ROAD, RAISEN, MADHYA PRADESH, BEGAMGANJ, MADHYA PRADESH</t>
  </si>
  <si>
    <t>HDFC BANK LTD,  GROUND FLOOR, SHOP NO A 20, 21, 22,  SHREEKUNJ , SHOPPING CENTRE,  PRABHAT CHOWK,  , AHMEDABAD, GUJARAT</t>
  </si>
  <si>
    <t>HDFC BANK LTD, F-40,  SUMEL BUSINESS PARK-8, NR AJIT MILL CROSS ROAD,  RAKHIAL, AHMEDABAD, GUJARAT</t>
  </si>
  <si>
    <t>No -315, Vellore Main Road , Vengikkal, Tiruvannamalai , Tamil Nadu</t>
  </si>
  <si>
    <t>GROUND FLOOR,  SHOP NO A-9, PUSHP BUSINESS CENTER, SP RING ROAD, NEAR VASTRAL METRO STATION,  VASTRAL, AHMEDABAD, GUJARAT</t>
  </si>
  <si>
    <t>HDFC BANK LTD, GK TOWER,  PLOT NO 4, AIRPORT ROAD, RATANADA CIRCLE, JODHPUR, RAJASTHAN</t>
  </si>
  <si>
    <t>HDFC BANK LTD, FIRST FLOOR,  NAZ MARKET, MAIN ROAD,  SHIVDHARA CHOWK, DARBHANGA, BIHAR</t>
  </si>
  <si>
    <t>Plot No. 1, Rampole,  Near Police Station, Bhinder, Dist. Udaipur,  Rajasthan - 313603</t>
  </si>
  <si>
    <t>HDFC BANK LTD, GROUND FLOOR, ARAZI NO 667 KHAAURI MOD, VILLAGE ANPRA, DUDDISONBHADRA, ANPRA, UTTAR PRADESH</t>
  </si>
  <si>
    <t>#11-1-56C, Ground Floor, GNT Road, Opp American Hospital, Near LIC Office, Kavali, Nellore District, Andhra Pradesh.</t>
  </si>
  <si>
    <t>HDFC Bank Ltd., Ground Floor, Munni Bhawan, Masjid Ganj, Chota Chowk, Dist. Shahjahanpur, Uttar Pradesh</t>
  </si>
  <si>
    <t>HDFC Bank Ltd., Ground Floor, Plot No. 7 &amp; CS, First Cross Street, VGN Royal Enclave, Paruthipattu, Chennai, Tamil Nadu - 600071.</t>
  </si>
  <si>
    <t>Plot No. 1108, First Floor, Opp. Peddamma Temple, Road No - 55, Jubilee Hills, Hyderabad</t>
  </si>
  <si>
    <t>HDFC BANK LTD, JIGTSING COMMERCIALS,  UPPER SICHEY, NEAR DISTRICT COURT OFFICE,  GANGTOK, GANGTOK, SIKKIM</t>
  </si>
  <si>
    <t>HDFC Bank Ltd., Ground Floor, Shop No. 2, High Point, S.No.2/4, Opp.Bharathi Vidyapeth School, Balewadi, Pune, Maharashtra - 411045.</t>
  </si>
  <si>
    <t>HDFC Bank Limited, Near Kesar Chouraha, Muhana Mandi Road, Jaipur</t>
  </si>
  <si>
    <t>HDFC BANK LTD, 280, M G ROAD, KABARDANGA, WARD NO-142, KOLKATA, WEST BENGAL</t>
  </si>
  <si>
    <t>HDFC BANK LTD, PLOT NO 4,  SECTOR 3,  S NO 23,  N-4, CIDCO,  PUNDLIKNAGAR,  AURANGABAD, AURANGABAD, MAHARASHTRA</t>
  </si>
  <si>
    <t>Ground Floor B-10 , G – Adarsh Nagar , Opposite Parnami Mandir , Govind Marg, Raja Park , Jaipur, Rajasthan</t>
  </si>
  <si>
    <t>HDFC Bank Ltd., Sanganeri Gate Branch, Nehru Road, Sanjay Colony, Shree Guest House, Bhilwara, Rajasthan</t>
  </si>
  <si>
    <t>GROUND FLOOR,  401 AND 402, JJ S PEARL SQUARE,  BARALAL STREET, UPPER BAZAR,  RANCHI,  KOTWALI, RANCHI, JHARKHAND</t>
  </si>
  <si>
    <t>HDFC BANK LTD, NEAR SAI NAGAR BUS STOP,  , BADNERA ROAD,  SAI NAGAR AMRAVATI, AMRAVATI, MAHARASHTRA</t>
  </si>
  <si>
    <t>PLOT NO 10, GROUND FLOOR, RING ROAD, TRIMURTI NAGAR, NAGPUR, NAGPUR, MAHARASHTRA</t>
  </si>
  <si>
    <t xml:space="preserve"> Ground Floor, Minerva Building, Pallimukku, Kollam., Kerala</t>
  </si>
  <si>
    <t>HDFC Bank Ltd. Grd. Floor, 449-450, Vysial Street, Dist. Coimbatore, Tamil Nadu - 641001</t>
  </si>
  <si>
    <t>HDFC Bank Ltd. Ground Floor Arya Samaj Road, Opp Police Chowki, Kesarganj Ajmer Rajasthan 305001</t>
  </si>
  <si>
    <t>HDFC BANK LTD, GROUND FLOOR, SHOP NO.3, VRAJ RESIDENCY, SATYAMEV VISTA ROAD, NEW GOTA, AHMEDABAD, GUJARAT</t>
  </si>
  <si>
    <t>HDFC Bank Ltd. Ground Floor, Shop No 11,12 &amp; 21 to 26, Murliwala Tower, Near Madanganj Police Station, Kishangarh, Dist. Ajmer, Rajasthan</t>
  </si>
  <si>
    <t>HDFC BANK LTD,  GROUND FLOOR, PARMARTH NIKETAN,  NEAR RAM JHULA, SWARGASHRAM,  JONK,  PAURI GARHWAL, SWARGASHRAM, UTTARAKHAND</t>
  </si>
  <si>
    <t>HDFC Bank Ltd., Krishna Kunj, Near Datta Mandir, Canal Road, Girnare, Taluka - Nashik, District - Nashik - 422203, Maharashtra</t>
  </si>
  <si>
    <t>GROUND FLOOR, SHOP NO 4-9AIG PARK , AVENUE, GAUR CITY 1GREATER NOIDA, DISTT GAUTAM BUDH NAGAR UP, NOIDA, UTTAR PRADESH</t>
  </si>
  <si>
    <t>HDFC Bank Ltd., Ground Floor and first floor,  Plot No 5 , Renuka nagar , Varangaon, Taluka Bhusawal, Dist Jalgaon,Maharashtra</t>
  </si>
  <si>
    <t>HDFC Bank Ltd, Ground Floor,Opp. Bioscope Mall,Rani Sati Road,Sikar, Rajasthan</t>
  </si>
  <si>
    <t>HDFC Bank Ltd, Ground Floor, Opp Nehru Park, Mela Ground Deeg, Bharatpur, Rajasthan - 321203</t>
  </si>
  <si>
    <t>Ground floor house no -8 Gali no 2 Maksudabad nangloi road najafgarh extension new delhi-110043</t>
  </si>
  <si>
    <t>HDFC Bank Ltd, Ground Floor, Opp Hotel Sun View, Six Mile, VIP Road, Guwahati, Assam - 781022</t>
  </si>
  <si>
    <t>Ground Floor, Katha No.502/426, Main Road, Near Bus Stand, Koppa, Chikmangalur, Karnataka</t>
  </si>
  <si>
    <t>HDFC Bank Ltd., Ground Floor, MV119, Mission Veng, Khamphei, Aizawl, Mizoram - 796005</t>
  </si>
  <si>
    <t>First Floor, HM Tower, Jatiya Bazar, Sikar, Rajasthan</t>
  </si>
  <si>
    <t>HDFC Bank Ltd,Ground &amp; First Floor, Plot No-1207 , 1207/ 2777, Brahmeswar Bag, Tankapani Road, Bhubaneswar, Khordha Odisha - 751018</t>
  </si>
  <si>
    <t>HDFC BANK LTD, C S K BUILDING, PAPPANAMCODE, TRIVANDRUM, KERALA</t>
  </si>
  <si>
    <t>HDFC Bank Ltd., Grd. Floor, #731, Opp. Air Staff Quarters, RWF West Colony, Yelahanka New Town, Bangalore, Karnataka - 560064</t>
  </si>
  <si>
    <t>CLASSIC VERNA BUILDING, NO.L 115,  PHASE II E, VERNA INDUSTRIAL ESTATE VERNA, VERNA, GOA</t>
  </si>
  <si>
    <t>HDFC Bank Ltd, Upper Ground &amp; First Floor, Mayani – Dahiwadi Road, Dahiwadi, Taluka – Man, Dist – Satara, Maharashtra</t>
  </si>
  <si>
    <t>Ground Floor, Lakshmi Sadan, Yadagirigutta, Telangana</t>
  </si>
  <si>
    <t>HDFC Bank Ltd., Kanjikuzhy-Puthupally Road, Kanjikuzhy,  Kottayam.</t>
  </si>
  <si>
    <t>HDFC Bank Ltd, Door No 84/2298 (Old No36/1276-2), Ground Floor, Enchakkal Junction, Airport Road, Trivandrum District, Kerala – 695008</t>
  </si>
  <si>
    <t>HDFC Bank Ltd., Ground Floor, Showroom No. 28 , Sector 26 , Chandigarh</t>
  </si>
  <si>
    <t>HDFC Bank Ltd, Ground Floor, Essel Height, Konchadi Main Road, Derebail, Mangalore, Karnataka - 575006</t>
  </si>
  <si>
    <t>HDFC Bank Ltd., Ground Floor, Shama Afroz Complex, Tulsidas Marg, Near Patanana Police Station, Nakkhas, Chowk, Lucknow, Uttar Pradesh</t>
  </si>
  <si>
    <t>HDFC Bank Ltd, Ground floor, Janapriya Arcade, Nelikai Road, Bunder, Managalore, Karnataka - 575001</t>
  </si>
  <si>
    <t>HDFC Bank Ltd., Ground Floor, Station Road, Opp. Doordardhan Ward No. 12, Dongargarh, Dist. Rajnandgaon, Chhattisgarh</t>
  </si>
  <si>
    <t>HDFC Bank Ltd, Upper ground floor, Al-Hiba Tower, Kallingad, Nedumangad, Trivandrum, Kerala- 695541</t>
  </si>
  <si>
    <t>HDFC Bank Ltd,Ground Floor, 5-A, Nakoda Complex, Hiran Magri, Sector 4, Udaipur, Rajasthan - 313002</t>
  </si>
  <si>
    <t>hdfc bank ltd, gr floor, plot no 2/785, Ashirwad Nivas, Dholki Road, Kalamb-dhoki Road, Taluka Kalamb, Osmanabad</t>
  </si>
  <si>
    <t>HDFC Bank Ltd, Ground &amp; First Floor, Shop no 9,10,11,12,13,14, Shiv Sai Vishwa, S No 178/4/C,179/1+5, Opp Challenger Public School, Pimpale Saudagar, Pune, Maharashtra - 411027</t>
  </si>
  <si>
    <t>HDFC Bank Ltd, Essen Presedential, Frist Floor, Plot no 10 &amp; 11, Sy No : 131,164,165 &amp; 168, Narsinghi Village, Rajendra Nagar Mandal, Ranga Reddy, Telangana - 500075</t>
  </si>
  <si>
    <t>HDFC Bank Ltd.,Ground Floor, E-113, Anna Road, Block 19, Neyveli Township, Neyveli, Tamil Nadu - 607803.</t>
  </si>
  <si>
    <t>Ground Floor, Kingston Business Park Shop No-1, Manguli Chowk, PO: Choudwar, Mouza: Nelia, Ps: Tangi, Dist:Cuttack</t>
  </si>
  <si>
    <t>HDFC Bank Ltd., Grd. Floor, Plot No. 2, Khasra No. 105B, Vill. Shaberi, Pargana &amp; Tehsil - Dadri, Dist. Gautam Budh Nagar, Uttar Pradesh</t>
  </si>
  <si>
    <t>NO 27, GROUND FLOOR, YERCAUD MAIN ROAD, THIRUNAGAR, SALEM, TAMIL NADU</t>
  </si>
  <si>
    <t>HDFC Bank Ltd. Upper Grd. Floor, Bishwambhar Tower, Opp. Nagar Parishad Office, Mahadev Asthan, Main Road, Jainagar, Dist. Madhubani</t>
  </si>
  <si>
    <t xml:space="preserve">	Ground Floor, Adjacent 1st NC, Old Vijaya Dairy Parlour, Opp. Lepakshi Circle, Tirumala, Dist. Chittoor, Andhra Pradesh</t>
  </si>
  <si>
    <t>HDFC Bank Ltd., Grd. Floor, VPO Kala Ghanupur, New Urban Estate, Ram Tirath Road, Dist. Amritsar, Punjab - 143105</t>
  </si>
  <si>
    <t>STILT FLOOR, SHOP NO 3 AND 4, BLOCK B, PINNACLE TOWER PLOT NO GH 7 MAIN , ROAD, AHINSA KHAND II, GHAZIABAD, UTTAR PRADESH</t>
  </si>
  <si>
    <t>HDFC BANK LTD, NO 28, 2, KUNDRATHUR MAIN ROAD, RANGA NAGAR, MOULIVAKKAM, KANCHIPURAM, CHENNAI, TAMIL NADU</t>
  </si>
  <si>
    <t>HDFC Bank Ltd., Grd. Floor, Part of Khasara No 122, Bansi Road, Bade Ban, Opp. Pindari Hospital, Basti, Uttar Pradesh</t>
  </si>
  <si>
    <t>HDFC Bank Ltd, No 77, Annamalai Nagar, Krishnagiri, Bye Pass Road, Hosur, Tamil Nadu - 635109</t>
  </si>
  <si>
    <t xml:space="preserve">HDFC Bank Ltd, Ground Floor, 185, S P Mall, M S Road, KrishnanKoil, Nagercoil, Tamil Nadu
</t>
  </si>
  <si>
    <t>Ground Floor, No. 5/267, Moolai Thottam,Thippampatti Pirivu, Kurudampalayam, K.Vadamadurai Post, Coimbatore , Tamil Nadu 641017</t>
  </si>
  <si>
    <t>HDFC BANK LTD, GROUND FLOOR, SHOP NO. 9 TO 13, FORTUNE COMPLEX, RADHANPUR ROAD, DISTRICT MAHESANA, MAHESANA, GUJARAT</t>
  </si>
  <si>
    <t>HDFC Bank Ltd, Ground &amp; First Floor, Dergaon, Narikalguri, HG Path, Ward no-10, Golaghat, Assam - 785614</t>
  </si>
  <si>
    <t>HDFC BANK LTD, HYDE PARK, SHOP NO, 10 TO 13, VASTUSHREE COMPLEX, NR, 587, GULTEKEDI, MARKET YARD, PUNE, MAHARASHTRA</t>
  </si>
  <si>
    <t>HDFC Bank Ltd, Ground Floor, Plot 790, Main Road Ashok Nagar, Adhartal, Jabalpur, Madhya Pradesh - 482004</t>
  </si>
  <si>
    <t>HDFC Bank Ltd, Center Point, Opp.Vrundavan Heights, Godrej Garden City Road, Ahmedabad</t>
  </si>
  <si>
    <t>HDFC Bank Ltd, Ground Floor, Ward no 10, Main Road, DD Complex, Near ASTC Bus Stand, Dhekiajuli, Assam</t>
  </si>
  <si>
    <t>HDFC Bank Ltd., Ground Floor, No. 148/1, Pattukottai Road, AA Complex, Aranthangi, Tamil Nadu</t>
  </si>
  <si>
    <t>HDFC BANK LTD, PLOT NO CS 05, GYAN KHAND II, INDIRAPURAM, GHAZIABAD, GHAZIABAD, UTTAR PRADESH</t>
  </si>
  <si>
    <t>HDFC Bank Ltd. Grd. Floor, Khasra No. 349 ME, Rakba - 217, Vill. Chhapraula, Main G.T. Road, Dist. Gautam Budh Nagar, Uttar Pradesh.</t>
  </si>
  <si>
    <t>HDFC Bank Ltd., Ground Floor, No 38, Sri Ganapathi Theatre Complex, GNT Road, Gummidipoondi, Thieuvallur, Tamil Nadu - 601201.</t>
  </si>
  <si>
    <t>SHOP NO 1 TO 5,  SHOOLIN ARCADE, OPP GUJARAT GLASS COMPANY, NAROL CIRCLE,  NAROL GAM ROAD, AHMEDABAD, GUJARAT</t>
  </si>
  <si>
    <t>HDFC BANK LTD, DELHI ROAD, NEAR SARSTHI MOTORS, HAPUR, UTTAR PRADESH</t>
  </si>
  <si>
    <t>HDFC Bank Ltd, Ground Floor, 290, Kings Road, Nirman Nagar, Jaipur, Rajasthan - 302019</t>
  </si>
  <si>
    <t xml:space="preserve"> Ground Floor, Plot No - 09, Survey No. 217/12, Dommara Pochampally, Gandimaisamma, Quthbullapur Mandal, Telangana</t>
  </si>
  <si>
    <t xml:space="preserve">HDFC Bank Ltd., Ground floor, Building A , Shop No 2,3,4,18,19 &amp; 20 , SONOROUS ,Survey no 1975 , Mahatma Gandhi circle , Vapi </t>
  </si>
  <si>
    <t xml:space="preserve">HDFC Bank Ltd. , Ground floor, Opposite Police Station, Amanganj , Dist.- Panna </t>
  </si>
  <si>
    <t>HDFC Bank Ltd, Ground Floor, 465/ 155, Velachery Road, East Tambaram, Chennai, Tamil Nadu - 600059</t>
  </si>
  <si>
    <t>HDFC BANK LTD, N0 422,  KODEGEHALLI MAIN ROAD, TATA NAGARA,  BANGALORE, BANGALORE, KARNATAKA</t>
  </si>
  <si>
    <t>Ground Floor, No.23, Meenakshi Nagar, Opp Fatima College, Dindigul Road, Vilankudi, Madurai, Tamil Nadu</t>
  </si>
  <si>
    <t>Ground Floor, 1-11/1, Chintal Ramulu Complex, Main road, Moinabad Village, Dist. Ranga Reddy, Telangana</t>
  </si>
  <si>
    <t>GROUND FLOOR, AESBY MORE,  STATION, BAZAR, DURGAPUR, C/O NEW RUJ BROTHERS, OPPOSITE DREAMLAND NURSING HOME, DURGAPUR, WEST BENGAL</t>
  </si>
  <si>
    <t>Rasim Enclave, No. 4/249-A, Poonamallee High Road, Goparasanallur, Kummananchavadi, Chennai</t>
  </si>
  <si>
    <t>HDFC Bank Ltd, Ground Floor, No 2, Sivasakthi Vinayagar Nagar, Koladi Road, Thiruverkadu, Chennai, Tamil Nadu - 600077</t>
  </si>
  <si>
    <t>HDFC Bank Ltd., Ground Floor, Amman Temple New Residency, West Raja Street, Kangeyam Road, Chennimalai, Erode, Tamil Nadu.</t>
  </si>
  <si>
    <t>117, Hazra Road, Kolkata, West Bengal, Pin - 700026</t>
  </si>
  <si>
    <t>Showroom No.A-102,Business Plaza, Utsav Homes,S.No.232-34, CTS No.4530 4530-1 to 4530-66,Bhosari, Pune
MAHARASHTRA</t>
  </si>
  <si>
    <t>HDFC Bank Ltd., Ground Floor, 180, Vidhut nagar C, Gandhi Path, Vaishali Nagar, Jaipur, Rajasthan – 302021.</t>
  </si>
  <si>
    <t>No 19 A, Narasipuram Road, Thondamuthur, Coimbatore</t>
  </si>
  <si>
    <t>HDFC Bank Ltd., Grd. &amp; 1st Floor, Main Market, Kesarganj Mandi Chowk, Dist. Ludhiana, Punjab - 141008</t>
  </si>
  <si>
    <t>HDFC BANK LTD, PROOF ROAD, AT HEMKAPADA, PO SUNHAT, DIST BALESHWAR, ODISHA, BALESHWAR, ODISHA</t>
  </si>
  <si>
    <t>HDFC BANK LTD, KHETRAJPUR, KOSHAL SPACES, SAMBALPUR, ODISHA</t>
  </si>
  <si>
    <t>No.34, Ground Floor, Venkatanarayana Road, Nandanam, Chennai - 600035</t>
  </si>
  <si>
    <t>Ground Floor, D.No. 1-89, Tangellamudi Panchayat, Eluru Dist, Andhra Pradesh</t>
  </si>
  <si>
    <t>SHOP NO-1,  NO 24-20-T-1625/12, H H DIAMOND CITY, MARNNAMIKATTA ROAD, MANGALORE, KARNATAKA</t>
  </si>
  <si>
    <t>HDFC Bank Ltd, No 84 Ground floor, Kamarajar Salai, Anakaputhur, Chennai, Tamil Nadu</t>
  </si>
  <si>
    <t>HDFC BANK LTD, NO 34, MCHS LAYOUT, JAKKUR RD, JAKKURU, BANGALORE, KARNATAKA</t>
  </si>
  <si>
    <t>HDFC Bank Ltd , Satyawati Vihar, Near Roadways Bus Stand</t>
  </si>
  <si>
    <t xml:space="preserve">Plot No 1078/1110, Upper Ground Floor,Near Reliance Fresh, At/po - Shampur,Nuagaon, Bhubaneswar, Odisha </t>
  </si>
  <si>
    <t>HDFC Bank Ltd, Ground Floor, Plot No 42, Ward No-02 , Main Bus Stand, Lalgarh Jattan, Dist. Ganganagar, Rajasthan - 335037</t>
  </si>
  <si>
    <t xml:space="preserve">HDFC Bank Ltd. Ground Floor, Lake District, 74/1, Narkeldanga Main Road, </t>
  </si>
  <si>
    <t>HDFC Bank Ltd, Meridien Tower, C-8, First Floor, Udit Nagar, Rourkela, Sundargarh, Odisha - 769012</t>
  </si>
  <si>
    <t>HDFC BANK LTD, GROUND FLOOR, SHOWROOM 2, 3, UNITY PARK, NARPATGIRI CHOWK, SOMWAR PETH, PUNE, MAHARASHTRA</t>
  </si>
  <si>
    <t>GROUND FLOOR, WARD 15, NEAR MANDI GATE BHOPAL ROAD, NASRULLAGANJ DIST SEHORE MP, NASRULLAGANJ, MADHYA PRADESH</t>
  </si>
  <si>
    <t>Ground Floor, H.No 18, Survey No 4 &amp; 5, Gandipet Village Main Road, Dist. Ranga Reddy, Hyderabad, Telangana</t>
  </si>
  <si>
    <t>HDFC BANK LTD, RAVIRAJ HEIGHTS, GROUND FLOOR, BESIDE MAI HOTEL, ARNI ROAD, YAVATMAL, YAVATMAL, MAHARASHTRA</t>
  </si>
  <si>
    <t>HDFC BANK LTD.,   #5-37-222,  , 4TH LANE,   BRODIPET, GUNTUR,   ANDHRA PRADESH, GUNTUR, ANDHRA PRADESH</t>
  </si>
  <si>
    <t>HDFC BANK LTD,Shop No. 1,2 &amp;3, Skylon Building, Opp Solar Company, Near Chakki Naka, Kalyan East, Thane</t>
  </si>
  <si>
    <t>HDFC Bank Ltd. Shop no.4, Ground Floor, Yashraj Homes, Subhash Road, Near Kagade Chowk, Dombivli West</t>
  </si>
  <si>
    <t>HDFC Bank Ltd., Ground Floor, Plot No. 1, Vishnu Puri, Jagatpura Road, Malviya Nagar, Jaipur, Rajasthan - 302017.</t>
  </si>
  <si>
    <t>HDFC Bank Ltd., Grd. Floor, 5-5 95 / 1, Kalaivanar Nager, Thanichiam Main Road, Alanganallur, Dist. Madurai, Tamil Nadu - 625501</t>
  </si>
  <si>
    <t>Shop No. 159, New Anaj Mandi Gharsana, Distt Sri Ganganagar</t>
  </si>
  <si>
    <t>HDFC Bank Ltd, Ground Floor, MCC Arcade, Door No. 11-213-1 , Ollur Main Road, Ollur, Thrissur , Kerala</t>
  </si>
  <si>
    <t>HDFC Bank Ltd., Ground Floor, Jagwayan Food Industries, Near Railway Crossing, Dehra Road, Nadbai, Rajasthan</t>
  </si>
  <si>
    <t>No.27, Ananya Krishnan Building, PanneerSelvam Salai, opp Sivan Park, KK Nagar, Chennai</t>
  </si>
  <si>
    <t>HDFC BANK LTD, Ground Floor, 17-18, Moti Chohatta, Hathipole Road, Near Clock Tower, Udaipur</t>
  </si>
  <si>
    <t>HDFC Bank Ltd, Ground Floor, Sy No 1011 / 10, ARD Magnum, Near Mystic Hill, Moosapet, Hyderabad, Telangana - 500018</t>
  </si>
  <si>
    <t>HDFC Bank Ltd, Maralu Siddeshwara Complex , Vivekananda Layout, Harapanagalli Road , Kotturu,  Karnataka</t>
  </si>
  <si>
    <t>HDFC BANK LTD, SRI PREMIKAVARADHAN COMPLEX, NO 660/A,  RTO ROAD, SATTUVACHARI, VELLORE, TAMIL NADU</t>
  </si>
  <si>
    <t>HDFC Bank Ltd., Ground Floor, Shop No 4 to 8, Vaibhav Complex, At Post Nandur Shingote, Near Bus Stand, Taluka - Sinnar, District - Nashik - 422606, Maharashtra</t>
  </si>
  <si>
    <t>HDFC BANK LTD, SIDDHI VINAYAK PLAZA, CHAMPASARI MAIN ROAD, SILIGURI, SILIGURI, WEST BENGAL</t>
  </si>
  <si>
    <t>HDFC Bank Ltd, Ground Floor, 29/4 (Old No 16), Rana Pratap Marg, Lucknow, Uttar Pradesh</t>
  </si>
  <si>
    <t>SF NO 9/2A2 Grd. Floor, Near LIC Building, Thuraiyur Raod, Musiri, Trichy.</t>
  </si>
  <si>
    <t>HDFC Bank Ltd, Sanjay Enclave 126 B/1A, Vandalur- Kelambakkam Main Road, Mambakkam, Chennai</t>
  </si>
  <si>
    <t>HDFC BANK LTD, Rupa Renaissance, Shop No 3,D 33,Turbhe MIDC Road, Turbhe, Navi Mumbai</t>
  </si>
  <si>
    <t> Ground Floor, #146-B, 9/246, DMM Gate Road, Guntakal, Dist. Anantapur, Andhra Pradesh</t>
  </si>
  <si>
    <t>HDFC Bank Ltd., Ground Floor, Ulli Shivappa Complex, Shishuvihara Road, Shikaripura, Shimoga, Karnataka - 577427.</t>
  </si>
  <si>
    <t>HDFC Bank Ltd, Ground Floor, # 25-35/10/12, Mallikarjuna Nagar, Bheeramguda Cross, RC Puram, Hyderabad, Telangana - 502032</t>
  </si>
  <si>
    <t>HDFC BANK LTD,  A 96 A, AGGARWAL ARCADE, NEELAM CHOWK, BHIWADI, RAJASTHAN, BHIWADI, RAJASTHAN</t>
  </si>
  <si>
    <t>HDFC Bank Ltd., Grd &amp; 1st Floor, No.4 Davi Complex, Poovan Santhi, Pudukadai Main Road,Karungal,KK Dist</t>
  </si>
  <si>
    <t>HDFC Bank Ltd., Ground Floor, Sai Sriyas Krishna, 72, Ekatuthangal Poonamalee Road, Ekkatuthangal, Chennai, Tamil Nadu - 600031</t>
  </si>
  <si>
    <t>UPPER GROUND FLOOR, GOYAL COMPLEX, ADJOINING HOTEL V5, PEER MUCHALLA, ZIRAKPUR, ZIRAKPUR, PUNJAB</t>
  </si>
  <si>
    <t>Ground Floor, Shop No. 19,20,Radhe Kishan Park, Opp. Mamlatdar Office,Khatraj Road , Mahemdabad Dist. Kheda, Gujarat</t>
  </si>
  <si>
    <t>HDFC BANK LTD, OLD GRAIN MARKET, SUNAM , SUNAM, PUNJAB</t>
  </si>
  <si>
    <t xml:space="preserve">	
Upper Grd. Floor, RMZ Sky View, Unit No. 6, Survey No. 83/1,
Tower 20, Raidurg Village, Serilingampally, Hyderabad, Telangana</t>
  </si>
  <si>
    <t xml:space="preserve">Ground Floor, Saharanpur Road, Near Post Office, Herbertpur Dehradun, Uttarakhand </t>
  </si>
  <si>
    <t>HDFC Bank Ltd, Ground Floor, 392,393, Mohalla Sarai Kishan Chand, Near Paith Chauraha, Railway Road, Dibai, Bulandshahr, Uttar Pradesh - 203393</t>
  </si>
  <si>
    <t>21/10 TTK Road,Royapettah , Chennai</t>
  </si>
  <si>
    <t>Shop No. - 16,17,18 &amp; 19, Genda Park, Nashik -  Surat Highway, Kasbe Vani, Taluka - Dindori, District - Nashik, Maharashata</t>
  </si>
  <si>
    <t>Plot no 1, Opposite Kali Mata Mandir, Maruti Kunj Bhondasi Haryana</t>
  </si>
  <si>
    <t>HDFC Bank Ltd, Ground Floor, Bhagirath Sale House, Sapatrishi Chungi, Near Police Check Post, Bhupatwala, Distt Haradwar, Uttrakhand - 249410</t>
  </si>
  <si>
    <t>152-1-2- SMRUTIGANDH, MAHALAXMI COLONY, NEAR GAPATI MANDIR, KOLHAR-GHOTI ROAD, AKOLE, Maharashtra</t>
  </si>
  <si>
    <t>HDFC Bank Ltd, Survey No, Plot No 09, Jalanagar Main Road, Jalanagar, Vijayapura</t>
  </si>
  <si>
    <t>HDFC Bank Ltd., Ground Floor, Main Chowk, Opp. Ex Servicemen Welfare Society, VPO  Barmana, Dist. Bilapsur, Himachal Pradesh - 174013</t>
  </si>
  <si>
    <t>HDFC BANK LTD, GROUND FLOOR, 26 SHAKESPEARE SARANI, KOLKATA, WEST BENGAL</t>
  </si>
  <si>
    <t>HDFC BANK LTD, APPLE CITY SERIAL, NO 214, 6 KHATA NO 786 MUNICIPAL NO, 611, 214, 6, 46, 1, GUNJUR VILEAGE, BANGALORE, KARNATAKA</t>
  </si>
  <si>
    <t>HDFC Bank Ltd., Ground Floor, Opp. State Bank of India, Kudwa,  Mihinpurwa (U.P.)</t>
  </si>
  <si>
    <t>HDFC Bank Ltd, Ground Floor, Main Road, Opposite- Shivdale School, Laksar Road, Jagjeetpur, Haridwar, Uttrakhand - 249408</t>
  </si>
  <si>
    <t>HDFC Bank Ltd., Grd. Floor, Near Lane No. 10, Greater Kailash, Jammu, Jammu &amp; Kashmir, 180011</t>
  </si>
  <si>
    <t>Ground Floor, 12-320, Mytri Complex, BPL Chowrasta, Dist. Mancherial, Telangana</t>
  </si>
  <si>
    <t>HDFC Bank Ltd,Ground Floor,Madasseril Complex,P O Junction, Muvattupuzha, Ernakulam, Kerala</t>
  </si>
  <si>
    <t>HDFC Bank Ltd., Ground Floor, Main Road, Opp, Bank of India, Near Bus Stand, Sitamau, Dist. Mandsaur, Madhya Pradesh - 458990 </t>
  </si>
  <si>
    <t>HDFC Bank Ltd., Ground Floor , Plot No 2 Gat No 117 Near Janki Hotel Paithan Road Nakshatra wadi Aurangabad Maharashtra</t>
  </si>
  <si>
    <t>HDFC Bank Ltd., Market committee complex, Gala no.2 Sillod road Bhokardan Maharashtra.</t>
  </si>
  <si>
    <t xml:space="preserve"> HDFC Bank Ltd, Ground Floor, Plot no 5, BCM fitness club building, Babanrao Pehlwan Nagar, Taloda Dist. Nandurbar</t>
  </si>
  <si>
    <t>Ground Floor , Shop No 2 , J-9 Center Opp. Income Tax Office ,Near Star Bazaar , Adajan -Hazira Road , Adajan Gam Surat, Gujarat</t>
  </si>
  <si>
    <t>HDFC Bank Ltd, Ground Floor, City Palace, Durga Badi, Gorakhpur, Uttar Pradesh - 273001</t>
  </si>
  <si>
    <t>HDFC BANK LTD., FIRST FLOOR,  HOUSE NO 68, AK AZAD ROAD,  REHABARI, OPP UCO BANK, GUWAHATI, ASSAM</t>
  </si>
  <si>
    <t>HDFC Bank Ltd. Ground Floor, Gat No 40-2,50-1-56, Plot No.44 Pahur Jamner Road Pahur Peth Dist. Jalgaon, Maharashtra.</t>
  </si>
  <si>
    <t>HDFC BANK LTD,  GROUND FLOOR, BLOCK TINIALI,  SEGUNBARI, MARGHERITA,  WARD NO 3,  BESIDES SBI, MARGHERITA, ASSAM</t>
  </si>
  <si>
    <t>GROUND FLOOR,  SHOP NO 4-7,  C BLOCK, PLOT NO 411,  SUB PLOT NO 5, BUSINESS COURT,  OPP BRAND FACTORY,  , PUNE, MAHARASHTRA</t>
  </si>
  <si>
    <t>HDFC BANK LTD, KOWTAL BUILDING OPP CHOTULAL, SWEETS RAM MANDIR ROAD VIJAYAPURA, VIJAYAPURA, KARNATAKA</t>
  </si>
  <si>
    <t>HDFC Bank Ltd., Ground &amp; Mezz Floor, Global Port, 45/1 to 45/4, Mumbai -Banglore Highway, Near Audi Showroom, Baner, Pune, Maharashtra - 411045.</t>
  </si>
  <si>
    <t>14-1-155, S.No 262/1 , Munthavari centre, Chirala,</t>
  </si>
  <si>
    <t>HDFC Bank Ltd., Mandleshwar Road, Kasrawad, Distt Khargone Madhya Pradesh</t>
  </si>
  <si>
    <t>SADA colony - Raghogarh Vijaypur M.P</t>
  </si>
  <si>
    <t>Door No: 166, Ward No.05, Block No. 21, Theni Main Road, Usilampatti Town, Usilampatti, Tamil Nadu</t>
  </si>
  <si>
    <t>HDFC Bank Ltd., Upper  Ground Floor, Anupsingh Saddiwal Complex, Maharana Pratap Chowk, Karmala Road, Paranda, Dist. Osmanabad, Maharashtra</t>
  </si>
  <si>
    <t>HDFC Bank Ltd., Ground Floor, Jhunku Ward Main Road Deori , District Sagar, (M.P.)</t>
  </si>
  <si>
    <t>Ground Floor, 4-17, Grand Trunk Road, Nallajerla, Dist. West Godavari, Andhra Pradesh</t>
  </si>
  <si>
    <t>HDFC Bank Ltd, Shop No 43 to 45, 59, 60, Mangalmurti Park, NH - 66, Mumbai- Goa Highway, Poladpur, Raigad, Pin 402303</t>
  </si>
  <si>
    <t>HDFC Bank Ltd, Ground Floor, 205, Mohalla Chowk, Purana Dibai Road, Near Chamunda Mandir, Shikarpur, Bulandshahr, Uttar Pradesh - 203395</t>
  </si>
  <si>
    <t>HDFC BANK LTD, GROUND FLOOR, SHOP NO 16, 18, KRISHNA GOLD COMPLEX, MANEJA MAKARPURA MAIN ROAD, VADODARA, GUJARAT</t>
  </si>
  <si>
    <t>HDFC Bank Ltd, Nevri Bagli Marg, Hatpipliya, District Dewas, MP</t>
  </si>
  <si>
    <t xml:space="preserve">Shakti Heights, Opp. Shriram School, Renapur - Latur District </t>
  </si>
  <si>
    <t>HDFC BANK LTD, Jagatpura Tiraha, AB Road, Kolaras</t>
  </si>
  <si>
    <t>HDFC Bank Ltd., Ground Floor, Khasra No. 219/1/2, 219/2/1, Ward No. 11, Near Agrawal Petrol Pump, Khirkiya, Dist. Harda, Madhya Pradesh</t>
  </si>
  <si>
    <t>HDFC BANK LTD, GROUND FLOOR, 89/129/130/131, PANDIT ISHAN, CHANDRA ROAD, BANGUR PARK, RISHRA, WEST BENGAL</t>
  </si>
  <si>
    <t>Durga Complex, Machalpur road ,Jirapur, Dist-Rajgarh (MP)</t>
  </si>
  <si>
    <t>HDFC Bank Ltd, Ganapati Tower, Ground Floor &amp; First Floor, 55 - Bidhannagar Road, PO &amp; PS - Ultadanga, Kolkata, West Bengal - 700067</t>
  </si>
  <si>
    <t>Ground floor, Shogun Building, Rice Bazar, Near Puthen Palli, Thrissur, Kerala</t>
  </si>
  <si>
    <t>HDFC Bank Ltd., Ground Floor, House No.75/1, Ward No.03, Jawahar Marg, Neemuch Road, Jawad, Dist. Neemuch, Madhya Pradesh</t>
  </si>
  <si>
    <t>HDFC Bank Ltd.,Hoshangabad Road, Near Court Square, Sohagpur (M.P.)</t>
  </si>
  <si>
    <t>HDFC Bank Ltd., Hoshangabad Road, Near Hero Showroom,Babai(M.P.)</t>
  </si>
  <si>
    <t>HDFC Bank Ltd., Warn No. 5,Near Petrol Pump, Narsignpur Road,Lakhnadon(M.P.)</t>
  </si>
  <si>
    <t xml:space="preserve">HDFC Bank Ltd., Ground Floor, Shriram Building, 880/A ( Old 67/A ), Near Shivaji Chowk, Rambaug , Bhor, Dist. Pune, Maharashtra - 412206. </t>
  </si>
  <si>
    <t>HDFC Bank Ltd. Upper Ground floor Bus stand  Road, Patur , District - Akola</t>
  </si>
  <si>
    <t>HDFC Bank Ltd., Sagar Naka, Ambedkar ward Khurai, District  Sagar, (M.P.)</t>
  </si>
  <si>
    <t>HDF Bank LTD, Besides of Choudhary Petrol,Seoni Road,Chourai,Dist.Chhindwara,Madhya Pradesh</t>
  </si>
  <si>
    <t>HDFC BANK LTD, 295, 2A 1,  NEAR SHANTADURGA TEMPLE, SIMPLE WADA,  SANCOALE, MURMAGOA, GOA</t>
  </si>
  <si>
    <t>Fatehgarh Churian Road, Opp Vrindavan Garden, Nangli, District Amritsar, Punjab</t>
  </si>
  <si>
    <t>Upper Ground Floor, Near Badharghat Petrol Pump, Siddiasram, Badharghat, Agartala, Dist. West Tripura, Tripura</t>
  </si>
  <si>
    <t>Ground Floor, 990, Near Baburam School, Bhola Nath Nagar, New Delhi</t>
  </si>
  <si>
    <t>HDFC Bank Ltd. Ground Floor, Vill-Shaltila. Near Kalinagar Motor Stand, Belonia, Dist. South Tripura</t>
  </si>
  <si>
    <t xml:space="preserve">HDFC Bank Ltd. Ground floor, Plot No. - 985, PS+ PO- Kulti, College More, Dist - Paschim Bardhaman </t>
  </si>
  <si>
    <t>HDFC Bank Ltd, Ground Floor, No 182, Strahan's Road, Pattalam, Next to Ellai Amman Koil, Chennai, Tamil Nadu - 600012</t>
  </si>
  <si>
    <t>HDFC Bank Ltd, Ground Floor, No. 452, Garuda Arcade, 3rd Main, BEML 7th Stage, Global Village Tech Park Back Gate, Mylasandra, Bengaluru</t>
  </si>
  <si>
    <t>Ground Floor ,Chinwalar Complex RG Road Karatagi, koppal , Karnataka</t>
  </si>
  <si>
    <t>HDFC Bank Ltd, Ground Floor, #19, Honnenahalli Village, Rajankunte, Yelahanka, Karnataka - 560064</t>
  </si>
  <si>
    <t>Chinchansur Building Ground Floor,15 &amp; 16 Opp Taluk Panchyat Office,Railway ,Station Road Chittapur Dist Kalaburagi Karnataka</t>
  </si>
  <si>
    <t>HDFC Bank Ltd., Ground floor,Plot No 3,Vishesh Vihar, Township,Kathgharia,Kamaluwa ganja,Haldwani (Nainital), Uttarakhand</t>
  </si>
  <si>
    <t>Property No- 5/705,706,707, Delhi Saharanpur Road, Mohalla Banjaran, Rampur Maniharan, Distt- Saharanpur</t>
  </si>
  <si>
    <t>Ground. Floor, # 33/6/3, Plot No.1, Survey No.577, 584, 585, Part Nagaram, Medchal Malkagiri District, Hyderabad, Telangana</t>
  </si>
  <si>
    <t>Ground Floor, H.No.  4-328, Block No.4th, Sy.No.608, Pothaigadda, Mothkur, District. Yadadri, Telangana</t>
  </si>
  <si>
    <t>HDFC Bank Ltd, Ground Floor, 60/237, TS Road, Ward No 6, Dubrajpur, Birbhum, West Bengal - 731123</t>
  </si>
  <si>
    <t>HDFC Bank Ltd., Ground Floor, Sher Ganj, Near Gautam Nursing Home, Jalesar, Dist. Etah, Uttar Pradesh</t>
  </si>
  <si>
    <t>No 16, NMR complex, near Sanjeevini Manjari Hospital, Anekal Road, Attibele, Banglore</t>
  </si>
  <si>
    <t>HDFC Bank Ltd, Ground Floor, Arazi No 443/16, Mohaddipur, Gorakhpur, Uttar Pradesh - 273008</t>
  </si>
  <si>
    <t>Ground Floor Opposite Co-Operative Colony Peerbagh, Budgam, Jammu and Kashmir</t>
  </si>
  <si>
    <t>Ground Floor, Plot No 3, Survey No. 43, H.No. 2- 11/A, Mallikarjuna Nagar, Peerzadiguda Village, Ghatkaser Mandal, Hyderabad</t>
  </si>
  <si>
    <t>HDFC Bank Ltd, Ground Floor, M/s Ayyappa Enterprises, 23/51 (3) Court Road, Near Ganapathy Mandir, Palakkad, Kerala - 678001</t>
  </si>
  <si>
    <t>HDFC Bank Ltd. Ground Floor, Opp. Block Office, Dharamgarh, Dist. Kalahandi, Odisha</t>
  </si>
  <si>
    <t>HDFC Bank Ltd. Ground Floor, Near Saptashree Science College, Main Road Chikiti Pentha, AT/PO- Chikiti, Dist. Ganjam, Odisha</t>
  </si>
  <si>
    <t>Ground Floor, Survey No 46/2E, Plot No 1, CTS No 998, Azam Nagara Circle, Bauxite Road, Azam Nagara, Belagavi,, Karnataka</t>
  </si>
  <si>
    <t>HDFC Bank Ltd, Khasra No 1914Ka, Village Baragaon, Pargana Kolasala, Tehsil Pindra, Dist - Varanasi, Uttar Pradesh  - 221204</t>
  </si>
  <si>
    <t>HDFC Bank Ltd Ground Floor, CTS No:2944, Dahod Jhalod Road, Muvada, Jhalod, Dahod, Gujarat - 389170</t>
  </si>
  <si>
    <t>HDFC Bank Ltd. Ground Floor,Vasudev Villa,Near Vidarbha Kokan Gramin Bank,Main Road Telhara Dist-Akola,Maharashtra-444108</t>
  </si>
  <si>
    <t>HDFC Bank Ltd, Ground Floor, #23 / 1, Sambandham Road (East), R S Puram, Coimbatore, Tamil Nadu - 641002</t>
  </si>
  <si>
    <t>HDFC Bank Ltd., Ground Floor, Jaanta Raja Marg, Near Malpani Hospital, Sangamner, Ahmednagar, Maharashtra - 422605.</t>
  </si>
  <si>
    <t>HDFC Bank ltd, NO 34 Bharathi Ula Road, Race Course , Madurai</t>
  </si>
  <si>
    <t>Ground Floor, Vijay Mansion, Sindhanur Road, Manvi, Raichur , Karnataka</t>
  </si>
  <si>
    <t>HDFC BANK LTD, GROUND FLOOR 19, 4, HENNUR KOTHANUR MAIN ROAD, KOTHANUR, BANGALORE, KARNATAKA</t>
  </si>
  <si>
    <t>HDFC Bank Ltd., Ground Floor, Growth Centre Gat No 326, Shendra MIDC Square, Kumbhefal Dist Aurangabad Maharashtra</t>
  </si>
  <si>
    <t>HDFC Bank Limited, Survey NO. 772/3, 774/3, 775/3, WARD NO.1, AB ROAD, BADARWAS DIST- SHIVPURI, MADHYA PRADESH</t>
  </si>
  <si>
    <t>HDFC BANK LTD.,  GROUND FLOOR,  , HATIGAON BHETAPARA ROAD, NEAR POLICE STATION,  HATIGAON., GUWAHATI, ASSAM</t>
  </si>
  <si>
    <t>HDFC Bank Ltd., Ground Floor, Ward no. 03, Near IDFC BANK, Beside Nagar Panchayat Office, Katghora, Dist. Korba, Chhattisgarh</t>
  </si>
  <si>
    <t>First Floor, Shanghai Complex, Opp Air Station, Koodal Nagar, Palamedu Main Road, Madurai, 
Tamil Nadu</t>
  </si>
  <si>
    <t>HDFC Bank Ltd., Ground Floor, H No 209/206. W. no 01/41, Hanuman Chowk, Maharana Pratap Ward, Near Hanuman Temple, Satna, Madhya Pradesh - 485001</t>
  </si>
  <si>
    <t>HDFC Bank Ltd., Ground Floor, Ward No. 8, Near Birla Institute of Applied Science, Aanu, Bhimtal, Dist. Nainital, Uttarakhand -263136.</t>
  </si>
  <si>
    <t xml:space="preserve">HDFC Bank Ltd., Ground Floor, 12-A, Dungar Palace, Bapu Nagar, Senthi, Chittorgarh, Rajasthan </t>
  </si>
  <si>
    <t>HDFC Bank Ltd, Ground Floor, Shop No - 52, Girnar Khushboo Plaza, Plot No -209, Near Vishal Mega Mart, Opp Fortune Mall, Ajit Nagar, Phase 2, VIA Road, GIDC, Vapi, Gujarat - 396191</t>
  </si>
  <si>
    <t>HDFC Bank Ltd., Ground Floor ,Khasra no. 3658/1(k), 1(JH), P.H No.42/60, Indira Chowk, Main Road, Arang, Dist.- Raipur, Chhattisgarh</t>
  </si>
  <si>
    <t>HDFC Bank Ltd, Upper Ground floor, Plot No 3, Vishnukamal Nagar, Near Dinbai School, Arni Road, Digras, Yavatmal, Maharashtra - 445203</t>
  </si>
  <si>
    <t>HDFC Bank Ltd., Ground Floor, Ward No. 12,Main Road, Old Bus Stand,Shaheed Chowk,Amarwara(M.P.)</t>
  </si>
  <si>
    <t>HDFC Bank Ltd, Ground Floor , Plot No 119 , Pratham Fashion Mall, Patel Ward , Desaiganj (Wadsa), Dist. Gadchiroli , Maharashtra</t>
  </si>
  <si>
    <t>Ground. Floor, 132, Ghosal Para Road, Manikpur, PO-Harinavi, PS- Sonarpur, District- South 24 Parganas</t>
  </si>
  <si>
    <t>HDFC Bank Ltd, Madaparambil Arcade, Oushadhi Jn, Perumbavoor, Ernakulam, Kerala</t>
  </si>
  <si>
    <t>HDFC BanK Ltd., HDFC Bank Ltd,Ground And First Floor Udaypura Naka Bareiley</t>
  </si>
  <si>
    <t>Ground Floor Shop Number 8,8A,9,10,17,18,18A &amp; 19,VA Plaza Station Road Subhash Ward -Tirora-,Dist- Gondia Maharashtra</t>
  </si>
  <si>
    <t>HDFC Bank Ltd., Ground Floor, Pathange Arcade, Door No 133/184,  Bellary Main road, Siruguppa, Bellary, Karnataka - 583121.</t>
  </si>
  <si>
    <t>HDFC Bank Ltd. Ground Floor, Satti Chauraha, Jhadol Market, Dist. Udaipur (Rajasthan) - 313702</t>
  </si>
  <si>
    <t>Barwani Road, Opp. Dadaji Market, thikri, District Barwani, Madhya Pradesh</t>
  </si>
  <si>
    <t>HDFC Bank Ltd., Jaiswal Market Bandha Road Junnardeo,(M.P.)</t>
  </si>
  <si>
    <t>HDFC Bank Ltd, Ground &amp; Mezzanine Floor, Shop No1 &amp; 2, Girnar 108, Survey No63, Hissa No2 Gangadham Stratunjay Road, Kondhwa Budruk, Pune, Maharashtra - 411048</t>
  </si>
  <si>
    <t>HDFC BANK LTD, GROUND FLOOR, 91 A P C ROAD, RAJABAZAR, KOLKATA, WEST BENGAL</t>
  </si>
  <si>
    <t>HDFC BANK LTD, SCO 1D,  SECTOR 66A, AERO CITY MOHALI, MOHALI, PUNJAB</t>
  </si>
  <si>
    <t>HDFC Bank Ltd, Ground Floor Rajrajat Complex,  3rd Phase, Bhinmal Main Road, Dist. Jalore, Rajasthan</t>
  </si>
  <si>
    <t>HDFC BANK LTD, AMITY UNIVERSITY CAMPUS, PLOT NO 4, FIRST FLR, SEC 125 NOIDA, NOIDA, UTTAR PRADESH</t>
  </si>
  <si>
    <t>H T Complex, Ground Floor, Shimoga Main Road, Soraba</t>
  </si>
  <si>
    <t>HDFC Bank Ltd, Ground Floor, Plot No 8, Chankya Nagar, Shiv Badi Road, JNV Colony, Bikaner, Rajasthan - 334001</t>
  </si>
  <si>
    <t>HDFC Bank Ltd, Sri Kumaravel Complex, Main Road, Vathistapuram, Tittakudi, Cuddalore</t>
  </si>
  <si>
    <t>HDFC Bank Ltd., Ground Floor, Sajjan Complex, Plot no.86 &amp; 83,  Jyoti Nagar, Sindgi, Vijayapura, Karnataka - 586128.</t>
  </si>
  <si>
    <t>Ground Floor, Sri Prakash Vidya Soudham, NH-16, PL Puram, Payakaraopeta, Dist. Visakhapatnam, Andhra Pradesh</t>
  </si>
  <si>
    <t>HDFC Bank Ltd, Ground Floor, Near Central Bank of India, Jhalawar Road, Khanpur, Jhalawar, Rajasthan - 326038</t>
  </si>
  <si>
    <t>HDFC BANK LTD, GROUND FLOOR, IMPERIAL CLASSIC BLDG, BHABOLA, VASAI WEST, PALGHAR, MAHARASHTRA</t>
  </si>
  <si>
    <t>HDFC Bank Ltd., Ground &amp; First Floor, Sy.No. 17, Plot no. 8 &amp; 69, Near Mallige Hotel, Bijapur Circle, Bidar Bangalore Road, Jevargi, Kalaburgi, Karnataka - 585310.</t>
  </si>
  <si>
    <t>Door No: 62/3843,Ground Floor, Chenchery Building, MG Road, Ernakulam, Kerala</t>
  </si>
  <si>
    <t>HDFC Bank Ltd, Ground Floor, Near Govt ITI, Old NH - 5 Road, Satrampadu, Eluru, Andhra Pradesh - 534007</t>
  </si>
  <si>
    <t>HDFC Bank Ltd, Ground Floor, D No 39-27-42-1-1, Vuda Colony, Madhavadhara, Visakhapatnam, Andhra Pradesh - 530018</t>
  </si>
  <si>
    <t>Ground Floor, #5-179/2, Dr BVN Enclave, Beside Hero Showroom, Perur Post , Tirupati, Andhra Pradesh</t>
  </si>
  <si>
    <t>HDFC Bank Ltd, Ground Floor, 34/1610 A, Anaswara Souparnika Apartment, Phutukalavattom Road, Elamakkara, Ernakulam, Kerala - 682026</t>
  </si>
  <si>
    <t>HDFC Bank Ltd., Ground Floor, No. 419 / 1, Nadu Street, Sankagiri Main Road, Kondalampatti, Salem, Tamil Nadu</t>
  </si>
  <si>
    <t>HDFC Bank Ltd., Grd. Floor, Sector 2, Lower Roop Near, EWS Colony, Near Easyday, Jammu, Jammu &amp; Kashmir, 180013</t>
  </si>
  <si>
    <t>HDFC Bank Ltd.
Ground Floor, Balajee Apartment, Solanki Chowk, Ward No. 54 of R.M.C, Kalyanpur, Singh More, Hatia, Jagarnathpur</t>
  </si>
  <si>
    <t>HDFC Bank Ltd., Ground Floor, Narot Jaimal Singh, Near Bus Stand, Dinanagar Road, Dist. Pathankot, Punjab</t>
  </si>
  <si>
    <t>HDFC Bank Ltd, Opp. Arora Hospital, Bijalighar Choraha, Bharatpur, Rajasthan</t>
  </si>
  <si>
    <t>HDFC Bank Ltd, Ground Floor, Hotel Sandy Tower, P1&amp;P1/A, Xavier Square, Jaydev Vihar, Bhubaneswar, Khordha, Odishan - 751013</t>
  </si>
  <si>
    <t>#1-1-503, Ground Floor, Near NIT, Kazipet, Hanamkonda, Telangana</t>
  </si>
  <si>
    <t>1st floor , No 9 OMR Road, Sholinganallur, Chennai</t>
  </si>
  <si>
    <t>HDFC Bank Ltd., Ground Floor, Bathinda- Muktsar Road, VPO Doda, Dist. Muktsar, Punjab - 152031.</t>
  </si>
  <si>
    <t>HDFC BANK LTD, GROUND FLOOR,  POOJA HOTEL BUILDING, P B ROAD,  DAVANGERE, DAVANGERE, KARNATAKA</t>
  </si>
  <si>
    <t>HDFC Bank Ltd., Ground Floor, Khasra No. 4768/1485/2/2, New Captains Market, VPO. Nasrala, Distt. Hoshiarpur, Punjab</t>
  </si>
  <si>
    <t>Ground Floor, Survey No: 235, Hyderabad Road, Shankarpally, Rangareddy Dist, Telangana</t>
  </si>
  <si>
    <t>HDFC Bank Ltd., Ground Floor, Opp. BSNL Office, Bhawarna, Dist. Kangra, Himachal Pradesh - 176083</t>
  </si>
  <si>
    <t>HDFC Bank, Ground Floor, NJP Main Road, Surya Sen Colony, Block - B, Ward No - 34, Siliguri, Jalpaiguri, West Bengal - 734004</t>
  </si>
  <si>
    <t>IV/2265/236, Near NH Bypass Jn., Kavanadu, Kollam, Kerala</t>
  </si>
  <si>
    <t>HDFC Bank Ltd., Ground Floor, VPO Algon Kothi Main, Bhikhiwind, Khamekaran Road, Patti, Dist. Tarn Taran, Punjab - 143419</t>
  </si>
  <si>
    <t>HDFC Bank Ltd., Ground Floor, Site No-2, Shivanaradamuni Arcade, Kogilu Main Road, Bangalore, Karnataka - 560064.</t>
  </si>
  <si>
    <t>HDFC Bank Ltd.,  Ground Floor, Dev nagar,  Tanakpur Reoad, Champawat, Champawat, UTTARAKHAND</t>
  </si>
  <si>
    <t>HDFC Bank Ltd., Ground Floor Sy.No.196/1B, Madikeri Road, Somwarpet, Kodagu, Karnataka - 571236</t>
  </si>
  <si>
    <t>HDFC Bank Ltd, Ground Floor, G11, White House, Opp Palm Avenue, VIP Road, Vesu, Surat, Gujarat - 395007</t>
  </si>
  <si>
    <t>HDFC BANK LTD, GROUND FLOOR, SAVITHA COMPLEX, SALAGAME ROAD, OPP SAI BABA TEMPLE, HASSAN, KARNATAKA</t>
  </si>
  <si>
    <t>HDFC Bank Ltd, Ground Floor, Shop - 19,20,21, Anjani Icon, Nr Laxmi Farm, Opp Megh Milap Society, Adjacenet to DGVCL Office, Jahangirpura, Surat, Gujarat - 395009</t>
  </si>
  <si>
    <t>HDFC Bank LTD., Ground Floor, Plot No 23, B B Nagar, Koppal Road, Kushtagi-584121, Karnataka</t>
  </si>
  <si>
    <t>HDFC Bank Ltd., Ground Floor, Premises at 1-Pragatinagar, Nr. Bank of Baroda, Lathi Road, Amreli, Gujarat - 365601.</t>
  </si>
  <si>
    <t>HDFC Bank Ltd., Ground Floor, Premises at Shop No.-3,4, Amrit Shanti Complex, Lajpat Rai Road, Main Market, Jagraon, Ludhiana, Punjab - 142028.</t>
  </si>
  <si>
    <t>HDFC Bank Ltd, Ground Floor, C-2, Sector 12, Noida, Uttar Pradesh - 201301</t>
  </si>
  <si>
    <t>HDFC Bank Ltd., Gr Floor Survey No 13, Hisa No 1, A/K, Highway Treat Mumbai Goa Highway Nagothane(C.T) TI Roha Dis Raigad Maharashtra</t>
  </si>
  <si>
    <t>HDFC Bank Ltd, Upper Ground Floor, Shiv Kanchan Pur Matiyari, Ward - Shaheed Bhagat Singh (Chinhat), Deva Road, Lucknow, Uttar Pradesh - 226028</t>
  </si>
  <si>
    <t>HDFC Bank Ltd., Plot No. 2572/5798/5799 , Ground Floor, Om Complex , Po. Attabira Dist : Bargarh, Odisha</t>
  </si>
  <si>
    <t>HDC Bank Ltd., Ground Floor, Ward No. 5, Subhash Nagar, Lalkuan, Dist. Nainital,  Uttarakhand</t>
  </si>
  <si>
    <t>HDFC Bank Ltd., Ground Floor, Sidheshwar Complex, Opp. Sitla Mandir, PWD Guest House Road, Lohaghat, Champawat, Uttrakhand - 262524.</t>
  </si>
  <si>
    <t>HDFC Bank Ltd. Plot No.758/3631/4648, Near Gandhi Chowk, Athmallik</t>
  </si>
  <si>
    <t># 12-11-156 to 156/1, Ground Floor, Namalagundu Main Road, Seethaphalmandi, Opp Vijaya Diagnostic Centre, Secunderabad, Telangana </t>
  </si>
  <si>
    <t>HDFC Bank Ltd., Ground floor, Shop NO 11 and 12 , S 9 Commercial Complex, Opp. Bihari Baug, Abu Highway , Palanpur, Gujarat</t>
  </si>
  <si>
    <t>HDFC Bank Ltd., Ground Floor, Infront of SBI, Pipariya Road, Ward No. 9, Bankhedi, Hoshangabad, Madhya Pradesh- 461990</t>
  </si>
  <si>
    <t>HDFC BANK LTD, NO 987, 991 SIT MAIN ROAD, 14TH CROSS,  SIT EXTENSION, TUMKUR, KARNATAKA</t>
  </si>
  <si>
    <t>HDFC Bank Ltd., Ground Floor, Shop no. 1, 2, 3, 4, 5 &amp; 6, Plot no. 2, Anand Nagar, Vyankatesh, Upanagar, Nashik Road, Nashik - 422006.</t>
  </si>
  <si>
    <t>HDFC Bank Ltd, Ground Floor, # 443, Palakkad Main Road, Opp City Union Bank, Kuniyamuthur, Coimbatore, Tamil Nadu - 641008</t>
  </si>
  <si>
    <t>HDFC Bank Ltd, Ground Floor, Mahandra Bapu Complex, Dal Chouraha, Udaipur Road, Salumbar, Udaipur, Rajasthan - 313027</t>
  </si>
  <si>
    <t>HDFC Bank Ltd, Ground Floor, Near Tiranga Square , Main Road, Gariaband, Chhattisgarh - 493889</t>
  </si>
  <si>
    <t>HDFC Bank Ltd., Grd. Floor, 22/18, Salem Road, Near Roundtana, Uthangarai, Dist. Krishnagiri, Tamil Nadu - 635207</t>
  </si>
  <si>
    <t>HDFC Bank Ltd., Ground Floor, 8-2-269/S/44, Sagar Society, Banjara Hills, Hyderabad, Telangana - 500034</t>
  </si>
  <si>
    <t>HDFC Bank Ltd, Ground &amp; First Floor, Plot no-785/1, Ward No-28, Subhas Chowk, Niharika, Korba, Dist-Korba Chhattisgarh - 495677</t>
  </si>
  <si>
    <t>HDFC Bank Ltd., No.2, Gandhi Road, Opp. to Asian Diagnostic center vandavasi town, Vandavasi, tamil Nadu</t>
  </si>
  <si>
    <t>HDFC Bank Ltd, Ground Floor, DNo 26-15-27, Unit No 3, Sridhars Krishna Tower, Annamaya Circle, Mini Byepass Road, Nellore, Andhra Pradesh - 524003</t>
  </si>
  <si>
    <t>HDFC Bank Ltd., Upper Grd. Floor, Near Bharat Petrol Pump, Campier Ganj, Dist. Gorahpur, Uttar Pradesh</t>
  </si>
  <si>
    <t>HDFC Bank Ltd, Ground Floor, 6th Line Vijayapuri Colony, Main Road, JKC College Road, Guntur, Andhra Pradesh - 522006</t>
  </si>
  <si>
    <t>No 940, Bazar Road, Ramnagr South, Madipakkam, Chennai, Tamil Nadu - 600091</t>
  </si>
  <si>
    <t>HDFC Bank Ltd, Plot No-37, Ashok Nagar, Rajmahal Square, Bhubaneswar, Khurda, Odisha - 751009</t>
  </si>
  <si>
    <t>NEELKANTH PLAZA,  GROUND FLOOR, NR BAPA SITARAM CHOWK, MAVDI MAIN ROAD,  RAJKOT, RAJKOT, GUJARAT</t>
  </si>
  <si>
    <t>Shop No.: G1 and G4, Someshwar Textile Market, Behind Millennium-1, Ring Road, Surat, Gujarat</t>
  </si>
  <si>
    <t>HDFC Bank Ltd. , Ground &amp; First Floor, Khasra No.: 459, Khata Khatauni No. 45/130, Mehta Complex, Nankhari, Dist. Shimla, Himachal Pradesh - 172021</t>
  </si>
  <si>
    <t>HDFC Bank Ltd., Ground Floor, No. A 58, Sarah Tucker College Road, Jawahar Nagar, NGO A Colony, Perumalpuram, Palayamkottai, Tirunelveli, Tamil Nadu - 627007</t>
  </si>
  <si>
    <t>#8-1-164/5/1, Sy No 161, Plot No 07, Mailardevpally, GHMC Rajendra Nagar Circle, Dist Rangareddy, Telangana - 500077</t>
  </si>
  <si>
    <t>HDFC Bank Ltd., No 57/7 AKP COMPLEX, Near Sindhuja Hospital, Madurai Road,Manapparai,Tamilnadu-621306</t>
  </si>
  <si>
    <t>No, 7/73 &amp; 7/74,Salem Bye-Pass Road,Melbatchapet,Harur, Tamil Nadu</t>
  </si>
  <si>
    <t>HDFC Bank Ltd, Ground Floor, 88/8W, Katcheri Street, Mettur Road, Near Omalur Taluk Office, Omalur, Salem, Tamil Nadu - 636455</t>
  </si>
  <si>
    <t>HDFC Bank Limited, KH No 107/1 , Near Janpad Panchyat, Main Road Bagicha Jashpur - 496224</t>
  </si>
  <si>
    <t>HDFC Bank Ltd., Ground Floor, D.No. 423-6, 423-7 &amp; 9/173, Thogata Street, Dharmavaram, Anantapur, Andhra Pradesh - 515671.</t>
  </si>
  <si>
    <t>HDFC Bank Ltd, Ground Floor, Khasra No-301/8, Word No-14, Dev Dhalsingh Chowk, Dhamtari Road, Gunderdehi, Balod, Chhattisgarh - 491223</t>
  </si>
  <si>
    <t>Gupta Height,Khasra No-837/3, Bazar Road, Bhagat Sigh Square, Sitapur, Dist- Surguja Chhattisgarh-497111</t>
  </si>
  <si>
    <t>HDFC Bank Ltd, Ground Floor, Main Market Main Road, Dhamdha, Durg, Chhattisgarh - 491331</t>
  </si>
  <si>
    <t>HDFC Bank Ltd, Ground Floor, CTS No 2742, Opp APMC Market, Station Road, Bodwad, District - Jalgaon, Maharashtra - 425310</t>
  </si>
  <si>
    <t>HDFC Bank Ltd, Ground Floor, Kasra No 4-115, Dhanki Road, Umarkhed, Yawatmal, Maharashtra - 445206</t>
  </si>
  <si>
    <t>HDFC Bank Ltd, Ground Floor, Baberwal Complex, Property No 1404, Plot No 5, Ward No 2, Opp Akola District Co-op Bank, Anant Colony, Nr Bus Stand, Risod, Washim, Maharashtra-444506</t>
  </si>
  <si>
    <t>HDFC Bank Ltd, Ground Floor, Khasra No-1/1 and 2/5, Ward No-9, Main Road, Bagbahra, Mahasamund, Chhattisgarh - 493449</t>
  </si>
  <si>
    <t>HDFC BANK LTD,  GROUND FLOOR, SHOP NO 1, JR SQUARE, BESIDE SHIVANI, MOTORS, KAPODRA, VARACHHA ROAD, SURAT, GUJARAT</t>
  </si>
  <si>
    <t>HDFC Bank Ltd, Ground Floor, Shiv 3/1-A-1-B Badalalpur, Nawalpur Basahi, Varanasi, Uttar Pradesh - 221003</t>
  </si>
  <si>
    <t>HDFC BANK LTD, GF,  SHOP NO. 22, 23 AND 24, PLATINUM MALL, BAGHPAT ROAD, MEERUT, UTTAR PRADESH</t>
  </si>
  <si>
    <t>HDFC Bank Ltd, Ground Floor, KMRoad, Mudigere, Chikmangaluru, Karnataka - 577132</t>
  </si>
  <si>
    <t>HDFC Bank Ltd, Door no. 66/6064 (40/8215), Ground Floor, Yasoram Building, Convent Road (TD Road) , Ernakulam Dist, erala</t>
  </si>
  <si>
    <t>HDFC Bank Ltd, Ground Floor, Jay Hari, Showroom No-1, Near Maru Kansara Vadi, Ranjit Sagar Road, Jamnagar, Gujarat - 361005</t>
  </si>
  <si>
    <t>HDFC Bank Ltd. Raj Palace, Ground Flood, Konnagar, Ward No. 16, Ghatal, Paschim Medinipur</t>
  </si>
  <si>
    <t>HDFC Bank Ltd, Shop No-1446,1446A CTS No 03,Shree Ram Building, Zirad ,Alibag, Raigad,Maharashtra</t>
  </si>
  <si>
    <t>Milestone building shop no 12-18, Near Zanzarda Chowkdi, Zanzarda Road,Junagadh, Gujarat</t>
  </si>
  <si>
    <t>HDFC BANK LTD, GROUND FLOOR, 50, JAWAHARLAL NEHRU ROAD, CHOWRINGHEE ROAD, KOLKATA, WEST BENGAL</t>
  </si>
  <si>
    <t>Ground. Floor, Plot No.  82/1/1, Ward No. 16, Opp. Nagar Parishad Garden, Narkhed, Nagpur District, Maharashtra</t>
  </si>
  <si>
    <t>HDFC Bank Ltd, Ground Floor, Shop No UG5, UG6, UG7 &amp; UG8, Jagat Towers, 4D, Tilak Nagar, Amravati Road (MG Road), Nagpur, Maharashtra - 440010</t>
  </si>
  <si>
    <t>Ground Floor, D.No : 6-149, Dwaraka Tirumala, Eluru District, Andhra Pradesh</t>
  </si>
  <si>
    <t>HDFC Bank Ltd, Ground Floor, Main Chauraha, Sitarganj Road, Nanakmatta, Udham Singh Nagar, Uttrakhand - 262311</t>
  </si>
  <si>
    <t>Ground Floor, D. No : 7-62, Near RTC Bus Stand, Veeravasaram, West Godavari District, Andhra Pradesh</t>
  </si>
  <si>
    <t>126/4,Shop NO - 1,2,9,10,15 &amp; 16, Nehru Gunj Road , Opp KMF Nandini Milk dairy, Kalaburgi, Karnataka</t>
  </si>
  <si>
    <t>HDFC Bank Ltd, First Floor, 13 A, New Survey Road, Adjoining Subhash Road, Kanak Chowk, Dehradun, Uttrakhand - 248001.</t>
  </si>
  <si>
    <t>Ground Floor, 62, Ambalal Park Co-op. Society, Opp. BSNL Office, Near Swaminarayan Temple, Karelibaug, Vadodara, Gujarat</t>
  </si>
  <si>
    <t>HDFC BANK LTD, OKEY PLUS SNEHAM, HANS COMPLEX, NEAR DADI DHAM TEMPLE, AJMER ROAD, BEWAR, BEAWAR, RAJASTHAN</t>
  </si>
  <si>
    <t>HDFC Bank Ltd, H No.2-23-B/26 &amp; 2-23-b/26/1, Plot No.26, Sy No.180, 197 &amp; 200,  Addagutta, Samatha Nagar Colony, Pragati Nagar Road, Hyderabad, Telangana - 500090</t>
  </si>
  <si>
    <t>HDFC Bank Ltd, Ground Floor, Suite G01A, PSR Prime Tower, Gachibowli, Hyderabad, Telangana - 500032</t>
  </si>
  <si>
    <t>HDFC Bank Ltd, Ground Floor, Plot no : 6, Triveni Nagar, Balapur Cross Roads, Rangareddy, Hyderabad, Telangana - 500079</t>
  </si>
  <si>
    <t>HDFC BANK LTD, SHOP NO 414, 417, HAWA MAHAL ROAD, SUBHASH CHOWK, JAIPUR, JAIPUR, RAJASTHAN</t>
  </si>
  <si>
    <t>HDFC Bank Ltd,Plot no 25,Ram Janki Complex,Near Panchayat Samiti,Ashti,Dist Beed., Maharashtra</t>
  </si>
  <si>
    <t>NO.45 Sanathi Street, Jayamkondam, Ariyalur District, Tamil Nadu - 621802</t>
  </si>
  <si>
    <t>HDFC Bank Ltd., Ground &amp; First Floor, Sr. No. 183 &amp; 192, Ward No.13, Malgodam Road, Alot, Ratlam, Madhya Pradesh - 457114</t>
  </si>
  <si>
    <t>HDFC Bank Ltd., Ground Floor, 12-A, Fatehpura Bedla Road, Udaipur, Rajasthan - 313001</t>
  </si>
  <si>
    <t>HDFC BANK LTD, GROUND FLOOR, SR NO 10-2, PLOT NO.498,  ADITYA , RESIDENCY, PARVATI, MITRAMANDAL CHOWK, PUNE, MAHARASHTRA</t>
  </si>
  <si>
    <t>HDFC Bank Ltd. 1st Floor, Damas Complex, Bhojo Chariali, Sonari Town, Charaideo, Assam</t>
  </si>
  <si>
    <t>HDFC BANK LTD, GROUND FLOOR, SHOP NO 6, 7, 8, RAJMATA JIJAU COMPLEX, S.NO 13, 1, INGALE COLONY, SHIVANE, PUNE, MAHARASHTRA</t>
  </si>
  <si>
    <t xml:space="preserve">Ground Floor, M/S Janardhanan &amp; Others, P O Road, Opp to Mosque, Thrissur, Kerala </t>
  </si>
  <si>
    <t>HDFC Bank Ltd, Ground floor, 12th Street, Bharathipuram, Karuppayurani, Madurai, Tamil nadu</t>
  </si>
  <si>
    <t>HDFC BANK LTD,  GROUND FLOOR, SHOP NO 1-2 AND 7-8 PLATINUM GOLD, NARODA MEMCO ROAD, AHMEDABAD, GUJARAT</t>
  </si>
  <si>
    <t>HDFC Bank Ltd. Main Road Near Bus Stand, 24 JRK Goluwala, Rajasthan</t>
  </si>
  <si>
    <t>HDFC BANK LTD, G1, GROUND FLOOR,  , SOLARIS THE ADDRESS,  PIPLOD,  SURAT, SURAT, GUJARAT</t>
  </si>
  <si>
    <t>Plot No -4 , M.N Tower, Tagore Nagar, Near New Bus Stand, Pali, District Pali, Rajasthan</t>
  </si>
  <si>
    <t xml:space="preserve"> Ground Floor, 6-1-68/3/1/79, Near Metro Pillar No. 305, Shivrampally, Aramghar, Beside Prestige Dream Valley, Rajendra Nagar, Hyderabad</t>
  </si>
  <si>
    <t>HDFC Bank Ltd., Ground Floor, Shop no. 11 to 20,    T-Square, Tupe Patil Road, Behind Amanora Township, Next to Marvel Ritz, Hadapsar, Maharashtra - 411028</t>
  </si>
  <si>
    <t>HDFC Bank Ltd. 1st Floor, Dala Chhak, Near SBI Branch, Jajpur Road, Dist. Jajpur, Odisha</t>
  </si>
  <si>
    <t>HDFC Bank Ltd. Ground Floor, Holding No. 151/A, B.B. Sen Road, Khagra, Berhampore, Dist: Murshidabad, West Bengal</t>
  </si>
  <si>
    <t>HDFC Bank Ltd. Ground Floor,28A, Ashutosh Mukherjee Road, Kolkata, West Bengal</t>
  </si>
  <si>
    <t>HDFC Bank Ltd., Ground Floor, D.No.6-1-1, Mahajan Buildings, Perla Vari Street, Vizianagaram, Andhra Pradesh - 535001.</t>
  </si>
  <si>
    <t>Plot No 6 , Opp Bharat Petrol Pump, Meena Vas, Near Bajrang Circle, Swaroop Gunj, District Sirohi, Rajasthan</t>
  </si>
  <si>
    <t>HDFC BANK LTD, Ground Floor,  Dungarpur Main Road,Nr Garhi Tehsil, Partapur, Dist. Banswara, Rajasthan</t>
  </si>
  <si>
    <t>HDFC Bank Ltd, Gulf Plaza, Kaikamba, Uppala, Kasaragod , Kerala</t>
  </si>
  <si>
    <t>Door No.31/671/A, Ground Floor,
Bharathan's Arcade, Ernakulam District, Kerala.</t>
  </si>
  <si>
    <t>HDFC Bank Ltd, SOLAPUR ROAD-HADAPSAR, Ground Floor,84-4,5, Tupe Complex, Opp. Axis Bank, Pune - Solapur Road, Hadapsar, Pune, Maharashtra</t>
  </si>
  <si>
    <t>GROUND FLOOR AND 1ST FLOOR, JIVRAJ TEA LANE, JIVRAJ CHAMBERS, BHAGAL CHAR RASTA, MAHIDHARPURA, SURAT, GUJARAT</t>
  </si>
  <si>
    <t>HDFC Bank Ltd., Ground Floor, SCF - 19, Block - S, Sector 11, DLF Model Town, Faridabad, Haryana - 121006</t>
  </si>
  <si>
    <t>HDFC Bank Ltd., Grd. &amp; 1st Floor, Main Road, Opp. Post Office, Belur, Dist. Hassan, Karnataka - 573115</t>
  </si>
  <si>
    <t>HDFC Bank Ltd., Ground &amp; Basement Floor, Gorai Prakash CHS Ltd., Shop No. 1 to 4, Plot No. 11, RSC - 19, Mhada Layout, Mumbai, Maharashtra - 400 091.</t>
  </si>
  <si>
    <t>Grd. Floor, Sai Residency, Plot No. 32, Block No. 37, Defence Colony, Sainikpuri, Hyderabad, Telangana</t>
  </si>
  <si>
    <t>H No: 76/104-1&amp;2, Tula Estate, Ground floor, Bellary Road, Kurnool, District, Andhra Pradesh</t>
  </si>
  <si>
    <t>Ground Floor, Shop No. - 1 &amp; office No. - 101, ABH Samruddhi, Opp. Hanuman Mandir, Makhmalabad Road</t>
  </si>
  <si>
    <t>Ground Floor, 3121, Kasturba Road, Nr. City High School, Dist. Chandrapur, Maharashtra</t>
  </si>
  <si>
    <t>HDFC Bank Ltd.62/9, B.G. Road, Ground Floor, P.o. Mokdumpur, P.S. English Bazar, Dist. Malda, West Bengal</t>
  </si>
  <si>
    <t>Grd. Floor, Plot No. 4C, Shivam, University Road, Near Saraswati Hospital, Dist. Udaipur, Rajasthan</t>
  </si>
  <si>
    <t>HDFC Bank Ltd., Ground Floor, Shop No.18,19 &amp; 20, Balram Shopping Center, Part-B, Borisana Road, Kalol, Gujarat - 382721.</t>
  </si>
  <si>
    <t>HDFC Bank Ltd., Ground and 1st floor, 164/165 Near Shivaji Maharaj Chowk, Main Road, Panchgani, Dist Satara</t>
  </si>
  <si>
    <t>HDFC Bank Ltd, Ground Floor, The Gujarati Mahajan Association Building, Fort Road, Opp SBI, Kannur, Kerala - 670001</t>
  </si>
  <si>
    <t>H.No: 1-2-270/103/A/1/A, Kuda Kuda Road, Suryapet, Telangana</t>
  </si>
  <si>
    <t>Ward no 5, Ground Floor ,Rewa Sidhi Road, Churhat ( M.P.)</t>
  </si>
  <si>
    <t>Modi Heights Near Modi Petrol  Pump Panchasheel Ward- Sakoli, District, Bhandara, Maharashtra</t>
  </si>
  <si>
    <t>HDFC Bank Ltd., Grd. Floor, Ward No. 10, MDS Babuline Quarter Main A B Road Banmor, Dist. Morena, Madhya Pradesh</t>
  </si>
  <si>
    <t>GF AARNA SIX-73, SHOP 7,8 AND 9, KALALI, VADODARA , GUJARAT</t>
  </si>
  <si>
    <t>HDFC Bank Ltd., Gat No. 870, Pune Bangalore Highway, Near Toll Naka, Khed Shiwapur, Haveli, Pune - 412205</t>
  </si>
  <si>
    <t>HDFC Bank Ltd, Ground Floor , Chaturvedi  Colony, Satna Road ,Amarpatan, Satna, Madhya Pradesh</t>
  </si>
  <si>
    <t>HDFC Bank Ltd, Ground Floor, Hotel Karan Raj Hamirpur Road Bangana, Uaa,  Himachal Pradesh - 174307</t>
  </si>
  <si>
    <t>SHOP NO 10, 11A, 27A, 28, 29,  GOLD FILD, NR INTERNATIONAL CONVENTION CENTER, MOSHI PRADHIKARAN,  PUNE, PUNE, MAHARASHTRA</t>
  </si>
  <si>
    <t>HDFC BANK LTD,  D NO 3-8/20, SHIRNI TOWERS,  AIRPORT ROAD, KPT JUNCTION,  YEYYADI, MANGALORE, KARNATAKA</t>
  </si>
  <si>
    <t xml:space="preserve">HDFC Bank Ltd., Ground Floor, Shop No 16,17 &amp; 18, Kamla Panorama, Near Vastra Bhawan, Pur Road, Bhilwara, Rajasthan - </t>
  </si>
  <si>
    <t>HDFC Bank Ltd, Ground Floor, CTS no 5/215, Opp Old Rayadurg Bus stop, Bangalore Road, Opp Kotak Mahindra Bank, Ballary, Karnataka - 583101</t>
  </si>
  <si>
    <t>HDFC Bank Ltd., Ground Floor, Anusharan Arcade, Nagshanti Building, Shirur Park Main Road, Vidyanagari, Hubli, Dharwad, Karnataka - 580021</t>
  </si>
  <si>
    <t>HDFC Bank Ltd, Ground Floor, Haji Vilasom Building, Near Forest Office, Pathanapuram, Kollam, Kerala</t>
  </si>
  <si>
    <t>HDFC Bank Ltd., Bakiya Road, Semariya ( M.P)</t>
  </si>
  <si>
    <t>HDFC Bank Ltd, Ground Floor, Adjoining Vision Public School, Khatima Road Tanakpur, Champawat, Uttrakhand</t>
  </si>
  <si>
    <t>HDFC BANK LTD Ground Floor Shop No 3 &amp; 4 Dhanashri Complex Opp Vikas Vidyalaya Mumbai Agra Highway Nardana Tal Shindkheda Dist Dhule</t>
  </si>
  <si>
    <t>HDFC Bank Ltd, Hissa No 131, Raut Complex,Main Bazar Peth Road,Poynad , Alibaug</t>
  </si>
  <si>
    <t>HDFC Bank Ltd., Ground Floor, Nariman Point, Rana Sanga Marg, Kukshi, Madhya Pradesh - 454331.</t>
  </si>
  <si>
    <t>HDFC Bank Ltd, Ground Floor, Site No20-124-9 , 4th Cross Venkatasubbaih Shasthri Road, Kollegala, Chamarajanagar, Karnataka - 571440</t>
  </si>
  <si>
    <t>HDFC Bank Ltd., Grd. Floor, Part of Khasara No. 493, Village Sadarpur Karora Gosaiganj Paragana &amp; Tehsil Mohan Lal Ganj, Dist. Lucknow, Uttar Pradesh</t>
  </si>
  <si>
    <t>HDFC Bank Ltd. 31, Upen Banerjee Road, 1st Floor, Parnasree Pally, Behala, Kolkata</t>
  </si>
  <si>
    <t>HDFC Bank Ltd, Shop No. 1&amp;2 Uma Galaxy Near Ganpati Mandir Titwala East ,Thane , Maharashtra</t>
  </si>
  <si>
    <t>HDFC Bank Ltd., Ground Floor, Gate No. 1033 Akbarganj Nagar Chhetra Mohalla turk Patti Khairabad , Sitapur , Uttar Pradesh.</t>
  </si>
  <si>
    <t>HDFC Bank Ltd., Ground Floor, Opp. Rawal Singh Petrol Pump, Main Road Ganjpara Durg, Dist. Durg, Chhattisgarh</t>
  </si>
  <si>
    <t>Ground Floor, H.No. 5-100018, Ward No. 5, Old Bustand Center, Opp Kotaiah Hospital, Wyra, Telangana</t>
  </si>
  <si>
    <t>HDFC Bank Ltd, Ground floor, Manool Arcade, Near KSRTC Bus stand, Thodupuzha, Idukki, Kerala - 685584</t>
  </si>
  <si>
    <t>HDFC Bank Ltd., Door No. M M 14/390-A5 Lower Ground Floor, KNA Plaza, Kundannoor Jn, Maradu P.O, Ernakulam Dist, Kerala, Pin-682304</t>
  </si>
  <si>
    <t>Ground Floor, Sy No. 407/4, H.No. 2-216/1, Bethamcherla,
Dist. Kurnool, Andhra Pradesh</t>
  </si>
  <si>
    <t>HDFC BANK LTD, GROUND FLOOR, BHAT, BROTHERS BUILDING, PALAYAM ROAD, NEAR VNM GOLD, KOZHIKODE, KOZHIKODE, KERALA</t>
  </si>
  <si>
    <t>Ground floor, Shop No. 4-5-6 , Riya House, Nagalpur Bus top, Ahmedabad- Mehsana Highway, Nagalpur , Mehsana, Gujarat</t>
  </si>
  <si>
    <t>HDFC Bank Ltd., Ground Floor, Shop No-1 &amp; 2, Khasra No - 405/3, Main Road, Bakhrupara, Narayanpur, Chhattisgarh</t>
  </si>
  <si>
    <t>HDFC BANK LTD, GROUND FLOOR, PKP BUILDING, NEAR TALUK HOSPITAL, KONNI, KERALA</t>
  </si>
  <si>
    <t>HDFC Bank Ltd., Ground Floor, 6-E-12, Jawahar Nagar, Sri Ganganagar, Rajasthan - 335001.</t>
  </si>
  <si>
    <t>HDFC BANK LTD, GROUND FLOOR, SRI SAI RESIDENCY, SY NO 73/B, OFF BRAHAMPUR, OLD JEWARGI ROAD, KALABURGI, KARNATAKA</t>
  </si>
  <si>
    <t>Ground Floor, Crown Plaza Arcade, KP 20/719 H,I,J, Wayanad Road, Kunnamangalam, Kozhikode, Kerala.</t>
  </si>
  <si>
    <t>HDFC Bank Ltd., Ground Floor, Hadbast no 335, Opp. Gurudwara GT Road, Gurdaspur, Punjab - 143521.</t>
  </si>
  <si>
    <t>HDFC Bank Ltd., Ground Floor, Sunder Colony, Bhilwara Road, Kankroli, Rajsamand, Rajasthan - 313324.</t>
  </si>
  <si>
    <t>HDFC Bank Ltd., Ground &amp; First Floor, Khushi Enclave - Shop No-18 &amp; 19, Sri karanpur, Ganganagar, Rajasthan - 335073.</t>
  </si>
  <si>
    <t>Ground &amp; 1st Floor, Premises No. 24, Southern Avenue, Kolkata, West Bengal</t>
  </si>
  <si>
    <t>HDFC Bank Ltd, Plot No-PAP 59, Near DNS Bank, Opp- Maharashtra Weight Bridge, Anand Nagar, Ambernath, Maharashtra</t>
  </si>
  <si>
    <t>R S Tower, 2-4-78 / 1 / A, Ground Floor, M G Road, Ranigunj, Secunderabad, Telangana - 500003</t>
  </si>
  <si>
    <t>Ground Floor, D.No. 9-41-28, Pitapuram Colony, Opp. Maddilapalem RTC Complex, Dist. Visakhapatnam</t>
  </si>
  <si>
    <t>Ground Floor, Plot No. 1, Sy Nos. 25, 28, 29, 30/1 &amp; 31, Kakaguda, Picket, Near Ambedkar Statue, Secunderabad, Telangana</t>
  </si>
  <si>
    <t>HDFC Bank Ltd. Ground Floor, Shop No. 1, Near Ved Hospital, Kalyan – Bhiwandi Road, Kongaon, Kalyan</t>
  </si>
  <si>
    <t>HDFC Bank Ltd., Ground Floor, Main Chowk, Near Gurudwara, Nanak Nagar, Dist. Jammu, Jammu &amp; Kashmir , 180004</t>
  </si>
  <si>
    <t>HDFC BANK LTD,Gajanan Business Hub, Near Elecon Triangle Garden, Vallabh Vidyanagar-388120 </t>
  </si>
  <si>
    <t>HDFC Bank Ltd., Ground Floor, House No. 93, Ward No. 12, Mohalla Patel Nagar, Akbarpur, Dist. Ambedkar Nagar, Uttar Pradesh</t>
  </si>
  <si>
    <t>HDFC Bank Ltd., Ground Floor, New Palace Marriage Hall, Opp. PNB Bank, Sarwal, Jammu, Jammu &amp; Kashmir, 180005</t>
  </si>
  <si>
    <t>HDFC Bank Ltd., Lower Ground Floor, Unit No-7, 8, 9 &amp; 10, Bhartiya Mall of Bengaluru, Thanisandra Main Road, Bangalore, Karnataka - 560064</t>
  </si>
  <si>
    <t>HDFC Bank LTD, Ground Floor, Grampanchayat Building, Nhavare, Tel Shirurm Pune</t>
  </si>
  <si>
    <t xml:space="preserve">HDFC Bank Ltd. Unit No. C1, C2 &amp; C10, Rajlaxmi Complex, C NX Beside Kalher Police Station, Bhiwandi </t>
  </si>
  <si>
    <t>HDFC Bank Ltd., Shop No. 1-5, Chouhan Galaxy, Silver Park, Mira Road East Dist Thane - 401107.</t>
  </si>
  <si>
    <t>B-104 Signature 2, Sarkhej Sanand Road, Sarkhej, Ahmedabad</t>
  </si>
  <si>
    <t>HDFC Bank Ltd., Ground Floor, The Vertex, 11 Palmgrove Road, Victoria Layout, Bangalore, Karnataka - 560047.</t>
  </si>
  <si>
    <t>HDFC Bank Ltd., Near LIC office, Allahabad road, Mauganj (M.P)</t>
  </si>
  <si>
    <t>HDFC BANK LTD, Upper ground floorVB Capital Building, Rang hill road, Bhosale nagar, Pune</t>
  </si>
  <si>
    <t>Ground floor, Kalburgi Estate, Opp Hotel Akshay Inn, Gokul Road, Hubli – 580030</t>
  </si>
  <si>
    <t>GROUND FLOOR No 605 SRI MAGANURU BASAPPA HADADI ROAD DAVANGERE</t>
  </si>
  <si>
    <t>HDFC BANK LTD,  GROUND FLOOR, DEV SIDHI PLAZA, NEAR COLONY MORE, MAIN ROAD, KANKARBAGH, PATNA, BIHAR</t>
  </si>
  <si>
    <t>HDFC Bank Ltd, Ground Floor, Urban 2 Complex, Opp Akshar Pavillion, Priya Talkies,Vadodara-391410</t>
  </si>
  <si>
    <t>1st Floor, Leela Pride, H No. 54-18-37, Ramesh Hospital Road, Lic Colony, Vijayawada, Krishna Dist, Andhra Pradesh</t>
  </si>
  <si>
    <t>HDFC BANK LTD, GROUND FLOOR, SHOP NO 2A AND 2B PART, SANTOSHA COMPLEX , MAURYALOK, PATNA, BIHAR</t>
  </si>
  <si>
    <t>HDFC Bank Ltd., Ground Floor, Infront of  Shanti Bhawan, Gaurav Path, Raigarh Road, Jashpur, Chhattisgarh</t>
  </si>
  <si>
    <t>Grd. Floor, Plot No. 18, Opp. Ramvatika GovindPuri, Sachin Tendulkar Marg, Dist. Gwalior, Madhya Pradesh</t>
  </si>
  <si>
    <t>HDFC Bank Ltd., Ground Floor, Shanthala Enclave, 100 ft Main Road, Opp. LIC Office, Gopala Gowda Extension, Dist. Shimoga, Karnataka</t>
  </si>
  <si>
    <t>HDFC Bank Ltd. , Ground floor , Shop No 5 &amp; 6 , Choubey omplex, Near Bus Stand , Main Road Balrampur , Dist - Balrampur - Ramanujganj ( C..G.)</t>
  </si>
  <si>
    <t>GROUND FLOOR, TS No. 60/7 , Door No. 7, CANTONMENT, PRASHANT NAGAR, BELLARY, KARNATAKA – 583103.</t>
  </si>
  <si>
    <t>No. 1/306 Ground Floor, Sai Mitra Complex , Main Road,Somarasampettai, Opposite to St.Josephs Higher Secondary School, Tiruchirapalli</t>
  </si>
  <si>
    <t>Ground Floor, #2-34, Opp. Ayyapaa Temple, Mancherial Road, Chennur, Dist. Mancherial, Telangana</t>
  </si>
  <si>
    <t>DOOR NO 22,  SV NAGAR, AMBATTUR REDHILLS MAIN ROAD, PUDUR AMBATTUR, CHENNAI, TAMIL NADU</t>
  </si>
  <si>
    <t>HDFC Bank Ltd., Ground Floor,Khasara No 106 Village Jasai Pur, Tehsil Harraiya District -Basti Uttar Pradesh</t>
  </si>
  <si>
    <t>HDFC Bank Ltd., Ground floor, Aishwarya arcade, Bank Road Kasargode, Kerala - 671121</t>
  </si>
  <si>
    <t>Ground Floor, 5-10-188/2/5, Hillfort, Adarsh Nagar, Kairatabad, Dist. Hyderabad, Telangana</t>
  </si>
  <si>
    <t>HDFC Bank Ltd., Ground Floor, #4, Kodigehalli Main Road, Sahakar Nagar, Bangalore, Karnataka - 560092</t>
  </si>
  <si>
    <t>HDFC Bank Ltd, Upper Ground Floor, B-64, Sector-B, Kanpur Road, Commercial Scheme, Ward-Hind Nagar, Lucknow, UP - 226012</t>
  </si>
  <si>
    <t>1850-16 , Old Anaj Mandi, Jind</t>
  </si>
  <si>
    <t>HDFC Bank Ltd., Ground Floor, Plot No. 24, 22nd East, Kamaraj, Thiruvanmiyur, Chennai, Tamil Nadu - 600041</t>
  </si>
  <si>
    <t>HDFC Bank Ltd. Ground Floor, Premises No.- 724, Sarat Chatterjee Road, Chatterjeehat, Dist. Howrah</t>
  </si>
  <si>
    <t>Door No. 10-50-14/5, Ground Floor, Sai Gopal Arcade, Waltair Main Road, Siripuram, Visakhapatanam - 530003</t>
  </si>
  <si>
    <t>Ground Floor, No : 18-99-1, Gaddinnaram Village, Saroor Nagar Village, Chaitanayapuri X Roads, Rev.Mandal, Rangareddy District, Hyderabad, Telanagana.</t>
  </si>
  <si>
    <t>HDFC Bank Ltd., Ground Floor, Kalrav Residency, Shop No.G1 &amp; G4,Plot No.1514, Opp Shreeji Garden Restaurant, Rupani Circle, Bhavnagar</t>
  </si>
  <si>
    <t>HDFC Bank Ltd., Ground Floor, Opp. Daya Nand High School, Main Road, Mithapur, Patna</t>
  </si>
  <si>
    <t>HDFC Bank Ltd., Ground Floor, Arazi no. 2817 C C Road, Deoria Khas, Dist. Deoria, Uttar Pradesh.</t>
  </si>
  <si>
    <t xml:space="preserve">Ground Floor, Dorangla Main Gurdaspur Road, Dist. Gurdaspur, Punjab </t>
  </si>
  <si>
    <t>HDFC Bank Ltd., Ground Floor, Shop No. 7 to 10, Fortune Imperia, Nr. Sanidhya 253, Speedwell Party Plot Road, Mota Mawa, Rajkot – 360005</t>
  </si>
  <si>
    <t>Ground Floor, D No. 15/8/770 &amp; 15/8/771, Wyra Road, Rotary Nagar, Dist. Khammam, Telangana</t>
  </si>
  <si>
    <t>HDFC Bank Ltd., Ground Floor, Khasra No. 340/1, 337/5, Seth Liladhar Agrawal Parisar, Ward No. 06, Main Road Kota, Dist. Bilaspur, Chhattisgarh.</t>
  </si>
  <si>
    <t>Ground Floor, Revenue Ward :07, 7/ 992, Saibaba Talkies Area, Tadipatri Road, Gooty, Anantapur, Andhra Pradesh</t>
  </si>
  <si>
    <t>HDFC BANK LTD, Ground And First Floor, Batea, Barotiwala, Solan HP</t>
  </si>
  <si>
    <t>Upper Gr. Floor &amp; 1st Floor, Gate No - 258, Naka Navin Mandi, Naka Mujjfrabad Road, Next to CRPF Camp, Ayodhya Uttar Pradesh</t>
  </si>
  <si>
    <t>HDFC BANK LTD , FALODI COLONY BYPASS ROAD NEAR ANJANILAL MANDIR RAJGARH MP</t>
  </si>
  <si>
    <t>HDFC Bank Ltd., Ground Floor, 31-42-1/2, Bhagiradhi Nilayam, Duvvada Station Road, Kurmannapalem, Vizag, Andhra Pradesh - 530046.</t>
  </si>
  <si>
    <t>HDFC BANK LTD, PLOT NO 110, GROUND FLOOR, KARAMCHARINAGAR, MINI BYPASS, BAREILLY, UTTAR PRADESH</t>
  </si>
  <si>
    <t>HDFC Bank Ltd, Ground Floor, MIG-62, VUDA Layout, SY No 64 / PKL Rao Nagar, Pedagantyada, B C Road, Gajuwaka, Visakhapatnam, Andhra Pradesh - 530026</t>
  </si>
  <si>
    <t>Ground Floor, 5, Rajput Sewa Kendra, New Jail Road Bhopal, Madhya Pradesh</t>
  </si>
  <si>
    <t>No 76, Tindivanam Main Road, Near Regional Marketing Committee, Gingee –Villupuram, Tamil Naud</t>
  </si>
  <si>
    <t>HDFC Bank Ltd, Ground Floor, Plot no10 &amp; 11, Sector No- 9/H, T V Center Road, Kirti Mangal Karyala, Aurangabad, Maharashtra - 431003</t>
  </si>
  <si>
    <t>HDFC Bank Ltd., Ground Floor, No-5, Ward No-09, Old Bus Stand, Ratanpur, Bilaspur, Chhattisgarh - 495442.</t>
  </si>
  <si>
    <t>HDFC Bank Ltd, GF, Ward No 04 Harda Road, Timarni, Harda, Madhya Pradesh</t>
  </si>
  <si>
    <t xml:space="preserve">Bhutal Bhalla Colony, A.B,road, Near Bus Stand Sarangpur Dist,Rajgarh Madhya Pradesh </t>
  </si>
  <si>
    <t>New No 24,Old No 19, 1st Floor,Vembuli Ammam koil street Palavanthangal</t>
  </si>
  <si>
    <t>Ground &amp; 1st Floor, Door No. 11-144, Dasnapur Main Road, Mavala, Opp. Hero Honda Showroom, Dist. Adilabad, Telangana</t>
  </si>
  <si>
    <t>HDFC Bank Ltd., Ground Floor, H.No.65-1-3, Narasanna Nagar, Revenue Ward No: 29, Karanamgari Junction, Kakinada, East Godavari, Andhra Pradesh - 533003.</t>
  </si>
  <si>
    <t>HDFC Bank Ltd, Ground Floor, 49 A,B,C, Scheme No 114, Part 1, Hotel Shiva Inn, Near Power House, Indore, Madhya Pradesh - 452010</t>
  </si>
  <si>
    <t>HDFC Bank Ltd., Ground &amp; 1st Floor, No. 317/153, Thambu Chetty Street, George Town, Chennai, Tamil Nadu - 600001</t>
  </si>
  <si>
    <t>Ground Floor, Ward No 15 , Jabalpur Road , Patan Jabalpur, Madhya Pradesh</t>
  </si>
  <si>
    <t>Rajpushp Tower, Collectorate Road, Vidisha , Madhya Pradesh</t>
  </si>
  <si>
    <t>HDFC Bank Ltd, Ground Floor, HNo 18/13, Nehru Road, Kurnool, Andhra Pradesh - 518001</t>
  </si>
  <si>
    <t>Ground Floor, Opp. Administrative Office,  Integrated Admin &amp; DPSC Complex, Near INHS Kalyani, Nausenabagh,  Visakhapatnam Dist., Andhra Pradesh</t>
  </si>
  <si>
    <t>HDFC bank ltd, Mishra complex Damoh road, Garhakota, Distt. Sagar(Mp)</t>
  </si>
  <si>
    <t>HDFC Bank Ltd, Ground Floor Shop No: 5,6 &amp;7 &amp; First Floor 105 &amp; 106, Shiv Plaza, Devgadh Baria, Dahod, Gujarat - 389380</t>
  </si>
  <si>
    <t>Shivaji Ward, Main Road, Near Panagar Police Station, Panagar, jabalpur, Madhya Pradesh</t>
  </si>
  <si>
    <t>HDFC Bank Ltd., Ground Floor, Main Road, House No. 200, Rampur - Bareilly Road, Opp. Guru Amardas Shiksha Niketan Balika Inter College, Milak, Dist. Rampur, Uttar Pradesh</t>
  </si>
  <si>
    <t>HDFC Bank Ltd., Ground Floor, Plot No. 35, Opp. Nagar Nigam Stadium, Sanganer, Jaipur, Rajasthan</t>
  </si>
  <si>
    <t>HDFC Bank Ltd., Ground Floor, 28, Prawasi Nagar, Kedia Choraha, Murlipura, Jaipur, Rajasthan</t>
  </si>
  <si>
    <t>44,137,138 GF &amp; FF,Paras Trinity,Sector-63,Gurgaon</t>
  </si>
  <si>
    <t>3 Roads, Mezz.&amp; Ground Floor, Shop no 25 and 26A. Sector-70, Gurgaon</t>
  </si>
  <si>
    <t>HDFC Bank Ltd., Ground Floor, Shop no. 5D/127, Jhajhar Road, Dankaur, Gautam Budh Nagar, Uttar Pradesh - 203201.</t>
  </si>
  <si>
    <t>HDFC Bank Ltd, Ground Floor, Shop No 1,2,3,4,9,10,11,12,13 &amp; 14 , Neha Mangal Karyalay, C/o Durga Prasad, Sr No 144/3, Arni Road, near, Guru Gajanan Hotel, Darwha, Dist Yavatmal, Maharashtra- 445202</t>
  </si>
  <si>
    <t>Upper Ground Floor, NIT Plot No 33, Kusumghar Hero, Untakhana Layout, Nagpur, Maharashtra-440009</t>
  </si>
  <si>
    <t>HDFC Bank Ltd., Ground Floor, Khasara No. 1636ka, Building No. 4432, Mohalla Azad Nagar, Ward No. 12, Atarra, Dist- Banda, Uttar Pradesh</t>
  </si>
  <si>
    <t>HDFC Bank Ltd., Ground Floor, Sy.No.162, 1st Main, RMS Colony, Bhattrahalli, K R Puram, Bangalore, Karnataka - 560049.</t>
  </si>
  <si>
    <t>HDFC BANK LTD Ground Floor Gat No 11 Plot No 5 Kothari Nagar Opp APMC Market Adawad</t>
  </si>
  <si>
    <t>HDFC Bank Ltd., Ground Floor, 01 Nawab Sahab Manzil, Old G.T. Road, Chhata, Dist. Mathura, Uttar Pradesh</t>
  </si>
  <si>
    <t>HDFC BANK LTD, GROUND FLOOR, JR COMPLEX, TALAP, KANNUR, KANNUR, KERALA</t>
  </si>
  <si>
    <t>HDFC Bank Ltd., Ground Floor, Ward No. 12, Kailash Nagar, Near Kalimata Mandir, Old Narsinghpur Naka, Chhindwara, Madhya Pradesh - 480002.</t>
  </si>
  <si>
    <t>HDFC Bank Ltd., Ground Floor, Plot No.118, SY no 203/P,204,205,206,207,208,209 &amp; 210/P, TNGO's Colony, Hyderabad, Telangana - 500032.</t>
  </si>
  <si>
    <t>Ground. Floor, No. 2-5-651, 652, 653, 653/1 &amp; 654, Opp. Subedari Post Office, Subedari, Hanamakonda Dist. Warangal, Telangana</t>
  </si>
  <si>
    <t>Jayskay Business Centre, Ground Floor, 1A, Madurai Road, Srivilliputhur, Virudhunagar</t>
  </si>
  <si>
    <t>HDFC Bank Ltd., Ground Floor, Jeevan Jyoti Bulding, LIC, The Mall Shimla</t>
  </si>
  <si>
    <t>HDFC Bank Ltd., Ground Floor, Next to Central Bank of India, Dak Bangla, Aliganj, Dist. Etah, Uttar Pradesh - 207247</t>
  </si>
  <si>
    <t>HDFC Bank Ltd, Grd. Floor, Mohalla Arya Nagar, Tehsil- Ajitmal, Dist. Auraiya, Uttar Pradeesh</t>
  </si>
  <si>
    <t xml:space="preserve">1332, Sarvanand Bhavan, Baba Harishchand Marg, Chandpole, Rajasthan - 302001 </t>
  </si>
  <si>
    <t>HDFC Bank Ltd, Upper Ground Floor, Holding No 1073/12500, Silver Jubilee Road, Opp Rash Mela Ground, Cooch Behar, West Bengal - 736101</t>
  </si>
  <si>
    <t>HDFC Bank Ltd, Ground Floor, Main Road, Near SBI, Shri Krishna Nagar, Kidwaipuri, Patna, Bihar - 800001</t>
  </si>
  <si>
    <t>HDFC BANK LTD, GROUND FLOOR NO 456, 7TH CROSS, BTM LAYOUT STAGE 2, OPP TO MARIGOLD HOSPITALS, BANGALORE, KARNATAKA</t>
  </si>
  <si>
    <t>HDFC Bank Ltd, Ground Floor, No.58, KEMPS Business Centre, Amruth Nagar Main Road , New Bank Colony , Konankunte , Bengaluru</t>
  </si>
  <si>
    <t>HDFC BANK LTD, Unit no : 2, ground floor, Sai Commercial Annex,B.K.S. Devshi Marg,Govandi East, Deonar, Mumbai, Maharashtra</t>
  </si>
  <si>
    <t>Grd. Floor, Main Road Mairwa, Below SBI Main Branch, Mairwa Road, Mairwa, Dist. Siwan, Bihar</t>
  </si>
  <si>
    <t>HDFC Bank Ltd., Ground Floor, Gat No.735, Rathi Complex, Opp. Aurangabad Airport, Jalna Road, Chikhalthana, Aurangabad, Maharashtra - 431007.</t>
  </si>
  <si>
    <t>HDFC Bank Ltd., Ground Floor, 06, Lilleria 1038, Gotri Sevasi Road, Vadodara, Gujarat - 391101</t>
  </si>
  <si>
    <t>Bibitola, Tehsil - Bairia, Bairia, District - Ballia Uttar Pradesh - 227201</t>
  </si>
  <si>
    <t>HDFC BANK LTD,GROUND FLOOR, SRI SHAKTHI ARCADE, OPP OLD GOVERNMENT HOSPITAL, T M ROAD HONNALI, KARNATAKA</t>
  </si>
  <si>
    <t>Srinivasa Arcade,No 196, Ground floor ,B Block 10th cross ,J P Nagar ,Mysore, karnataka</t>
  </si>
  <si>
    <t>HDFC Bank Ltd., Ground Floor, Beside HP Petrol Pump, , Hosadurga, Chitradurga Dist, Karnataka</t>
  </si>
  <si>
    <t>HDFC Bank Ltd, Ground Floor, Opp Radiant International School, Mustafapur, Main Road, Khagaul - Danapur Road, Khagaul, Patna, Bihar - 801105</t>
  </si>
  <si>
    <t xml:space="preserve">HDFC Bank Ltd, Ground Floor, Rama Port, Near Ghanshyam Homes, Vyapar Vihar, Bilaspur, Chhattisgarh </t>
  </si>
  <si>
    <t>Khasra No.281,Ground Floor, Near Top Circle, Khairthal Road, Kishangarh Dist. Alwar, Rajasthan</t>
  </si>
  <si>
    <t>Ground Floor, # 1-1-45 , Rajeev Gandhi Nagar, Manuguru, Bhadradri Kothagudem Dist, Telangana</t>
  </si>
  <si>
    <t>Ground Floor, Plot No. 280 D/3, Road No. 10 C, Jubilee Hills, Hyderabad, Telangana</t>
  </si>
  <si>
    <t>HDFC bank ltd. Bhopal road, Silwani, Distt. Raisen (M.P)</t>
  </si>
  <si>
    <t>HDFC Bank Ltd., Ground Floor, Vastusiddhi Plaza, CTS No. 3443, Samadevi Galli, Belagavi, Karnataka</t>
  </si>
  <si>
    <t>HDFC Bank Ltd., Ground Floor ,Sub Plot No. 1 A, New Panchsheel Nagar, D-QUAD, Circuit House Road, Civil Lines, Raipur, Chhattisgarh</t>
  </si>
  <si>
    <t>HDFC Bank Ltd, Ground Floor, 6, Circular Road, Abohar, Dist. Fazilka, Punjab - 152116.</t>
  </si>
  <si>
    <t>HDFC Bank Ltd, Ground Floor, M.K Road, Opposite PSPCL Office Dhuri, District Sangrur, Punjab 148024</t>
  </si>
  <si>
    <t>Gr Floor, Shop No 5 &amp; 6, "SURYAM TRADE CENTER" 200 Feet S P Ring Road, Nikol, Ahmedabad -382350</t>
  </si>
  <si>
    <t>HDFC Bank Ltd, Plot No 13, Khatha No 338 &amp; 338/1, Upper Ground Floor, JRD Multistore Complex, Near Basaweshwar Circle, Indi-586209, Karnataka</t>
  </si>
  <si>
    <t xml:space="preserve">Ground Floor, Karishma Building Kausalya Nagar, Karukappilly jn     Deshabimani Road Ernakulam Kerala, Ernakulam Dist, Kerala </t>
  </si>
  <si>
    <t>HDFC Bank Ltd,Ground Floor, Opp DDPI Office,Near DC Bunglow,Baasaveshwara Talkies Road,Chitradurga</t>
  </si>
  <si>
    <t>HDFC Bank LTD, No 5, Ground Floor, Gomathi amman Nagar, P&amp;T nagar, Main road , Madurai, Tamil Nadu</t>
  </si>
  <si>
    <t>HDFC Bank Ltd., Ground floor, Khasra No. 691,692,694, Shri Ramdas Market, Main Kasana Road, Gr. Noida, Gautam Budh Nagar, Uttar Pradesh - 201310.</t>
  </si>
  <si>
    <t>HDFC Bank Ltd., Ground Floor, 538, EVR Periyar Salai, Poonamallee High Road, Arumbakkam, Chennai, Tamil Nadu - 600106.</t>
  </si>
  <si>
    <t>HDFC Bank Ltd. Ground Floor, Near Majuli Service Center, IOCL Petrol Pump, Garamur, Dist. Majuli, Assam</t>
  </si>
  <si>
    <t>HDFC Bank Ltd. Ground Floor, Pearl Court, Shop No. 2, 9A, Judges Court Road, Alipore, Kolkata, West Bengal</t>
  </si>
  <si>
    <t>HDFC Bank Ltd., Konkan Nagar CHS Ltd, P N Kotnis Marg, Opposite Fire Brigade, Mahim West, Mumbai</t>
  </si>
  <si>
    <t>HDFC Bank Ltd. Ground Floor, 5 Kiran Shankar Roy Road, Near High Court, Kolkata, West Bengal</t>
  </si>
  <si>
    <t>Ground Floor, Survey No. 370/A, Kurnool - Guntur Road, Nandikotkur, Dist. Kurnool, Andhra Pradesh</t>
  </si>
  <si>
    <t>Ground Floor, H. No. 11/29, Main Bazaar, Muddanur Road, Next to TNR Petrol Bunk, Jammalamadugu, Dist. YSR Kadapa, Andhra Pradesh</t>
  </si>
  <si>
    <t>HDFC Bank Ltd. Ground Floor, Khasra Number - 34,46. New Beawar Chungi Naka, Asind, District Bhilwara - 311301, (Rajasthan)</t>
  </si>
  <si>
    <t>Ground Floor, Araveti Complex, D. No. 9/624, Mydukur Road, Proddatur, Dist. YSR Kadapa, Andhra Pradesh</t>
  </si>
  <si>
    <t>Grd. Floor, D. No. 11-11-184/12, Sri Ramagiri Bye Pass Road, Dist. Khammam, Telangana</t>
  </si>
  <si>
    <t>Ground Floor 106/83, Vijay Path , Mansarovar, Jaipur</t>
  </si>
  <si>
    <t>HDFC Bank Limited Ground floor, Vishnu Palace, Near PNB Bank, New Anaj Mandi Gate Kherli Kathumar Road Dist-Alwar Rajasthan</t>
  </si>
  <si>
    <t>HDFC Bank Ltd, Ground, D No 6-3-252/ 3, Errum Manzil, Hyderabad, Telangana - 500082</t>
  </si>
  <si>
    <t>HDFC Bank Ltd, Ground Floor, Main Road, Opp. Axis Bank, Keskal, Dist. Kondagaon, Chhattisgarh – 494331</t>
  </si>
  <si>
    <t>HDFC Bank Ltd., Ground Floor, Unit No. 6 &amp; 7, Maple Trade Center, Near Surdhara Circle, Thaltej, Ahmedabad, Gujarat - 380054.</t>
  </si>
  <si>
    <t>HDFC Bank Ltd., Ground Floor, Main Chowk, Near Dudhadhari Mandir, Shastri Nagar, Jammu, Jammu &amp; Kashmir - 180004.</t>
  </si>
  <si>
    <t>HDFC Bank Ltd., Ground Floor, Near Sai Baba Mandir, Patta Bohri, Jammu, Jammu &amp; Kashmir - 180002.</t>
  </si>
  <si>
    <t>HDFC Bank Ltd., Ground Floor, 29/A, Baba Ramdev Nagar, Khasra No.69-76, Near Krishi Upaj Mandi, Bhadwasiya, Jodhpur, Rajasthan - 342006.</t>
  </si>
  <si>
    <t>HDFC Bank Ltd, Ground Floor, Shop nos 1,2,3, Shagun Essentia, Plot No 05, Sector 19, Ulwe, Navi Mumbai, Raigarh, Maharashtra - 410206</t>
  </si>
  <si>
    <t>HDFC Bank Ltd., Ground Floor, Jagadevi Road, Bargur, Krishnagiri, Tamil Nadu - 635104.</t>
  </si>
  <si>
    <t>HDFC Bank Ltd., Ground Floor, D-359, Malviya Nagar, Gaurav Tower Road, Jaipur, Rajasthan - 302017.</t>
  </si>
  <si>
    <t>HDFC Bank Ltd. Ground Floor , Khoda Ganesh Road, Agrasen Circle, Kishangarh, Ajmer, Rajasthan</t>
  </si>
  <si>
    <t>HDFC Bank Ltd., Ground Floor, "Jasal" Complex, Ground Floor, Shop no 29-34, Opp. Sterling Hospital, Nr. Nanavati Circle, 150' Ring Road, Rajkot, Gujarat - 360005</t>
  </si>
  <si>
    <t>HDFC Bank Ltd., Ground Floor, 52, Anmol, Shobhagpura, Udaipur, Rajasthan - 313011.</t>
  </si>
  <si>
    <t>HDFC Bank Ltd, Ground &amp; First Floor, No15/33-1, Market Junction, Kulasekhram, Thiruvallur, Tamil Nadu - 629161</t>
  </si>
  <si>
    <t>HDFC Bank Ltd., Plot No. SP 01, Khasra No. 78 &amp; 79 Near HPCL Petrol Pump, Opp. Manipal Hospital, Main Sikar Road, Jaipur. 302039, Rajasthan.</t>
  </si>
  <si>
    <t>HDFC Bank Ltd., Grd. Floor, Chota Raman, Charkhari, Opp. Government Girls Inter College, Near Indian Bank, Charkhari, Dist. Mahoba, Uttar Pradesh</t>
  </si>
  <si>
    <t>HDFC Bank Ltd., Ground Floor, Phalodi By-Pass Road, Osian, Jodhpur, Rajasthan - 342303.</t>
  </si>
  <si>
    <t>HDFC Bank Ltd., Ground Floor, SA 22/175A - 4, Pull Kohna, Dist. Varanasi, Uttar Pradesh</t>
  </si>
  <si>
    <t>HDFC Bank Ltd., Ground Floor, Adjoining Apna Pind Super Market, Near Sewa Kendra, VPO Varpal, Dist. Amritsar, Punjab.</t>
  </si>
  <si>
    <t>HDFC BANK LTD BRANCH CODE 6581 GROUND FLOOR, BATASIYA PLAZA, 261 JIWAJI NAQGAR, PETROL PUMP ROAD, THATIPUR, DIST. GWALIOR , MADHYA PRADESH-</t>
  </si>
  <si>
    <t>HDFC Bank Ltd, Ground Floor, Rishikesh - Haridwar Road, Near IOC Petrol Pump, Shyampur, Rishikesh, Dehradun, Uttarakhand - 249204</t>
  </si>
  <si>
    <t>MPB-92, MAHAVEER NAGAR 1ST ,VISHWAKARMA CIRCLE , KOTA , Rajasthan</t>
  </si>
  <si>
    <t>HDFC Bank Ltd., Ground &amp; 1st Floor, 22 to 25 &amp; 91-92 , Gopal Nagar &amp; Ashok Vihar, Gopalpura, Jaipur, Rajasthan</t>
  </si>
  <si>
    <t>Ground Floor, Hotel Ajmer Grand, Shastri Nagar, Lohagal Road, Ajmer, Rajasthan</t>
  </si>
  <si>
    <t>HDFC BANK LTD, GROUND FLOOR, OMR MAIN ROAD, THIRUPORUR, KANCHEEPURAM, THIRUPORUR, TAMIL NADU</t>
  </si>
  <si>
    <t>HDFC Bank Ltd., Ground Floor, 7B-49 to 7B-54, Chandra Shekhar Azad Nagar, Bhilwara, Rajasthan - 311001.</t>
  </si>
  <si>
    <t>HDFC Bank Ltd., Ground Floor, D.No. 29-1-43, Gokavaram Bus Stand, Besides Municipal Office, Rajahmundry, Andhra Pradesh - 533101.</t>
  </si>
  <si>
    <t>S-5, Ground floor, Padam Prime, Kabir Marg, Banipark, Jaipur, Rajasthan</t>
  </si>
  <si>
    <t>Ground Floor, Ranka Tower, Opp. Fateh Market, Mahaveer Bazaar, Beawar, Dist. Ajmer, Rajasthan</t>
  </si>
  <si>
    <t>HDFC BANK LTD
GROUND FLOOR W NO 2 TILAK WARD MASOD ROAD MULTAI DIS. BETUL (MP)</t>
  </si>
  <si>
    <t>HDFC Bank Ltd., Ground Floor, 27-33-6, Gudavallivari Street, Governor Pet, Vijayawada, Andhra Pradersh - 520002.</t>
  </si>
  <si>
    <t>HDFC Bank Ltd, Ground Floor, Khasra No 296/2, Near PNB, Main Road, Kunkuri, Jaspur, Chhattisgarh - 496225</t>
  </si>
  <si>
    <t>Ground Floor, Green Living Commercial Complex, Pipeline Road, Hallmark Hub, Manikonda, Hyderabad, Telangana</t>
  </si>
  <si>
    <t>Anshu Bhawan,Ground Floor, Opp Peetal Factory,Jhotwara Road, Jaipur</t>
  </si>
  <si>
    <t>Grd. &amp; 1st Floor, Plot No-10, Raj Bhawan Road, Civil Lines, Dist. Jaipur, Rajasthan</t>
  </si>
  <si>
    <t>Ground Floor Khasra No 14 Surya Nagar Crossing Dehli Ramgarh Alwar Highway Alwar</t>
  </si>
  <si>
    <t>HDFC Bank Ltd., First Floor, No: 1339A, 18th Main Road, Anna Nagar-West, Chennai, Tamil Nadu - 600040.</t>
  </si>
  <si>
    <t>HDFC Bank Ltd., Ground Floor, Balkrishna Height, Gat No. 4116/1, Near Court Office, Atpadi, Dist. Sangli, Maharashtra - 415301.</t>
  </si>
  <si>
    <t>Phool bagh, Opposite Sahu Dharmsala, Narsighgarh,Dist-Rajgarh (MP)</t>
  </si>
  <si>
    <t>HDFC Bank Ltd, Ground Floor, Bhagat Singh Colony, Barnala Road, Sirsa, Haryana - 125055</t>
  </si>
  <si>
    <t>HDFC bank LTD Jain Mandir Road, behind Gautam hotel &amp; resort, Khajuraho MP</t>
  </si>
  <si>
    <t xml:space="preserve">HDFC Bank Ltd, First Floor ,Malles Aashira , Nookampalayam Road,Perumbakkam , Chennai, Tamil Nadu, </t>
  </si>
  <si>
    <t>HDFC Bank Ltd, Ground Floor, Laxmi Infobahn, Tower-2, Survey No 107, Kokapet Village, Rajendranagar Mandal, Rangareddy, Telangana – 500075</t>
  </si>
  <si>
    <t>NH- 12, Ghana Road ,Udaipura,,Madhya Pradesh,464770</t>
  </si>
  <si>
    <t>HDFC BANK LTD Plot No 5322 Near White House Building Chopda Road Dharangaon</t>
  </si>
  <si>
    <t xml:space="preserve">HDFC Bank Ltd., Ground Floor,No. 8/29, Railway Station Road, Paramakudi , Tamilnadu </t>
  </si>
  <si>
    <t>HDFC Bank Ltd, Ground Floor, 22/2, Yeshwant Niwas Road Indore, Indore, Madhya Pradesh - 452003</t>
  </si>
  <si>
    <t>HDFC Bank Ltd. Ground Floor D- Tower 21st Century Business Center, Opp Ambedkar Statue,Man Darwaja Ring Road Surat</t>
  </si>
  <si>
    <t>HDFC Bank Ltd., Ground Floor, Shri Chhtarpatti Complex, Garoth Road, Shamgarh, Dist. Mandsaur, Madhya Pradesh - 458883.</t>
  </si>
  <si>
    <t>HDFC Bank Ltd., Near New Bus Stand, Nehru Ward,Main Road, Gotegaon, Distt. Narsinghpur (M.P.)</t>
  </si>
  <si>
    <t>HDFC Bank Ltd., Ground Floor, Ranipada Square, Polasara Main Road. Polasara, Ganjam, Odisha</t>
  </si>
  <si>
    <t>HDFC Bank Ltd., 1st &amp; 2nd Floor, KH. No. 2158, GMS Road, Niranjanpur, Dist. Dehradun, Uttarakhand</t>
  </si>
  <si>
    <t>HDFC Bank LTD , Ground Floor , 5-D, Khasra No.101 ,Village Pal ,Jodhpur Rajasthan</t>
  </si>
  <si>
    <t>Ward No 01 House No 243 Thandla Road Petlawad Madhya Pradesh 457773</t>
  </si>
  <si>
    <t xml:space="preserve">HDFC Bank Ltd., Ground Floor, SCO 86, Sector - 6, Karnal, Haryana - 132001
</t>
  </si>
  <si>
    <t>Ground Floor, No. 2-108, Survey No. 125/2, Bhimdole Junction, Dwaraka Tirumala Road, Pola Sonipalli Village, Dist. West Godavari, Bhimdole Mandal, Andhra Pradesh</t>
  </si>
  <si>
    <t>HDFC Bank Ltd, Ground Floor, No60, D, Beside Bommasandra Industrial Association, Bommasandra Industrial Area, Bangalore, Karnataka - 560099</t>
  </si>
  <si>
    <t>HDFC Bank Ltd., Grd. Floor, No. 87, Arcot Road, Saligramam, Chennai, Tamil Nadu - 600093</t>
  </si>
  <si>
    <t>HDFC Bank Ltd., Ground Floor, Dilip Illam, No 97, New Bus Stand, Ponneri, Thiruvallur, Tamil Nadu - 601204.</t>
  </si>
  <si>
    <t>HDFC Bank Ltd, No.129, Kochar Panchsheel, CTH Road, Sidco Industrial Estate, Ambattur, Chennai - 600 098</t>
  </si>
  <si>
    <t>HDFC Bank Ltd, Ground Floor, Plot No 2, HIG Type, TNHB, Avadi, Thiruvallur, Chennai, Tamil Nadu - 600054</t>
  </si>
  <si>
    <t>HDFC Bank Ltd., Ground Floor - 27, Block - C , DLF Cyber Park Gurgaon, Haryana</t>
  </si>
  <si>
    <t xml:space="preserve">HDFC Bank Ltd., Ground Floor, 3119 A, Aligarh Road, Near Industrial Estate, Dist. Hathras, Uttar Pradesh - </t>
  </si>
  <si>
    <t>Ground Floor, SVL Paradise, Old Bus Stand, Opp. Hero Honda
Show Room, Narsannapeta, Dist. Srikakulam, Andhra Pradesh</t>
  </si>
  <si>
    <t>HDFC Bank Ltd., Ground Floor, United Medicity, Rawatpur, Allahabad, Uttar Pradesh - 211012.</t>
  </si>
  <si>
    <t>HDFC Bank Ltd., Ground Floor, Khasra No.: 1931/1672, 1932/1672 and 1935/1677, Manu Di Hatti, Main Bazaar, Jahu Khurd, Dist. Hamirpur, Himachal Pradesh - 176048.</t>
  </si>
  <si>
    <t>HDFC BANK LTD. 501-502, Jawaharganj Mandi, Ward No-24 Meerut Road, Garhmukteshwar  Dist Hapur Uttar Pradesh.</t>
  </si>
  <si>
    <t xml:space="preserve">Ground Floor, M. No: 17-1-383/78/C, Plot No : 78/C, Vinay Nagar Colony, Saidabad, Hyderabad, Telangana  </t>
  </si>
  <si>
    <t>HDFC Bank Ltd, Ground Floor, 164 / 165, Shrinathpuram, Sector A, Kota, Rajasthan - 324010</t>
  </si>
  <si>
    <t>HDFC Bank Ltd, Bhugaon Branch, Ground Floor, Survey No. 518/1/2/AP, Square Memories Society, Opp Unique Hospital, Matalvadi Phata, Bhugaon, Tal Mulshi Pune</t>
  </si>
  <si>
    <t xml:space="preserve">HDFC Bank Ltd, Ground  Floor, Tehsil Road, Vallabh Nagar, Dist. Udaipur, Rajasthan - </t>
  </si>
  <si>
    <t>HDFC Bank Ltd., Ground Floor,Khasra No. 152, 153, &amp; 157 Ward No. 09 , Near Telephone Exchange Jaisinghpur, Kangra, Himachal Pradesh - 176095.</t>
  </si>
  <si>
    <t>HDFC Bank Ltd. Upper Ground Floor, Khasra No. Old 3248/2, New No. 2537Sa, Gahmar, Besides Union Bank of India, Dist. Ghazipur, Uttar Pradesh.</t>
  </si>
  <si>
    <t>HDFC Bank Ltd., Ground &amp; 1st Floor, Main Road, House No. 898, Mohalla Lalbada, Near PNB, Manglaur, Roorkee, Dist. Haridwar, Uttarakhand</t>
  </si>
  <si>
    <t>HDFC Bank Ltd.,Rd.Floor, Door No.30 and 31, RKVK Square, Sundarapuram, AA Road, Jaihindpuram, Madurai.</t>
  </si>
  <si>
    <t>HDFC Bank Ltd., Ground Floor, Abohar Road, Opp. New Grain Market, Fazilka, Punjab - 152123.</t>
  </si>
  <si>
    <t>HDFC Bank Ltd., Kosi-Govardhan Road, Near IOCL Petrol Pump, Barsana, Dist. Mathura, Uttar Pradesh</t>
  </si>
  <si>
    <t>HDFC Bank Ltd. Ground Floor, Village Mubarakpur, Post - Gangoli, Pargana - Jahurabad, Tehsil - Muhamadabad, Dist - Ghazipur, Uttar Pradesh .</t>
  </si>
  <si>
    <t>HDFC Bank Ltd. Next to Somani Super Shop , Hingoli Nanded NH Road,Near Bus Stand, Kalamnuri, District - Hingoli</t>
  </si>
  <si>
    <t>HDFC Bank Ltd, Ground Floor, MB Road, Kharupetia, Darrang, Assam - 784115</t>
  </si>
  <si>
    <t>HDFC Bank Ltd., Ground Floor, Ganesh Bhavan, Opp. Buldhana Urban Co-op. Society Ltd., Main Road, Jalgaon Jamod, Dist. Buldhana, Maharashtra - 443402.</t>
  </si>
  <si>
    <t>HDFC Bank Ltd, Ground Floor, Door No 4/579, Kottivakkam, OMR, Chennai, Tamil Nadu - 600041</t>
  </si>
  <si>
    <t>HDFC Bank Ltd., Upper Ground. Floor, Village Jehra Pipari, Kaptanganj, Dist. Azamgarh, Uttar Pradesh</t>
  </si>
  <si>
    <t>No.7-2,Victoriya Road,Woraiyur,Trichy, Tiruchirapalli, Tamil Nadu</t>
  </si>
  <si>
    <t>Ground Floor, SY No 39/Part &amp; 40/Part, Beside Pillar, No 210, Upperpally Village, Rajendra Nagar Mandi, Telangana</t>
  </si>
  <si>
    <t>#1-1-100/A/1, Ground Floor, Chilukawada, Bypass Road, Jagityal</t>
  </si>
  <si>
    <t>HDFC Bank Ltd., Ground Floor, Plot No-3613, Khata No-627/1-3, 1st Main, 2nd Phase, NTTF Circle, Peenya Industrial Area, Bangalore, Karnataka - 560058.</t>
  </si>
  <si>
    <t>Ground Floor, 5-2-453 / 997, Nizam Shaihi Road,Osamangunj, Hyderabad, Telangana</t>
  </si>
  <si>
    <t xml:space="preserve">Ground Floor, H. No. 13-67/2, New Bus Stand, Bheemgal,
Nizamabad, Telangana </t>
  </si>
  <si>
    <t>Gurugram, Haryana</t>
  </si>
  <si>
    <t>Ground Floor, Opp. Bharat Petrol Pump, At- Dhanupali,Dist. Sambalpur, Odisha</t>
  </si>
  <si>
    <t>HDFC Bank Ltd, Ground, First and Second Floor, Plot no 73+74, Yashwant Colony, Ringroad, Jalgaon, Maharashtra - 425001</t>
  </si>
  <si>
    <t>HDFC Bank Ltd., Ground Floor, Ward No-29, Railway Station Road. Nohar, Rajasthan- 335523.</t>
  </si>
  <si>
    <t xml:space="preserve">HDFC Bank Ltd. First Floor, Ganpati Enclave, Near Jamtara Railway Station, Main Road, Jamtara, Jharkhand </t>
  </si>
  <si>
    <t>HDFC Bank Ltd., Upper Ground Floor,  Plot No 1 and 2, Sec 12 , Pratap Vihar , Ghaziabad, Uttar Pradesh.</t>
  </si>
  <si>
    <t>HDFC Bank Ltd, Ground Floor, Plot No 2A,Araji No 787,Near Savina Petrol Pump, Girwa ,Udaipur</t>
  </si>
  <si>
    <t>HDFC Bank Ltd. Ground Floor, Khatha No.116B/1, Hospet - Harihar Road, Hagaribommanahalli, Dist. Bellary, Karnataka - 583212.</t>
  </si>
  <si>
    <t>HDFC Bank Ltd., Plot No. R 1-3992 Patil Tower, Near Bajaj Showroom, Barshi Road, Latur ( MH)</t>
  </si>
  <si>
    <t>HDFC Bank Ltd, Ground Floor, Aparna Green, Survey No 74, Plot No 5 to 12, Flat NoG2, Nanakramguda Village, Seriligampally GHMC, Opp Golf View Apartment, Rangareddy, Hyderabad, Telangana - 500032</t>
  </si>
  <si>
    <t>HDFC Bank Ltd., Ground Floor, CP-10, Yamunapuram, Near R.T.O. Office, Bulandshahr, UP</t>
  </si>
  <si>
    <t>HDFC Bank Ltd., Ground Floor, Part of Khasra No. 88/1, 89, Village - Maheshpur, Pargana - Dehat Amanat, Lahartara, Tehsil - Sadar, Dist - Varanasi, Uttar Pradesh.</t>
  </si>
  <si>
    <t>Ground Floor, 297, Lohda Mandi, Gurudwara Road, Jwalapur, Haridwar, Uttarakhand</t>
  </si>
  <si>
    <t>HDFC Bank Ltd., Ground Floor, Suchi Complex, Near Dudhrej Crossing (Fatak), Dudhrej Road, Dist. Surendranagar, Gujarat - 363001.</t>
  </si>
  <si>
    <t>HDFC Bank Ltd. Maheshtala, Ground Floor, Benepukur, Mollargate, P.O. Gobindapur (M), West Bengal</t>
  </si>
  <si>
    <t>HDFC Bank Ltd, Ground Floor, HNo 1-33-C, Indira Nagar, Atmakur, Dist Kurnool, Andhra Pradesh - 518422</t>
  </si>
  <si>
    <t>Ground Floor, Vision Square, # SY. No 3-D, Thumkunta Muncipality, Shamirpet Mandal, Dist.Medchal, Telangana</t>
  </si>
  <si>
    <t>HDFC Bank Ltd, Ground Floor, Hotel Rallentino, Opp RAPP Guest house, Kota Junction Road, Kota, Rajasthan - 324002</t>
  </si>
  <si>
    <t>HDFC Bank Ltd., Ground Floor, 6/11 JBC Enclave, West Bunglow Street, Church Corner, Dist. Karur, Tamil Nadu - 639001</t>
  </si>
  <si>
    <t xml:space="preserve">HDFC Bank Ltd., Ground Floor, Shop No. 1, Bank Complex, VPO. Damtal, Dist. Kangra, Himachal Pradesh </t>
  </si>
  <si>
    <t>HDFC Bank Ltd., Ground Floor, Khata No 61/61, , Kaipete Near Old Toll Gate , B H Road, Gubbi,  Tumkur District, Karnataka.</t>
  </si>
  <si>
    <t>HDFC Bank Ltd., Grd. Floor, 02, Next to St. Philomena School, Kumbalagodu, Kengeri Hobli, Bangalore, Karnataka - 560074</t>
  </si>
  <si>
    <t>HDFC Bank Ltd., Ground Floor, Khatha No 1809/A-1632/A , KRS Agrahara, B M Road , Kunigal Town, Dist. Tumkur, Karnataka </t>
  </si>
  <si>
    <t>HDFC Bank Ltd., Ground Floor, Plot No. 502/10, Near Ayan Suzuki, Shri Nagar Road, Raja Cycle Circle, Ajmer, Rajasthan</t>
  </si>
  <si>
    <t>HDFC Bank Ltd, Ground Floor, Thiruvathira, Near State ware House, Puthankulangara, Eroor North, Tripunithura, Ernakulam, Kerala - 682306</t>
  </si>
  <si>
    <t>HDFC Bank Ltd., Ground Floor, Upper Bazar, Joshimath, Near GMVN Guest House, Chamoli, Uttrakhand - 246443.</t>
  </si>
  <si>
    <t>Grd. Floor, Opp. Police Station, Besides H.P. Gas Agency, Chhoti Sadri, Dist. Pratapgarh, Rajasthan</t>
  </si>
  <si>
    <t>Ground Floor, H.No: 2-2, Old Bangalore Highway NH-7 (Road), Shiva Nagar Colony, Kothur, Telangana</t>
  </si>
  <si>
    <t>Ground Floor , Rotary Samaj Mandira NH-66 , Aroor Brahmavar-</t>
  </si>
  <si>
    <t>119/1&amp; 119/2, POLLACHI MAIN ROAD, KINATHUKADAVU - 642109 NEAR GOVT. HIGH SCHOOL</t>
  </si>
  <si>
    <t>Ground Floor, ESR &amp; ASR Plaza, Mahatma Gandhi Inner Ring Road, Reddy Palem, Guntur, Andhra Pradesh</t>
  </si>
  <si>
    <t>Ground Floor, 8-3-281/2, V G S Building, Parameswarinagar, Sullurpeta, Nellore, Andhra Pradesh</t>
  </si>
  <si>
    <t xml:space="preserve">Ground Floor, # H.no: 7.1.644/3/C, Plot No: 3, Sunder Nagar, Hyderabad, Telangana </t>
  </si>
  <si>
    <t>Ground Floor, Ratan Arcade, 28-15-1, Suryabagh, Visakhapatnam, Andhra Pradesh</t>
  </si>
  <si>
    <t>HDFC Bank Ltd, Ground Floor, Mahadev &amp; Sons Complex,Ward No 49, Hajipur Mahnar Road, Near Central Bank, Jadhua, Hajipur, Vaishali, Bihar - 844101</t>
  </si>
  <si>
    <t>Ground Floor, Plot No. 1, Survey No.4,5,6/1, Bhagireddy Complex, Tirumulgherry, Hyderabad, Telangana</t>
  </si>
  <si>
    <t>HDFC Bank Ltd, Ground Floor, Mahajan Complex, Main Bazaar, Opp UCO Bank, Nagrota Surian, Jawali, Kangra, Himachal Pradesh - 176027</t>
  </si>
  <si>
    <t>HDFC Bank Ltd., Ground Floor, D.K Road, W/No-1, Gossaigaon, Kokrajhar, Assam - 783360.</t>
  </si>
  <si>
    <t>Gr Floor, H No 13,174, Chaitanya Nagar, Narasapur x Road, Toopran, Dist Medak,</t>
  </si>
  <si>
    <t>D No. 7-1116, Ground Floor &amp; First Floor, Mankamma Thota, Karimnagar, Telangana</t>
  </si>
  <si>
    <t>Ground Floor, 23-34-42, Manepalli Vari Street, Lakshminagar, Srinagar Colony, Satyanarayanapuram, Vijayawada, Andhra Pradesh</t>
  </si>
  <si>
    <t>Plot No 33, Ground Floor, RTC Colony, Mallampet Road, Bachupally, Telangana</t>
  </si>
  <si>
    <t>HDFC Bank Ltd., Shop No 12-13, Brahampuri Road, Gangauri Bazar, Jaipur, Rajasthan</t>
  </si>
  <si>
    <t xml:space="preserve">HDFC Bank Ltd., Ground Floor, A-6/3, Mahakal Vanijya Kendra, Nanakheda, Dist. Ujjain, Madhya Pradesh </t>
  </si>
  <si>
    <t>HDFC Bank Limited, Mau Road , Gohad, DIST- BHIND, MADHYA PRADESH</t>
  </si>
  <si>
    <t>Ground Floor , Below Shravya Hospital. Opp. Muni Garden,Balia Limdi Road, Asarwa Road ,Girdhar Nagar, Ahmedabad.</t>
  </si>
  <si>
    <t>HDFC Bank Limited, Lahar Road , Near Galla Mandi, Bhander, DIST- Datia, MADHYA PRADESH</t>
  </si>
  <si>
    <t>HDFC Bank Ltd, Ground Floor, ZK Complex, Near Bus stand, Kolhar Budruk, Rahata, Ahmednagar, MH 413710</t>
  </si>
  <si>
    <t>HDFC Bank Ltd, Ground Floor, Anas Plaza, Station Road, Near Pani Tanki, Besides Reliance Digital Mall, Siwan, Bihar - 841226</t>
  </si>
  <si>
    <t>HDFC Bank Ltd, Ground Floor, Shiv Ganj Chowk, Opp Bank of India, Main Road, Narkatiaganj, West Champaran, Bihar - 845455</t>
  </si>
  <si>
    <t>HDFC Bank Ltd Ground Floor, Commercial Plot No - 3, Nirala Nagar, Lucknow, Uttar Pradesh - 226020</t>
  </si>
  <si>
    <t>Ground Floor, 100/A, chandni Chowk, Tripoliya gate Road, dist Ratlam</t>
  </si>
  <si>
    <t>HDFC Bank Ltd., Ground Floor, Shop No.- 5 &amp; 6, UB Navya, Kalwar Road, Jaipur, Rajasthan - 302012.</t>
  </si>
  <si>
    <t>HDFC Bank Ltd, Ganga Industries Campus, Near Krishi Upaj Mandi, Maksi Road - Dewas</t>
  </si>
  <si>
    <t>HDFC Bank Ltd, Ground Floor, C 58/15A, Plot 16, TOT Mall , C Block Market, Sector 62, Noida, Distt Gautam Budh Nagar, Uttar Pradesh - 201309</t>
  </si>
  <si>
    <t>HDFC Bank Ltd, No:59D,60,Sethumadai Road, Opp to SBI Bank, Anamalai, Tamilnadu</t>
  </si>
  <si>
    <t>HDFC Bank Ltd, Ground Floor, CTS No132, Hissa no 1262-A, Near SBI Bank, Opp Panchayat Samiti, Pali, Sudhagad, Raigad, Maharashtra - 410205</t>
  </si>
  <si>
    <t>HDFC Bank Ltd., Ground Floor. Plot No-487. Kamla Nehru Nagar, CHB Road, Jodhpur, Rajasthan - 342003.</t>
  </si>
  <si>
    <t>HDFC Bank Ltd, Ground Floor, KARPAVI, No 1/637, Anna Salai, Palavakkam, Chennai, Tamil Nadu - 600041</t>
  </si>
  <si>
    <t>HDFC Bank Ltd, Dno 1-3-170, Plot no: 22 to 24, First floor, TVR'S Southwest county, Main road Masjid Banda, Kondapur, Serlingampally, Rangareddy, Telangana - 500084</t>
  </si>
  <si>
    <t>Ground Floor, VPO Sarai Amanat Khan, Chabal to Attari Road, Tarn Taran, Punjab 143414</t>
  </si>
  <si>
    <t xml:space="preserve"> HDFC Bank Ltd., Ground Floor,  Opp. Raopura GPO, Near Kothi Cross Road, Vadodara,  Gujarat</t>
  </si>
  <si>
    <t>HDFC Bank Ltd, Ground &amp; First Floor, Shri Ram Complex, Near Kiran Cinema Chowk, Ring Bandh, Near Mathia High School, Sitamarhi, Bihar - 843302</t>
  </si>
  <si>
    <t>Ground Floor, Village Khasa, Main GT Road, Near Indian Oil Pump, District Amritsar, Punjab</t>
  </si>
  <si>
    <t>HDFC Bank Ltd, Ground Floor, ELCOT - SEZ, IT/ITES, Villankurichi Road, Aerodrome, Coimbatore, Tamil Nadu - 641014</t>
  </si>
  <si>
    <t xml:space="preserve">HDFC Bank Ltd., Plot No 145 , Mahahinglaj Nagar Lalarpura Road ,Gandhi Path West , Jaipur, Rajasthan </t>
  </si>
  <si>
    <t>HDFC Bank, Ground Floor,69-399, Madhyam Marg, Mansarovar , Jaipur</t>
  </si>
  <si>
    <t>HDFC Bank Ltd., Upper Ground Floor, Swastik Icon, Opp. Fire Brigade Station, Ahmadnagar - Pune Highway, Kedgaon, Dist. Ahmadnagar, Maharashtra - 414005.</t>
  </si>
  <si>
    <t>HDFC Bank Ltd., Ground Floor,  53, 54, 55 &amp; 56, Sector 22, Dist. Faridabad, Haryana - 121005</t>
  </si>
  <si>
    <t>Ground Floor, VPO Udhanwal, Tehsil Batala, District Gurdaspur, Punjab 143506</t>
  </si>
  <si>
    <t>Ground Floor, VPO Aliwal Fathehgarh Churian Road Tehsil Batala, District Gurdaspur, Punjab</t>
  </si>
  <si>
    <t>HDFC Bank Ltd, Ground Floor, Plot no.298, Maharani Farm ,Jaipur</t>
  </si>
  <si>
    <t>HDFC Bank Ltd., Ground Floor, D.No. 5-57, Besides Canara Bank, Anjaneyapuram, Cheepurupalli, Andhra Pradesh - 535218.</t>
  </si>
  <si>
    <t>Ground Floor, KEM Estate ,Bhawani Mandi, Jhalawar, New Sabji Mandi, Rajasthan</t>
  </si>
  <si>
    <t>HDFC Bank Ltd., Grd. Floor, 2/4, Sector - J, Jankipuram, Kursi Road, Near St. Mary Hospital, Dist. Lucknow, Uttar Pradesh</t>
  </si>
  <si>
    <t>HDFC Bank Ltd., Ground Floor, Plot No.34, R.S.No:87/1, 87/3P, Ward No. 45, D.No.45/203-A/57, Venkata Ramana Colony, Main Road, Kurnol Muncipal Corporation, Dist. Kurnool, Andhra Pradesh - 518004</t>
  </si>
  <si>
    <t>HDFC Bank Ltd., Ground Floor, SDS Chamber, Khasra No. 355/10, Bhainsthan Road, Samta Colony, Raipur, Chhattisgarh - 492001.</t>
  </si>
  <si>
    <t>HDFC Bank Ltd., Ground Floor, H.No.8-2-293/82/J/A/33, Southern Part, Plot No 33, Road No:70, Journalists Colony, Nandi Hills, Hyderabad, Telangana - 500033.</t>
  </si>
  <si>
    <t>HDFC Bank Ltd ,Ground Floor #1036,12th Main Road, AECS Layout 'B' block,Singasandra,Bangalore.</t>
  </si>
  <si>
    <t>HDFC Bank Ltd. Upper Grd. Floor, Municipal No 171, Mohalla Allahpur, Saidikhel, Shahjahanpur Road, Shahabad, Dist. Hardoi, Uttar Pradesh</t>
  </si>
  <si>
    <t>HDFC Bank Ltd ,Ground Floor, Plot no -4, Shri Bhawar Nagar, Mangyawas Road, Jaipur</t>
  </si>
  <si>
    <t>HDFC Bank Ltd.,Selapur Road, Near Galla Mandi, Madhoganj, Hardoi (UP)</t>
  </si>
  <si>
    <t>Nakoda Road, Jasol, Barmer, Rajasthan</t>
  </si>
  <si>
    <t>418,FIRST FLOOR,CORAL CREST, ALAGESAN ROAD,SAIBABA COLONY,COIMBATORE</t>
  </si>
  <si>
    <t>Ground Floor,  Budhabar ,Next to Sharma Clinic, Tehsil Mukerian , Budhabar, Hoshiarpur, Punjab</t>
  </si>
  <si>
    <t>HDFC Bank Ltd, 153/A1-A2, Nall Road, Somanur Road, Karumathampatti, Coimbatore.</t>
  </si>
  <si>
    <t>HDFC Bank Ltd., Main Road, Badshahpur, Patiala, Punjab</t>
  </si>
  <si>
    <t>Ground Floor, Outside Grain Market, Village Gumthala Rao, Tehsil Radaur, Distt. Yamunanagar</t>
  </si>
  <si>
    <t>HDFC Bank Ltd., No:3/274-A, Coimbatore to Erode Main Road, Ettiveerampalayam, Perumanallur</t>
  </si>
  <si>
    <t>HDFC Bank Ltd., Ground Floor, 498/206 - 18/1, Faizabad Road, Near Dua Ka Ghar &amp; IT college, Mahanagar, Lucknow, UP</t>
  </si>
  <si>
    <t>HDFC Bank Ltd. Ground Floor, Khasra No. 538 / 9, 539/1, J-540/6, Near Landmark Hotel, Main Road, Pandri, Raipur</t>
  </si>
  <si>
    <t>HDFC Bank Ltd, Upper Floor,Delwara House ,City Palace Road,Udaipur, Rajasthan</t>
  </si>
  <si>
    <t>HDFC Bank Ltd, Ground Floor, H No028 - H, Mahewa, Transport Nagar, Gorakhpur, Uttar Pradesh - 273016</t>
  </si>
  <si>
    <t xml:space="preserve">Ground Floor, Mahaveer Bazar, Sadar Bazar, Gulabpura, Teh Hurda, Dist Bhilwara, Rajasthan </t>
  </si>
  <si>
    <t>HDFC Bank Ltd., Ground Floor, D.No. 15-5-50, Arasavilli, Srikakulam, Andhra Pradesh - 532001</t>
  </si>
  <si>
    <t>HDFC Bank Ltd., Ground Floor, Jain Mandir Road, Near Ram Leela Ground, Longowal, Sangrur, Punjab - 148106.</t>
  </si>
  <si>
    <t xml:space="preserve">HDFC BANK LTD,NO, 635/6, CMG COMPLEX, MANGALWARPETE, NEAR LIC OFFICE, BM ROAD CHANNAPATNA </t>
  </si>
  <si>
    <t>HDFC BANK LTD, Ground Floor,  Near Bus Stand, Bijoliya, Dist. Bhilwara, Rajasthan</t>
  </si>
  <si>
    <t>HDFC Bank Ltd., Municipal No. 7-10, 7-11,Ward No. 31,  Akhtiyarpur Jahanbad Rae Bareli (U.P.)</t>
  </si>
  <si>
    <t>HDFC Bank Ltd., Ground Floor, New No: 52, Old No. 143, Anna Salai, Saidapet, Chennai, Tamil Nadu - 600015.</t>
  </si>
  <si>
    <t>HDFC BANK LTD,NO, KAMALA CHANDRA SHEKHAR COMPLEX-NO;11-05-22 ARASHIKERE ROAD, KRISHNARAJAPETE,MANDYA KARNATAKA</t>
  </si>
  <si>
    <t>HDFC Bank Ltd., Ground Floor, Plot No. 12-4 , Basaveshwar Circle, Afzalpur, Dist. Gulbarga (Kalaburagi), Karnataka - 585301</t>
  </si>
  <si>
    <t>HDFC Bank Ltd., Ground Floor, D-6/861, Gomti Nagar Extension, Near MI Rustle Court, Lucknow, Uttar Pradesh</t>
  </si>
  <si>
    <t xml:space="preserve">HDFC Bank Ltd , Ground Floor, Door No. 1707-08, Ward No 17, Bellary Hospet Road, J N R Camp, Opp P N B Bank, Toranagallu  </t>
  </si>
  <si>
    <t>HDFC Bank Ltd., Ground Floor, 3, Bapu Bazar, Udaipur, Rajasthan - 313001</t>
  </si>
  <si>
    <t>HDFC Bank Ltd., Ground Floor, Tirumala Complex, Ambedkar Road, Sira,  Tumkur District , Karnataka</t>
  </si>
  <si>
    <t>HDFC Bank Ltd, Ground Floor, Aarji No 1901/01, Dahod Road , Banswara</t>
  </si>
  <si>
    <t>HDFC Bank Ltd, No.#2/57, Ground Floor, Avinashi Main Road, Chinniyampalayam, Coimbatore.</t>
  </si>
  <si>
    <t>HDFC Bank Ltd.,Ground Floor,Shop No.7 and 8 Pavilion 79,Hinjewadi Phase II RdVinode Vasti,Wakad,Pune 4115057 ..Maharashtra</t>
  </si>
  <si>
    <t>Ground Floor NH-2, J S Tower, Sikri, Faridabad, Haryana</t>
  </si>
  <si>
    <t>HDFC Bank Ltd., Ground Floor, A-1, Dev Nagar, Tonk Road, Jaipur, Rajasthan - 302015.</t>
  </si>
  <si>
    <t>Village Pakhowal, Tehsil Raikot, Distt Ludhiana, punjab</t>
  </si>
  <si>
    <t>SCF - 69 &amp; 69 A, Sec -7, HUDA Market, Faridabad,  Haryana</t>
  </si>
  <si>
    <t>Ground. Floor No.319, Salem Main Road, Kumarapalayam, TAMIL NADU.</t>
  </si>
  <si>
    <t>HDFC Bank Ltd, Ground floor Shagun Hotel Near Curfew Mata Mandir Peer Gate Bhopal</t>
  </si>
  <si>
    <t>Ground &amp; Basement Floor, SCF-71, Sainik Colony, Sector 49, Faridabad,  Haryana</t>
  </si>
  <si>
    <t>HDFC Bank Ltd., Shri Balaji Complex, Opp. Bank of Baroda, Aurangabad Road, At Post Taluka Gangapur Maharashtra.</t>
  </si>
  <si>
    <t>HDFC Bank Ltd., Plot No.50/51,Latur Phata, Near Cancer Hospital, New Mondha, Cidco Nanded</t>
  </si>
  <si>
    <t>HDFC Bank Ltd., Ground &amp; First Floor, Khasra No 865/485 Pind Saraye Hadbast No 335, Dhangu Road, Pathankot, Punjab - 145001.</t>
  </si>
  <si>
    <t>HDFC Bank Ltd., Ground Floor, Sindol Tower, 9-4-200/A Bomgondeshwar Circle, BVB College Road, Dist. Bidar, Karnataka - 585403.</t>
  </si>
  <si>
    <t>Vill BAJA KHANA ,DISTT FARIDKOT , Punjab</t>
  </si>
  <si>
    <t xml:space="preserve"> Ground Floor,  Vpo Kandhala Jattan , Main Tanda Hoshiarpur road, Kandhala Jattan, Punjab.</t>
  </si>
  <si>
    <t>HDFC Bank Ltd, Ground Floor, Shop No 6 &amp; 7, SHILP APERIA, Iscon Ambali Road, Ahmedabad, Gujarat - 380058</t>
  </si>
  <si>
    <t>Ground Floor,  VPO Samalsar, Kapurthala Road, Main Bazar, Samalsar, Moga, Punjab</t>
  </si>
  <si>
    <t xml:space="preserve">HDFC Bank Ltd., Ground Floor, 27/39 &amp; 40, Light Industrial Area, Adarsh Socirty. Near Shastri Circle. Jodhpur. Rajasthan - </t>
  </si>
  <si>
    <t>HDFC Bank Ltd., Ground Floor, Hotel Bhawani Palace, Khasra No.936/532, Tirupati Nagar, Near PHD Office, Bhadri Complex, Falsoon Tiraha, Jodhpur Road, Pokhran, Jaislamer, Rajasthan - 345021</t>
  </si>
  <si>
    <t>HDFC Bank Ltd., opposite Krishi Bhawan,  Village Nibi , Belaisa, Azamgarh Varanasi Road ,Azamgarh Uttar Pradesh</t>
  </si>
  <si>
    <t>HDF Bank LTD Shivir garden ,Near Vijan Mahal, mandla Road Tilahari Jabalpur Madhya Pradesh</t>
  </si>
  <si>
    <t>HDFC Bank Ltd, Ground Floor, 3 Vishnupuri Colony, Pearl Business Park, Near Hotel Kings Park, Bhanwarkua, Indore, Madhya Pradesh - 452014</t>
  </si>
  <si>
    <t>HDFC Bank Ltd., Ground Floor, Uttar Ujala, C-153, Ward No-28, Bareilly Road, Haldwani, Dist. Nanital, Uttrakhand - 263139.</t>
  </si>
  <si>
    <t>Gr. Floor, CTS No. 2742, A/17/12, Bijapure complex, near Bank of India, A1 Chowk, akkalkot, dist Solapure</t>
  </si>
  <si>
    <t>HDFC Bank Ltd. Ground Floor 150 Officers Campus, Sirsi Road Khatipura, Jaipur, Rajasthan</t>
  </si>
  <si>
    <t>HDFC Bank Ltd, Ground Floor, Shop No 17,18,19, A SQAURE, 200 ft Ring Road, Shilaj, Ahmedabad, Gujarat - 380058</t>
  </si>
  <si>
    <t>HDFC Bank Ltd, Ground Floor, New No 300KA, Village Khajuri Tappa Upraudha, Pargana Kantit, Tehsil Lalganj, Distt-  Mirzapur, Uttar Pradesh -231211</t>
  </si>
  <si>
    <t>HDFC Bank Ltd., Ground Floor, PH No. 53, Ward No. 15, GE Road Kumhari, Dist. Durg, Chhattisgarh</t>
  </si>
  <si>
    <t>Door no:2-172/2, S.V.S Dwaraka complex, M.D.O Office, Road, Mylavaram, Krishna District, Andhra Pradesh</t>
  </si>
  <si>
    <t>HDFC Bank LTD , M.I.G 203 Near Durga mandir, Bank Chowk Maharana Pratap ward, Dhanvantari Nagar Jabalpur.</t>
  </si>
  <si>
    <t>Ground Floor, Sarojini Complex, SF No 675, Site No 8, Kangeyam Road, Tirupur</t>
  </si>
  <si>
    <t>HDFC Bank Ltd, Ground Floor, SFNo 1193, Erode Main Road, Opp TNEB Power Station, Senapati Palayam, Velappanaiken, Valasu, Vellakovil - 638111</t>
  </si>
  <si>
    <t xml:space="preserve">Old No. 3/119, New No. 4/769, Ground and First floor, Velachery Main Road, Near Hot Chips, Medavakkam, Chennai-600100
</t>
  </si>
  <si>
    <t xml:space="preserve">HDFC Bank Ltd., Ground Floor, AGM-25 &amp; 25/1, Galla Mandi, Rudrapur, Dist. Udham Singh Nagar, Uttrakhand - 263153
</t>
  </si>
  <si>
    <t>No. 2-274 / 6A-B, Palladam Road, Opp. SBI Service Point, Tiruppur</t>
  </si>
  <si>
    <t>A21, Aathiparasakthi Nagar, Tiruchendur Main Road, Krishnapuram, Tirunelveli</t>
  </si>
  <si>
    <t>HDFC BANK LTD, 1 KA 11, JAWAHAR NAGAR, JAIPUR, RAJASTHAN , JAIPUR, RAJASTHAN</t>
  </si>
  <si>
    <t>HDFC BANK LTD, Ground Floor, No 4 Bojakara Street, Walajabad, Kancheepuram Dist Tamil Nadu</t>
  </si>
  <si>
    <t>Ground Floor, Plot no:36, House Number : 25-40/28/5/1, Bank Colony, East Anandbagh Main Road, Malkajgiri, Hyderabad, Telangana</t>
  </si>
  <si>
    <t>Ground. Floor, D. No. 59-13-35, Ward. 23, Block No. 10, Gayatri Nagar, Vijayawada, Dist. NTR, Andhra Pradesh</t>
  </si>
  <si>
    <t>Village Jhoke Hari Har, Ferozepur, Punjab</t>
  </si>
  <si>
    <t>HDFC Bank Ltd, Ground Floor, Shop No 9 &amp; 10, Mayfair Meridian building, Near St. Blaise Church, Ceaser Road, Amboli, Andheri West, Mumbai, Maharashtra</t>
  </si>
  <si>
    <t>HDFC Bank Ltd. Ground Floor, 37/2 Barrackpore - Barasat Road, Biswanath Residency. Jafforpore More, North 24 Parganas. West Bangal</t>
  </si>
  <si>
    <t>HDFC Bank Ltd., Ground Floor, Narsingh Ward, Near Canara Bank, Kareli, Madhya Pradesh - 487221.</t>
  </si>
  <si>
    <t>HDFC Bank Ltd., Ground Floor, Khasra No.1404/6, Ward no.14, Mauza Tifra, Bilaspur, Chhattisgarh - 495001.</t>
  </si>
  <si>
    <t>HDFC Bank Ltd., Ground Floor, 104, New Sindhi Colony, Berasia Road, Near Canara Bank, Bhopal, Madhya Pradesh - 462001.</t>
  </si>
  <si>
    <t>HDFC Bank Ltd. Ground Floor, Ayodhya Tower, Link Rd, Near Kargil Square, MP</t>
  </si>
  <si>
    <t>ANANTH AKASH ARCADE SH-25 NEAR HOTEL MADHU HARAPANAHALLI-583131 VIJAYANAGAR DIST</t>
  </si>
  <si>
    <t>HDFC Bank Ltd., Ground Floor, EF 32, Scheme No 54, Vijay Nagar , Opp Marriott Hotel, Indore, Madhya Pradesh - 452010.</t>
  </si>
  <si>
    <t>HDFC Bank Ltd., Ground Floor, No. 136, Old Mahabalipuram Road, Padur, Thiruporur Block, Chengalpet, Tamil Nadu - 603103.</t>
  </si>
  <si>
    <t>HDFC Bank Ltd. Kailasahar, Ground Floor, Near Mini Market, Unakoti, Tripura</t>
  </si>
  <si>
    <t>HDFC Bank Ltd, Beside Vaibhav Jewellery, Balijipeta Road, Bobbili , Vizianagaram, Andhra pradesh- 535558</t>
  </si>
  <si>
    <t xml:space="preserve">HDFC Bank Ltd., P Square Business Park, Ground Floor, Siddhtek Nagar, ITI Link Road, Kamatwade, Nashik </t>
  </si>
  <si>
    <t>HDFC Bank Ltd., Ground Floor, 8 Bidhan Sarani, Opp. Bina Cinema, Thanthania, kolkata, west Bangal</t>
  </si>
  <si>
    <t>HDFC Bank Ltd., Ground Floor, VPO Kishanpura Kalanr, Dharmkot Road, Main Bazar, Dist. Moga, Punjab - 142058</t>
  </si>
  <si>
    <t>HDFC Bank Ltd., Ground Floor, Kurul Rd, Near MSEB Office, Opp. SBI, Vijapur Bypass, Mohol, Dist. Solapur, Maharashtra - 413213.</t>
  </si>
  <si>
    <t>HDFC Bank Ltd., Ground Floor, Khasra no. 1093/63, 1094/55, Ward no.-9, Narayan Rao Ambilkar Ward, Main Road, Abhanpur, Dist. Raipur, Chhattisgarh - 493661.</t>
  </si>
  <si>
    <t>HDFC Bank Ltd, Ground Floor, MERIX Pride, Sy No 64, Next to Malla Reddy Health City, Suraram, Qutthbullapur Mandal, Narsapur Highway, Madchal, Hyderabad, Telangana - 500055</t>
  </si>
  <si>
    <t>HDFC Bank Ltd., Ground &amp; First Floor, 3/4, Chatta Bazar, Daresi, Agra, Uttar Pradesh</t>
  </si>
  <si>
    <t>HDFC Bank Ltd., Ground Floor, Station Road, Opp. Nagar Palika &amp; BOB, Khachrod, Dist. Ujjain, Madhya Pradesh - 456224.</t>
  </si>
  <si>
    <t>HDFC Bank Ltd., Ground Floor, Property No.- No-1 &amp;2, Ward No-2, Hapur Road, Near - Police Station, Kharkhoda, Dist. Meerut, Uttar Pradesh</t>
  </si>
  <si>
    <t>HDFC Bank Ltd., Ground Floor, Property No. 935 &amp; 936, Uday Singh Complex, Karhera, Pargana-Loni, Tahsil -Ghaziabad, Dist. Ghaziabad, Uttar Pradesh</t>
  </si>
  <si>
    <t>HDFC Bank Ltd., Ground Floor, Shukrawari Bazar, Ward No. 10, Nagar Panchayat Bharatganj (Mauza Shiromanpur Tappa Manda), Meza, Dist. Prayagraj, Uttar Pradesh</t>
  </si>
  <si>
    <t>HDFC Bank Ltd, Ground Floor, Vill Gopinagar, Khamarchandi, Haripal, Hooghly, West Bengal - 712405</t>
  </si>
  <si>
    <t>HDFC Bank Ltd., Ground Floor, C/o M/s Indian Marketing, Infront of Surya Hotel, Lal Bahadur Shatri Ward, Maiher Road, New Bus Stand, Katni, Madhya Pradesh</t>
  </si>
  <si>
    <t>HDFC Bank Ltd Grd. Floor, C/o Swastik Hospital, Main Rajgarh Road, Behal Haryana</t>
  </si>
  <si>
    <t>HDFC Bank Ltd. Ground Floor, C/O Hage Moda &amp; CO. P.O-Ziro, Dist. Lower Subansiri, Arunachal Pradesh</t>
  </si>
  <si>
    <t>Ground Floor, Door No 4-57-2/1A, Lawsons Bay Colony, Visakhapatnam, Andhra Pradesh</t>
  </si>
  <si>
    <t>HDFC Bank Ltd., First Floor, No.246/4B, VSR Complex, Mudichur Road, Old Pergulathur, Chennai, Tamil Nadu - 600063</t>
  </si>
  <si>
    <t>HDFC Bank Ltd. Ground Floor, 91,Biren Roy Road -West, Opp. Bakultala Bazar Kolkata, West Bengal</t>
  </si>
  <si>
    <t xml:space="preserve">HDFC Bank Ltd., Ground &amp; First Floor, MM Home Bilaspur Road, Pratap Ganj, Infront of Kisan Rice Mill Sarangarh, Dist. Raigarh, Chhattisgarh </t>
  </si>
  <si>
    <t>HDFC Bank Ltd., Ground Floor, Nearravindra Bharathi School, Main Road, Amadalavalasa, Srikakulam, Andhra Pradesh - 532185.</t>
  </si>
  <si>
    <t>HDFC Bank Ltd., Ground Floor, Ward no. 06, Main Road Paras Nagar Kasdol, Dist. Balodabazar, Chhattisgarh</t>
  </si>
  <si>
    <t>HDFC Bank Ltd. Ground Floor, Panighata Main Road, East Babu Para, Naxalbari,Dist. Darjeeling, West Bengal</t>
  </si>
  <si>
    <t>Ground Floor, Bhavani R Square, S.No. 839 &amp; 840,W.No. 27-1, Ramji Nagar, Childrens Park Road,Nellore, Andhra Pradesh</t>
  </si>
  <si>
    <t>HDFC Bank Ltd., Ground Floor, G3 &amp; G4 Ramalakshmi Residency, Above Tea Time, Main Road, Prahaldapuram, Visakhapatnam, Andhra Pradesh - 530027.</t>
  </si>
  <si>
    <t>Ground Floor, H.No. 2-4-1399 &amp; 2-4-1400,  Ashoka Nagar Colony, NGO's Colony Road, Hanamkonda, Warangal, Telangana</t>
  </si>
  <si>
    <t>67/87 Sector 6, Pratap Nagar, Sheopur Road, Jaipur-302033</t>
  </si>
  <si>
    <t>HDFC Bank Ltd., Ground Floor, Shop No. 152 &amp; 153, Friends Square, Tagor Road, Gandhidham, Gujarat - 370201.</t>
  </si>
  <si>
    <t>HDFC Bank Ltd., Ground Floor, Shop no. 1, Ambika Tower, Survey No.17, Plot No. 23, Lakamanhalli Village, Gandhi Nagar Cross, Dharwad, Karnataka - 580009.</t>
  </si>
  <si>
    <t>Ground floor , No. 2-2-7-1-1, DD Colony, Bagh Amberpet Road, Hyderabad, Telangana</t>
  </si>
  <si>
    <t>Ground Floor, 7-5-181, Devi Krupa, B-Floor – GA &amp; GB, Ocean View Layout, Beach Road, Visakhapatnam, Andhra Pradesh</t>
  </si>
  <si>
    <t>HDFC Bank Ltd., Ground Floor, K.S.R Complex, G1 &amp; G2, Opp. Rythu Bazar, Visakhapatnam, Andhra Pradesh - 530013.</t>
  </si>
  <si>
    <t>HDFC Bank Ltd. Ground Floor Plot No A 215 , 80 Feet Road Mahesh Nagar Jaipur, Rajasthan</t>
  </si>
  <si>
    <t>Punnen Road, Palayam,Thiruvananthapuram</t>
  </si>
  <si>
    <t>HDFC Bank Ltd., Ground Floor, 4-5-37, Vidyanagar, Revenue Ward Number 13, Guntur, Andhra Pradesh - 522007.</t>
  </si>
  <si>
    <t>HDFC BANK LTD., OPPOSITE DARBAR SCHOOL, SUBHASH BAZAR TONK, TONK, RAJASTHAN</t>
  </si>
  <si>
    <t>HDFC Bank Ltd. Chak 8 GGR stone no 201 285 square no 48 killa no 20 Satation Road Tibbi Hanumangarh</t>
  </si>
  <si>
    <t>HDFC Bank Ltd, Site No. 967-2, CTS No. 967-2 Market Road, off double road, Mahalingpur-587312. District Bagalkot. Karnataka</t>
  </si>
  <si>
    <t>HDFC Bank Ltd., Ground Floor, Chandralingeshwara Complex,Plot No.8 bearing Municipal No. 2-11-369/67/1,Raichur Main Road, Near Lakshmi Temple , Lingsugur, Dist. Raichur, Karnataka - 584122</t>
  </si>
  <si>
    <t xml:space="preserve">HDFC BANK LTD,Gangapur Lasur Road, Opp HP Petrol Pump,Market Yard,Savangi, Lasur Station Tq Gangapur,Dist Aurangabad </t>
  </si>
  <si>
    <t>HDFC Bank Ltd., Upper Grd. Floor, Part of Khasara No. 1078 G, College Road, Near Power House, Fazil Nagar, Kushinagar, Uttar Pradesh</t>
  </si>
  <si>
    <t>HDFC Bank Ltd, GF, Ward No 14 Satwas Road chhattribag Kannod Dist Dewas, Madhya Pradesh</t>
  </si>
  <si>
    <t>Plot No 18, M. G Tower, Mhalgi Nagar Square, Beside Ghodke High School, Hudkeshwar, Nagpur, Maharashtra.</t>
  </si>
  <si>
    <t>HDFC Bank Ltd Ground Floor Shop No 7-10 Shreekar Avenue Near Gopal Chowk Maninagar Ahmedabad </t>
  </si>
  <si>
    <t>HDFC Bank Ltd., Ground Floor, B-4/57, Vinay Khand Gomti Nagar, Lucknow, Uttar Pradesh.</t>
  </si>
  <si>
    <t>HDFC BANK LTD. Part of Khasra no-37 , Ground floor, Vill-Dikisar Belsar Gonda U.P.</t>
  </si>
  <si>
    <t>HDFC Bank Ltd., Ground Floor, 38/Part &amp; 39/Part, D.No.3-4-29/1, Vijay Nagar Colony, Allwyn Colony Road, Kukatpally, Hyderabad, Telangana - 500072.</t>
  </si>
  <si>
    <t>HDFC Bank Ltd., Ground Floor, Premises No :- 62/16, Ballygunge Circular Road, Kolkata, West Bengal</t>
  </si>
  <si>
    <t>HDFC Bank Ltd. Ground Floor, 130, N.S.C. Bose Road, Regent Park, Tollygunge, Kolkata</t>
  </si>
  <si>
    <t>HDFC Bank Ltd. Premises No . A/P- 12/B, Canal South Road. Ground &amp; First Floor. Metropolitan. Kolkata,</t>
  </si>
  <si>
    <t>HDFC Bank Ltd. Samrat Guest House, Premises No -1383, Ground &amp; First Floor, Mukundapur</t>
  </si>
  <si>
    <t>HDFC Bank Ltd., Ground Floor, Kumaon Plaza Building, Near NH74, Bazpur Road, Tehsil- Kashipur, Dist. Udham Singh Nagar, Uttarakhand</t>
  </si>
  <si>
    <t>Maneklal Estate Branch, Silver Point, Maneklal Estate Junction off LBS Marg and Narshi Mehta Road, Ghatkopar West, Mumbai</t>
  </si>
  <si>
    <t>HDFC Bank Ltd, Ground Floor, Khasra No 412, Opposite Tehsil, Hathras Road, Iglas, Aligarh, Uttar Pradesh - 202124</t>
  </si>
  <si>
    <t>HDFC Bank Limited, Ground Floor, 17 &amp; 18, Milap Nagar, Tonk Road, Jaipur, Rajasthan</t>
  </si>
  <si>
    <t>HDFC Bank Ltd, No.31,32,3&amp;4 Jawaharlal Nehru Road ,Tirumalai Nagar, Kolathur, Chennai, Tamil Nadu</t>
  </si>
  <si>
    <t>Pollachi main road, Eachanari, Coimbatore Tamil Nadu</t>
  </si>
  <si>
    <t>HDFC Bank Ltd. Ground Floor, Bimla Enclave, Tagore Hill Road, Morabadi. Ranchi, Jharkhand</t>
  </si>
  <si>
    <t>HDFC Bank Ltd., Ground Floor, 20, Avinashi Road, Anupparpalayam, TiruppurTirupur, Tamil Nadu - 641652</t>
  </si>
  <si>
    <t>No. 131-132, MTH Road , Villivakkam, Chennai, Tamil Nadu</t>
  </si>
  <si>
    <t>HDFC Bank Ltd., Ground Floor, H.No: 4-98/1, Near Canal, Opp. Bus Stand, Attili, Dist. West Godavari, Andhra Pradesh - 534134.</t>
  </si>
  <si>
    <t>HDFC Bank Ltd, Ground Floor, Shop No 11, Kanakia Zillion, LBS Marg, Kurla (West), Mumbai, Maharashtra - 400070</t>
  </si>
  <si>
    <t>HDFC Bank Ltd., Ground Floor, Plot No.11, Premises at 100 Feet Road, Vishwas Nagar, Near New Grain Market, Kurukshetra, Haryana - 136118.</t>
  </si>
  <si>
    <t>HDFC Bank Ltd., Ground floor, Sreerangam Building, Opp. Kotak Bank, Kottiyam, Kollam, Kerala</t>
  </si>
  <si>
    <t>HDFC Bank Ltd, Ground Floor, Durgapur No2, Rudrapur Road, Dineshpur, Distt Udham Singh Nagar, Uttarakhand -263160</t>
  </si>
  <si>
    <t>HDFC Bank Ltd., Ground Floor, Elite Complex, Thalassery Road, Iritty, Kannur, Kerala - 670703</t>
  </si>
  <si>
    <t>HDFC Bank Ltd., Ground Floor, Kibees Tower, Vadakara Road, Perambra, Kozhikode, Kerala - 673525</t>
  </si>
  <si>
    <t>HDFC Bank Ltd., Ground Floor, No.295, T H Road, Minjur, Dist. Thiruvallur, Tamil Nadu - 601203</t>
  </si>
  <si>
    <t>Upper Grd. Floor, No. 1, Departmental Store (129 ACRE) Dev Scheme, Rajguru Nagar Market, Dist. Ludhiana, Punjab</t>
  </si>
  <si>
    <t>HDFC Bank Ltd, Ground Floor, 189, Ward no 13, Chandra Shekher Ward, Morena Tiraha, Ambah, Madhya Pradesh - 476111</t>
  </si>
  <si>
    <t>HDFC Bank Ltd., Ground &amp; First Floor, LNB Road, Bijni Bazar, Bijni, Chirang, Assam - 783390.</t>
  </si>
  <si>
    <t>HDFC Bank Ltd., Ground Floor, 1077/3, Civil Lines, Opp. Bus Station, Dist. Sultanpur, UP</t>
  </si>
  <si>
    <t>HDFC Bank Ltd, Ground Floor, RTO Relocation Site, Wing-A, Shop No 14-15-16, Katira Shopping Centre, Bhuj, Gujarat - 370001</t>
  </si>
  <si>
    <t>HDFC Bank Ltd, Plot No-241, Sector -A, Mancheswar Industrial Estate, Bhubaneswar, Khordha, Odisha - 751010</t>
  </si>
  <si>
    <t>HDFC Bank Ltd, Part of Khasara No.53, Village Khajuri Khurd, Pargana Badahar, Tehsil Ghorawal, Dist- Sonbhadra,UP</t>
  </si>
  <si>
    <t>HDFC Bank Ltd., Ground Floor, SBI Road, Bhima Basti, Fatehabad, Haryana - 125050.</t>
  </si>
  <si>
    <t>Ground Floor, #D.No.4-480/12/P/3, Veera Reddy Colony, Nacharam, Hyderabad, Telangana</t>
  </si>
  <si>
    <t>D.NO. 9-131/2, Ground Floor, Parchur, Dist. Prakasam, Andhra Pradesh</t>
  </si>
  <si>
    <t>HDFC BANK, Shop No.5 &amp; 1010, Grd. and 1st Floor, Esperanza Bldg, Plot No. 14 Dr. B.A. Road Lalbaug, Mumbai Maharashtra - 400012</t>
  </si>
  <si>
    <t>HDFC Bank Ltd., Ground Floor, SCF No. 17, Sector 13, Karnal, Haryana - 132001.</t>
  </si>
  <si>
    <t>HDFC Bank Ltd, Ground Floor, Chawni Bazar, Ghantaghar - Chawni Road, Behraich, Uttar Pradesh - 271801</t>
  </si>
  <si>
    <t>HDFC Bank Ltd, Ground Floor, Himalyan Public school Complex , Main Bazaar, Nerwa, Shimla, Himachal Pradesh - 171210</t>
  </si>
  <si>
    <t>Ground floor-  145, shivay avenue , Jaora Compound Indore</t>
  </si>
  <si>
    <t>HDFC Bank Ltd. GROUND FLOUR SHOP NO 08 WARD NO 29 TOWN JUNCTION ROAD HANUMANGARH</t>
  </si>
  <si>
    <t>Ground Floor, 33-24-2 Rama Rao Street, Kasturibaipaeta, Main Road,  NTR District, Andhra Pradesh</t>
  </si>
  <si>
    <t>HDFC BANK LTD, GROUND FLOOR, MB ROAD, SUKHIAPOKHRI, DARJEELING, DARJEELING, WEST BENGAL</t>
  </si>
  <si>
    <t>HDFC Bank Ltd, Ground Floor, Beheramal Square, Industrial Estate, Adjacent Patra Electricals Jharsuguda, Odisha -768203</t>
  </si>
  <si>
    <t>HDFC Bank Ltd., Ground Floor, Jalal Avenue, Near HS, Balaramapuram, Dist. Trivandrum, Kerala - 695501</t>
  </si>
  <si>
    <t>HDFC Bank Ltd., Ground Floor, H.No: 10-150, SDM Complex, Ramanayyapeta, Kakinada(Rural) Mandal, Kakinada, Dist. East Godavari, Andhra Pradesh - 533003</t>
  </si>
  <si>
    <t>Grd. Floor, UG - 1, 2, 13 &amp; 16, Bhagarwal Four Season, Rajeev Gandhi Nagar, Kota, Rajasthan</t>
  </si>
  <si>
    <t>HDFC Bank Ltd., Ground Floor, Beside Axis Bank Main Road, Dongargaon, Dist. Rajnandgaon, Chhattisgarh - 491661</t>
  </si>
  <si>
    <t>HDFC Bank Ltd,  Ground Floor, Orange Hive, Shop No 1,2,3,4,5 &amp; 6, Infront of Renault Showroom Main Road, Mowa, Dist. Raipur, Chhattisgarh</t>
  </si>
  <si>
    <t>H. No 8-2-293/82/NL/279, Plot No 279, MLA &amp; MPs Colony, Road No 10-C, Jubilee Hills, Hyderabad, Telangana</t>
  </si>
  <si>
    <t>HDFC Bank Ltd., Ground &amp; First Floor, Plot No.2, Sector 1/A, Kutch Kala Road, Gandhidham, Kutch, Gujarat - 370201.</t>
  </si>
  <si>
    <t>Katron Dhuri Road, SHERPUR, Dhuri, Punjab</t>
  </si>
  <si>
    <t>No.2,3 &amp; 4 , Featherlite Spectrum , Mysore Road , New Timberyard Layout, Bangalore -560026</t>
  </si>
  <si>
    <t>HDFC Bank Ltd., Ground Floor, Plot No. 158, Rohini Nagar, jagatpura, Jaipur, Rajasthan - 302017.</t>
  </si>
  <si>
    <t>HDFC Bank Ltd, Venpalavattom, Anayara P.O, Thiruvananthapuram</t>
  </si>
  <si>
    <t>HDFC Bank Ltd., G N Towers, No.174/4B,1st Floor, GST Main Road, Vandalur,Chennai</t>
  </si>
  <si>
    <t>HDFC Bank Ltd., Upper Ground Floor, Sr.No.12, Keshavraj Complex, Near Bus Stand, Jalna Beed Road, Georai, Dist. Beed, Maharashtra - 431127.</t>
  </si>
  <si>
    <t>Door No.64/2199-A, Ground Floor, Pearl Tower,Kathrikaduvu,  Ernakulam District, Kerala.</t>
  </si>
  <si>
    <t>HDFC Bank Ltd., Upper Ground Floor, Plot No 18-70/3, Lahoti Complex, Jalna Road, Opp. Jalgaonkar Natyagruha, Ambad, Dist - Jalna, Maharashtra - 431204.</t>
  </si>
  <si>
    <t>Grd. Floor, Shradhay Complex, Neelkanth Mahadev Road, Kushalgarh, Dist. Banswara, Rajasthan</t>
  </si>
  <si>
    <t xml:space="preserve">Ground Floor, Dr No : 3-28-18/77/1, 7th Lane, Raghav Complex, Main Road, Brindavan Gardens, Guntur, Andhra Pradesh </t>
  </si>
  <si>
    <t>HDFC BANK LTD,  Khasra No - 1985/2, Opposite Power House, Karera, Dist. Shivpuri, Madhya Pradesh</t>
  </si>
  <si>
    <t>HDFC Bank Ltd., B-8/48, Ground Floor, Talwan Road, Phillaur, Dist. Jalandhar, Punjab – 144410.</t>
  </si>
  <si>
    <t>HDFC Bank Ltd, Ground Floor, Vill Chandipur, Purba Medinipur, West Bengal - 721659</t>
  </si>
  <si>
    <t>HDFC Bank Ltd, Ground Floor, Ward no 14, Abdul Kalam Ward, Favarra Chouk, Manasa Neemuch Main Road, Near PNB, Manasa, Madhya Pradesh - 458110</t>
  </si>
  <si>
    <t>Ground Floor,No.45,West Tower Street,Madurai, Tamil Nadu – 625001</t>
  </si>
  <si>
    <t>HDFC Bank Ltd,  207/229, Cauvery Road, Karungalpalayam,Erode,Tamilnadu</t>
  </si>
  <si>
    <t>Ground Floor, 1-10-283/A1, Main Road, Beside NH 16, Priyadarshani Colony, Near Ayyappa Temple, Metpally,
Dist. Jagitial, Telangana</t>
  </si>
  <si>
    <t>HDFC Bank Ltd., Grd. Floor, Door No.184, Raja Complex, Siva Theater Corner, Old bypass Road, Post Office Velur, Taluk : Paramathi Velur, Dist. Namakkal, Tamil Nadu - 638182</t>
  </si>
  <si>
    <t>HDFC Bank Ltd., Ground Floor, Kandoli Nagrota, Near SBI, Nagrota, Jammu, Jammu &amp; Kashmir, 181221</t>
  </si>
  <si>
    <t>HDFC Bank Ltd., Ground Floor, Near LIC office, Padampura Raod, AB Road, Pachore, Dist. Rajgarh, Madhya Pradesh - 465683.</t>
  </si>
  <si>
    <t>HDFC Bank Ltd., Ground Floor, Plot No - 3, Indira Gandhi Nagar, Keshar Bagh Road, Indore, Madhya Pradesh - 452009.</t>
  </si>
  <si>
    <t>Gr Floor. Ward NO 15 Sambalpur Road, Bhanupratappur district Uttar Baster Kanker , Bhanupratappur, Chhattisgarh</t>
  </si>
  <si>
    <t>HDFC Bank Ltd, Ground Floor, Plot No 4, HIG, TNHB, Ayapakkam, Chennai, Thiruvallur, Tamil Nadu - 600077</t>
  </si>
  <si>
    <t>HDFC Bank Ltd, Ground Floor, Baghel Niwas, Rataria Road, Bhatpar Rani, Deoria, Uttar Pradesh - 274702</t>
  </si>
  <si>
    <t>HDFC Bank Ltd., Ground Floor, BLDG no: 9/343, Vallangad, Mokeri, Panoor, Kannur , Kerala - 670692</t>
  </si>
  <si>
    <t>HDFC Bank Ltd, Ground Floor, Saha Bhavan, Opp. Central School, HatKachora Kumhar Para, Jagdalpur, Dist. Bastar, Chhattisgarh</t>
  </si>
  <si>
    <t>HDFC Bank Ltd., Ground Floor, Door No 52/3178, Tharayil Chambers, NH 66, Kochi Bye Pass, Vytilla, Dist. Ernakulam, Kerala - 682019.</t>
  </si>
  <si>
    <t>HDFC Bank Ltd., Ground Floor, 91, Nandlalpura, Jawahar Marg, Near IDBI Bank, Indore, Madhya Pradesh - 452007.</t>
  </si>
  <si>
    <t>No 260, Ground Floor, NSR Road, Opp. Mayflower Eden Valley, Coimbatore</t>
  </si>
  <si>
    <t xml:space="preserve">Ground and Basement Floor,SCF -147, Huda Market, Sector 37,Dist Faridabad Haryana </t>
  </si>
  <si>
    <t>Plot No 12, Vivek Vihar, Opp Pillar No 85, New Sanganer Road,  Jaipur, Rajasthan</t>
  </si>
  <si>
    <t>HDFC Bank Ltd, First Floor, No103, Palai Road West, Tuticorin, Tamil Nadu - 628008</t>
  </si>
  <si>
    <t>Ground Floor, UM Avenue, Maithra Bridge Junction,SH-34 Puthalam, Areekode, Malappuram DT</t>
  </si>
  <si>
    <t>HDFC Bank Ltd., Ground Floor, Ward No.-10, Rajinder Colony,  Shamli Road, Kairana, Dist.- Shamli (Prabudh Nagar), Uttar Pradesh</t>
  </si>
  <si>
    <t>Ground Floor, Main Batala Road, Opp. Thakur Resort, Verka, Distt. Amritsar, Punjab. 143501</t>
  </si>
  <si>
    <t>HDFC Bank Ltd., Ground Floor, House No-171, Nehru Market, Opp. Govt Hospital, Dakpathar, Vikas Nagar, Dehradun, Uttrakhand - 248125</t>
  </si>
  <si>
    <t>Gr floor, Khasara NO 326, Chandan Road, Gold Complex, Manas Nagar, Indira Nagar, Uttar Pradesh</t>
  </si>
  <si>
    <t>1-A-2 Vallabh Nagar , Kota, Rajasthan - 324007.</t>
  </si>
  <si>
    <t>HDFC Bank Ltd, Ground Floor, Peddibhotla Towers, Unit No 101, DNo 29/6/10, Ramchandra Rao Road, Nakkal Road, Suryaraopet, Vijayawada, Krishna, Andhra Pradesh - 520002</t>
  </si>
  <si>
    <t>HDFC Bank Ltd, Ground &amp; First Floor, 27, Diamond Harbour Road, Behala Sakherbazar, Kolkata, West Bengal - 700008</t>
  </si>
  <si>
    <t>HDFC Bank Ltd, in front of Union Bank, Singpur Chauraha, Nagod, Madhya Pradesh - 485446</t>
  </si>
  <si>
    <t xml:space="preserve">HDFC Bank Ltd., Ground Floor, Plot No. E-95, Hanuman Tower, Hanuman Nagar Scheme, 5-E, Sirsi Road, Jaipur, Rajasthan </t>
  </si>
  <si>
    <t>Ground Floor, 511, M.G. Road, Gorakund Chouraha</t>
  </si>
  <si>
    <t>HDFC Bank Ltd., Ground Floor, A6, Industrial Estate, Partapur, Meerut, Uttar Pradesh - 250103</t>
  </si>
  <si>
    <t xml:space="preserve"> HDFC Bank Ltd., Ground Floor, Adjoining IOCL Petrol Pump, VPO Harse Chhina Main Ajnala Road, Kukranwala, Amritsar, Punjab -143101</t>
  </si>
  <si>
    <t>Ground Floor, VPO Behrampur Main Behrampur-Gurdaspur Road, Dist. Gurdaspur, Punjab</t>
  </si>
  <si>
    <t>Ground Floor, shop no 1 Abhang Vishwa phase 2 , Gate no 1599, Dehu Alandhi Road, Chikhali, pune, Maharashtra</t>
  </si>
  <si>
    <t xml:space="preserve">Ground Floor, Plot No: 1 &amp; 2, SyNo: 688, Opposite LIC Office, Devarakonda, Dist. Nalgonda, Telangana </t>
  </si>
  <si>
    <t xml:space="preserve">Ground Floor, Bankra, Kabarpara, Opposite ICICI Bank, Domjur, Howrah, </t>
  </si>
  <si>
    <t>Door No:2-23-522/3/2, Ground Floor, Tulasi Nagar, Pragathi Nagar Road, Kukatpally, Hyderabad, Telangana</t>
  </si>
  <si>
    <t>HDFC Bank Ltd., Ground and First Floor, Unit No. 3, Commercial Tower 1, New Cuffe Parade, Wadala, Mumbai, Maharashtra - 400037.</t>
  </si>
  <si>
    <t>6-2-139/5, Old Sy No 1129/2A, Near Navodaya Medical College Hospital &amp; Research Centre, Mantralayam Road, Raichur, Karnataka</t>
  </si>
  <si>
    <t>HDFC Bank Ltd., Ground Floor, Hospital Road , Soni Complex, Railmagra , Dist Rajsamand, (Rajasthan)</t>
  </si>
  <si>
    <t>HDFC Bank Ltd. Ground Floor, Opposite Grain Market, Near Satyam Filling Station, Moga Road,Kotkapura, Punjab – 151204</t>
  </si>
  <si>
    <t>HDFC BANK LTD,  Ground Floor, Near H.P. Petrol Pump, Chanderiya, Dist. Chittaurgarh, Rajasthan</t>
  </si>
  <si>
    <t>HDFC Bank Ltd., Ground Floor, Opp Grain Market, Phagwara-Hoshiarpur Road, Distt. Hoshiarpur, Punjab</t>
  </si>
  <si>
    <t>Ground Floor, PVR Complex, Opp Old Bus Stand, Near Kalinga Hotel, Bheemunipatnam, Andhra Pradesh.</t>
  </si>
  <si>
    <t>No 1/508A, Upper Ground Floor, Avinashi Main Road, Neelambur, Coimbatore</t>
  </si>
  <si>
    <t>HDFC Bank Ltd., Ground Floor, Main Market, Sahaspur, Chakrata Road (Near Alka Sweets), Dehradun, Uttrakhand</t>
  </si>
  <si>
    <t>HDFC Bank Ltd., Ground Floor, Kewzing Bazar, Dist - South Sikkim, Sikkim</t>
  </si>
  <si>
    <t>HDFC Bank Ltd, D.No: 1-11-7, Akula Ganga Rao Complex,  K N Road, Tadepalligudem, West Godavari District, Andhra Pradesh</t>
  </si>
  <si>
    <t xml:space="preserve">HDFC Bank Ltd., Ground Floor,126-A, Hari Nagar, Near Hariyal Chowk, Hisar Road, Narwana, Distt. Jind, Haryana </t>
  </si>
  <si>
    <t xml:space="preserve">HDFC Bank Ltd , Ground Floor and First floor, Near Krishi Upaj Mandi, Pakhanjur </t>
  </si>
  <si>
    <t>Ground Floor ,Shiv Kutir, Ranakpur Road, Sadri, District Pali ,Rajasthan</t>
  </si>
  <si>
    <t>HDFC Bank Ltd, Dera Baba Nanak Road, Ajnala, Dist. Amritsar Punjab</t>
  </si>
  <si>
    <t>Galla Mandi, Sutahatti Bazar, Station Bazar, Station Road, Sadar, Jaunpur (U.P)</t>
  </si>
  <si>
    <t>HDFC Bank Ltd., Ground Floor, Surya Plaza, Kattakkada, Trivandrum, Kerala</t>
  </si>
  <si>
    <t>HDFC Bank Ltd., Ground Floor, Mayflower Valencia, Navaindia Bus Stop, Avinashi Road, Coimbatore, Tamil Nadu - 641006.</t>
  </si>
  <si>
    <t>HDFC Bank Ltd., Ground Floor, Beside Mansi Honda Showroom, Pandaria Main Road Lormi, Dist. Mungeli, Chhattisgarh - 495115</t>
  </si>
  <si>
    <t>HDFC Bank Ltd. Shop No. 1 / 2, White House, Sector 11,Gandhinagar</t>
  </si>
  <si>
    <t>HDFC Bank Ltd., Mezz. Floor, No. 100 / 142, 4th Street, Secretariate Colony, Kilpauk, Chennai - 600010</t>
  </si>
  <si>
    <t>HDFC Bank Ltd.,Opposite Bus Stand, Pichore Road, Chanderi, Dist. Ashok nagar, Madhya Pradesh</t>
  </si>
  <si>
    <t>HDFC Bank Ltd. Ground Floor, 271, Kali Bari Road, Near Shib Sakti Sangha Library, Ward No 2, New Barrackpore, North 24 Parganas</t>
  </si>
  <si>
    <t>HDFC Bank Ltd., Ground Floor, Hotel Ramraja Palace, Ward no 14, Chandrapur Road, Rehli, Madhya Pradesh - 470227.</t>
  </si>
  <si>
    <t>HDFC Bank ltd Ground Floor 3/18 and 4/17 Abir vihar colony Rajendra nagar A B road Indore</t>
  </si>
  <si>
    <t>HDFC BANK LTD, Shop no : 11, Neelkanth Kanth IT Corporate Park, Kirol Road, Vidyavihar West, Mumbai</t>
  </si>
  <si>
    <t>#15-206, Sundar's North East, Opp Union Bank, Poranki Road, Vijayawada, Krishna District, Andhra Pradesh</t>
  </si>
  <si>
    <t>Ground Floor, Beside Rukhmini Celebration Hall, Bhandara Road, Mouda, Nagpur District, Maharashtra </t>
  </si>
  <si>
    <t>HDFC Bank Ltd, Ground Floor, Khasra No.1052, Min Sultanwind Urban, Opposite Dera Baba Bhuri Wala, Tarn Taran Road, Amritsar, Punjab</t>
  </si>
  <si>
    <t>HDFC Bank Ltd., Ground Floor, Door No 29, Ayyancheri Main Road Urappakkam Kanchipuram 603210</t>
  </si>
  <si>
    <t>HDFC Bank Ltd,No.106/2A2A, NTR Nagar, Opp.Alpha Logistics ,Hosur</t>
  </si>
  <si>
    <t>Ground Floor, 50/A, College Road, PO- Botanical Garden, PS- A. J. C. Bose Botanical Garden, Howrah, West Bengal</t>
  </si>
  <si>
    <t>D.No : 4-1-16/A,  Ground floor, Khammam Cross , Roads, Kodad, Telangana</t>
  </si>
  <si>
    <t>HDFC Bank LTD, Grd. Floor, Shop No.1 and 2 , Fortune Business Hub , Science City Road, Ahmedabad , Gujarat</t>
  </si>
  <si>
    <t>MANDI AND GOVT. HOSPITAL ROAD, BHIKANGAON, Distt Khargone, MP</t>
  </si>
  <si>
    <t>HDFC Bank Ltd. Ground Floor, 97/1B, Hazra Road, Kolkata, West Bengal</t>
  </si>
  <si>
    <t>Upper Grd. Floor&amp; 1st Floor, Pankaj Plaza, Behind Congress Bhavan, Nagpur Road, Dist. Chhindwara, Madhya Pradesh</t>
  </si>
  <si>
    <t>HDFC Bank Ltd, Ground Floor, GT Road Putlighar, Dist. Amritsar, Punjab - 143001.</t>
  </si>
  <si>
    <t>HDFC Bank Ltd. Ground Floor, Diya Arcade, Opp. Shopping Center, Dudhiya Talav, Navsari - 396445</t>
  </si>
  <si>
    <t>D.No 16-13-165, Ground Floor, KIMS Road, Beside Vishal Mart, Byrivanipeta, Sirkakulam, Andhra Pradesh</t>
  </si>
  <si>
    <t>HDFC Bank Ltd., Shanti Vihar Colony, Infront of Kalyan Petrol Pump, Station road Rewa, ( M.P.)</t>
  </si>
  <si>
    <t>D.No. 13-1-5-1, Ground Floor, Main Road Surgaraopet, Kakinada, Andhra Pradesh</t>
  </si>
  <si>
    <t>Ground. Floor, Door No. 15-25-529, KPHB Road -1,KPHB Colony, Hyderabad, Telangana</t>
  </si>
  <si>
    <t>No 7, West Car Street, Villianur, Pondicherry.</t>
  </si>
  <si>
    <t>HDFC Bank Ltd, Ground Floor, 3-8 / A, Plot No 8, Haffezpet, Manjera Pipe Line Road, RTC Colony Road, Rangareddy, Telangana - 500019</t>
  </si>
  <si>
    <t>HDFC Bank Ltd., Ground Floor, No. 92, Harrington Road, Chetpet, Chennai, Tamil Nadu - 600031.</t>
  </si>
  <si>
    <t>Ground Floor, Shop No. 7/387-20, GCS Building, Anikode Junction, Chittur, Palakkad</t>
  </si>
  <si>
    <t>HDFC Bank Ltd, Ground Floor, Shop No 1 to 10, Kissan Mall, Dhanera Road, Deesa (Banas Kantha), Akhol, Gujarat - 385535</t>
  </si>
  <si>
    <t>Ground Floor, Plot No. 562, Chindwara Road, Near Shrikrushna Mangalkaryalay, Koradi. Nagpur District, Maharashtra</t>
  </si>
  <si>
    <t>Shree Maa Enclave , Kunjibettu , Udupi-Manipal Road ,Udupi</t>
  </si>
  <si>
    <t>#10-1-70 ,Ground Floor, H B Colony, P P Road, Bhimavaram, Dist. West Godavari, Andhra Pradesh</t>
  </si>
  <si>
    <t>HDFC Bank Limited, Aniket Mall, Ground Floor, Ward No. 19,Village - Chadri, Thana No. 199, Line Tank Road, P.O. - Ranchi G.P.O, P.S. - Kotwali</t>
  </si>
  <si>
    <t xml:space="preserve">HDFC Bank Ltd., Ground Floor, Door no. AMC XI/143, K.A.P. Commercial Centre, R.S.Road, Aluva, Dist. Ernakulam,  erala - </t>
  </si>
  <si>
    <t>HDFC Bank LTD. Mandi Road, Guna ,Dist. Guna MadhyaPradesh</t>
  </si>
  <si>
    <t>HDFC Bank Ltd., Ground Floor,1919 &amp; 1920, Dartha House, Near Mastana Chowk, Ranjhi, Madhya Pradesh</t>
  </si>
  <si>
    <t>HDFC Bank Ltd., Ground Floor, Gyan Commercial Complex, Khasra no.75/78 &amp; 75/21,  Kaurinbhata Main Road, Near Digvijay Stadium, Rrajnandgaon, Chhattisgarh - 491441.</t>
  </si>
  <si>
    <t>HDFC Bank Ltd., Ground Floor, Ward No. 13, Naya Naka Para, Dhamtari Road, Charama, Dist. Uttar Bastar Kanker, Chhattisgarh - 494337.</t>
  </si>
  <si>
    <t>HDFC Bank Ltd., Ground Floor, Khasra No. 734/1, Haldoni Mod, Kulesra, G.B Nagar, Gr. Noida, Dist. Gautam Budh Nagar, Uttar Pradesh - 201306.</t>
  </si>
  <si>
    <t>HDFC Bank Ltd. Ground Floor, Sy No: 40/part to 105/AA, Plot No.:B16 &amp; B17, Panchavathi Colony, Manikonda, Gandipet (MDL), Hyderabad, Telangana - 500089.</t>
  </si>
  <si>
    <t>Ground Floor, H.No:7-207, Opp. Annapurna Theater, Tatipaka, Razole Mandal, Dist. East Godavari, Andhra Pradesh</t>
  </si>
  <si>
    <t>HDFC Bank Ltd., First Floor, Shop No 2 &amp; 3, Bansal Plaza, Rajendra Nagar, Kaulagarh Road, Distt. Dehradun,  Uttarakhand</t>
  </si>
  <si>
    <t>HDFC Bank Ltd., Upper Grd. Floor, Shree Ram Tower, Part of Khasara No. 400, Main Road Deoria, Dist. Deoria, Uttar Pradesh</t>
  </si>
  <si>
    <t>HDFC Bank Ltd., Ground Floor, Khasra No.-448/6, Sai Complex, Main Road, Shivnandanpur, Bishrampur, Dist.-Surajpur, Chhattisgarh</t>
  </si>
  <si>
    <t>HDFC Bank Ltd., No - 10 / 2, Swathi Apartments, Ground Floor, Bazullah Road, T Nagar, Chennai</t>
  </si>
  <si>
    <t>HDFC Bank Ltd, 100 Feet Road ,Bathinda</t>
  </si>
  <si>
    <t>GROUND AND MEZZANINE FLOOR ,SHOP NO 8 9 10 TULIPS A-1 SUKHWANI CAMPUS VALLABH NAGAR PUNE</t>
  </si>
  <si>
    <t>HDFC Bank Ltd., Ground &amp; First Floor, Ward No 3 , Din Dayal Square, Nagpur Road, Waraseoni, Dist. Balaghat, Madhya Pradesh - 481331.</t>
  </si>
  <si>
    <t>HDFC Bank Ltd., Ground Floor, 1-FA, Scheme 94, Sector F (A), Bengali Square, Indore, Madhya Pradesh - 452016.</t>
  </si>
  <si>
    <t xml:space="preserve">HDFC Bank Ltd. Ground Floor, Opp Hirakud Police Station, Beside Krishna Mart, </t>
  </si>
  <si>
    <t>HDFC Bank Ltd., Khasra No-273, Grd. Floor, Main Rampur Road, Bilaspur, Dist. Rampur, Uttar Pradesh - 244921</t>
  </si>
  <si>
    <t>HDFC Bank Ltd., Grd. Floor, Kh. No. 58/359, Deval Chaur Kham, Rampur Road, Transport Nagar, Haldwani, Dist. Nainital, Uttarakhand</t>
  </si>
  <si>
    <t>HDFC bank ltd., 129-130, Ram Nagar Shopping centre, Shastri Nagar, near Kawantiya circle, Jaipur, Rajasthan</t>
  </si>
  <si>
    <t>HDFC Bank Ltd., Grd. Floor, 92, Ajabpur Khurd, Haridwar Bypass Road, Mothrowala, Dist. Dehradun, Uttarakhand</t>
  </si>
  <si>
    <t>HDFC Bank Ltd. GRD Floor, Adarsh Nagar New Colony, Nawa City, Nawa</t>
  </si>
  <si>
    <t>HDFC Bank Ltd., Grd. Floor, No : 1 A, Shop Nos. 7 &amp; 8, Jhaver Plaza, Nungambakkam High Road, Chennai, Tamil Nadu - 600034</t>
  </si>
  <si>
    <t>Ground Floor, Door No. 10-7-35/B, (Old D. No. 7-50/5), Plot No.2, Faizi Complex, Near Rural Police Station, Srinivasa Colony, Mahabubnagar, Telangana</t>
  </si>
  <si>
    <t>HDFC Bank Ltd.Ground Floor, Shree Bhawan, Mother Teresa Road, Narengi</t>
  </si>
  <si>
    <t>HDFC Bank Ltd. Ground Floor, Nirjuli Market, Opposite Police station, Papumpare, Arunachal Pradesh</t>
  </si>
  <si>
    <t>HDFC Bank Ltd Ground Floor A20 , 21 &amp; 22, The Sumel Business Park 3 , Opp. New Cloth Market , Sarangpur , Ahmedabad</t>
  </si>
  <si>
    <t>Ground Floor, 1-8-303/40, Ravi Plaza, PG Road, Sindhi Colony, Secunderabad, Telangana</t>
  </si>
  <si>
    <t xml:space="preserve">Ground Floor, Prime Arcade, 18th Rd, 2nd Phase Ananth Nagar, Bangalore , Karnataka </t>
  </si>
  <si>
    <t xml:space="preserve">HDFC Bank Ltd Ground Floor Shop No 1 and 2, Maher Homes, Opp Club O7, Shela, Ahmedabad </t>
  </si>
  <si>
    <t>HDFC Bank Ltd., GRD FLOOR SHOP NO 1 PLOT NO 616 VIDHYUT NAGAR A PRINCE ROAD JAIPUR </t>
  </si>
  <si>
    <t>HDFC BANK,Aum Shree, Plot No 28,Sect 04,Karanjade, Panvel</t>
  </si>
  <si>
    <t>HDFC Bank Ltd, Ground Floor, Jeet Plaza, Bilaspur Road, Near Fafadih Chowk, Dist. Raipur, Chhattisgarh</t>
  </si>
  <si>
    <t>HDFC Bank Ltd, Grd. floor Srivari Tower, 78-2 Nayak Layout,  J P Nagar 8th Phase, BK Circle, Kothnur, Bangalore</t>
  </si>
  <si>
    <t>Ground. Floor, Door No. 3-72, Machilipatnam Road, Near Indian Oil Petrol Bunk, Bantumilli, Krishna District, Andhra Pradesh</t>
  </si>
  <si>
    <t>#1-1-417&amp;418, First &amp; Second Floor, Vinayak Nagar, Nizamabad</t>
  </si>
  <si>
    <t>Ground Floor, 6-3-1090/B/5,  SPAN Solitaire Complex, OHUD, Beside Volkswagen Showroom, Somajiguda, Rajbhavan Road, Hyderabad, Telangan</t>
  </si>
  <si>
    <t>HDFC Bank Ltd., Grd. Floor, 1229/30/6, Mohalla Raghuraj Puri, Near Bhadawar House, Dist. Mainpuri, Uttar Pradesh</t>
  </si>
  <si>
    <t>No. 1-8-44-13-4, Ground Floor, Street No.11, Chikkadpally, Near Metro Station, Hyderabad, Telangana</t>
  </si>
  <si>
    <t>Ground Floor, D. No.50-753-177-E4, Near Gayathri Estates Circle, Maddur Nagar, Kurnool, Andhra Pradesh</t>
  </si>
  <si>
    <t>Grd. Floor, TMR Complex, D.No: 1-1-266, Bharat Nagar, Opp. MPDO Office, Naidupet, Andhra Pradesh</t>
  </si>
  <si>
    <t>HDFC Bank Ltd , Jain Complex ,Opp.KEB, Dam Road,  Vijayanagara Dist, Hospet,  Karnataka</t>
  </si>
  <si>
    <t>HDFC Bank Ltd., Grd. Floor, Plot No 3/226B (238A), Vishnupuri, Block East, Scheme 26, Near Nawabganj Police Station, Azad Nagar, Dist. Kanpur, Uttar Pradesh</t>
  </si>
  <si>
    <t>Grd. &amp; 1st Floor, Plot No. 13, Hemu Colony Chowk, Near Hanuman Mandir, Jaripatka, Nagpur, Maharashtra</t>
  </si>
  <si>
    <t>Ground Floor, Shop No.20 to 25, Survey No.22,
Rajveer Ratan Square, 59 Tonnu Complex, Ghugus, Chandrapur District, Maharashtra.</t>
  </si>
  <si>
    <t>Ground. Floor, H. No. 1-94/1/3, Manikonda Municipality, Plot No. 7 &amp; 8, Survey No. 198/2, Manikonda Jagir, Near Marrichettu, Hyderabad, Telangana</t>
  </si>
  <si>
    <t>Ground Floor, Vemagiri Junction, Dowleswaram,
East Godavari district, Andhra Pradesh</t>
  </si>
  <si>
    <t>Ground Floor,House No.WZ 405 A/2, Janak Park Hari Nagar, Clock Tower, Delhi 110064</t>
  </si>
  <si>
    <t>HDFC Bank Ltd., Grd. Floor, Shop No: 5 &amp; 6, Anam-1, Parimal Garden Cross Road, Dist. Ahmedabad, Gujarat</t>
  </si>
  <si>
    <t>HDFC Bank LTD., Ground Floor, At Post - Devrukh Main Road, New Modern School, Tal. Sangmeshwer,  Devrukh, Maharashtra</t>
  </si>
  <si>
    <t xml:space="preserve"> Grd. Floor, G-Square, Survey No. 79, Raidurg Panmaktha, Serilingampally, Hyderabad, Telangana</t>
  </si>
  <si>
    <t>HDFC BANK LTD, New No.5, Old No.19, 1st Floor, Vellalar Street, Kodambakkam, Chennai</t>
  </si>
  <si>
    <t xml:space="preserve"> HDFC Bank Ltd., Grd. Floor, Khasra No. 456, Custom Gate, Kotwali Road, Dist. Shivpuri, Madhya Pradesh</t>
  </si>
  <si>
    <t>HDFC BANK LTD,  GROUND FLOOR, SHOP NO 1, 2, 3, 15, 16,  LAKSH PLAZA, AMROLI,  SURAT, SURAT, GUJARAT</t>
  </si>
  <si>
    <t xml:space="preserve">HDFC Bank Ltd., Ground Floor, Khata No. 012, Satpuli Main Market, Satpuli Sain, Pauri, Uttrakhand </t>
  </si>
  <si>
    <t>HDFC Bank Ltd, Ground Floor, No211 , Ashoka Road, Mysore, Karnataka - 570001</t>
  </si>
  <si>
    <t>HDFC Bank Ltd., Khasra No. 1414/826, Ground Floor OMS Hotel, Main Bazaar Karsog, Mandi, Himachal Pradesh</t>
  </si>
  <si>
    <t>HDFC Bank Ltd., Ground Floor, AT/PO- Asanapat, Dist-Kendujhar, Odisha</t>
  </si>
  <si>
    <t>HDFC Bank Ltd., Ground Floor, Shanti Niketan, 2-CHA-1, Dadabari, Kota, Rajasthan - 324009.</t>
  </si>
  <si>
    <t>HDFC BANK LIMITED, GROUND FLOOR, LOCAL BODIES, DIRECTORATE, GOMTINAGAR EXT SEC 7, LUCKNOW, UTTAR PRADESH</t>
  </si>
  <si>
    <t>Ground Floor, Shop No-005, Shree Ratan Sharda Sadan, Main Gola Road, Danapur, Patan, Bihar</t>
  </si>
  <si>
    <t>Ground Floor, Rajeev Gandhi Seva Kendra, Penthapal Grama Panchayat, AT/PO-Penthapal, Via-Dandisahi, PS/ Block-Pattamundai, Dist- Kendrapara. Odisha</t>
  </si>
  <si>
    <t>Conscient One Mall, Sector-109,</t>
  </si>
  <si>
    <t>Showroom Part 1 Plot No.2 Ramdev Nagar, Near CB Petrol Pump, Taloda Road, Nandurbar , Maharashtra</t>
  </si>
  <si>
    <t>HDFC Bank Ltd. Ground Floor, Door No. 27/1/698, Besides SBI, Balaji Nagar, Revenue Ward No. 27, Main Road, Nellore, Andhra Pradesh - 524002.</t>
  </si>
  <si>
    <t>HDFC BANK LTD, GROUND FLOOR, WARD NO 5, MAIN ROAD, MORIGAON, MORIGAON, ASSAM</t>
  </si>
  <si>
    <t xml:space="preserve">	
HDFC Bank Ltd. UG-35,36,39, Orbit Mall, Scheme No. 54, PU-4, Near Malhar Mall, A.B. Road, Indore , Madhya Pradesh</t>
  </si>
  <si>
    <t>HDFC Bank Ltd, Ground Floor, Khasra No 2299/1752/1577/1 &amp; 2300/1752/1577/1, Main Bazaar, Ward No 11, VPO Shamti, Dist Solan, Himachal Pradesh - 173212</t>
  </si>
  <si>
    <t>Rainbow Arcade - 21-23 Thiyagaraya Road , Pondy Bazaar ,T Nagar, Chennai.</t>
  </si>
  <si>
    <t>HDFC Bank Ltd., Ground Floor Baheti Tower, Ausa Road Latur. Maharashtra</t>
  </si>
  <si>
    <t>HDFC Bank Ltd, Ground Floor, Jakhot, Patti Maniyar, Masssouri Road, Chamba, Tehri Garhwal, Uttarakhand</t>
  </si>
  <si>
    <t>HDFC BANK LTD Navodaya ward no.16, Patera Naka hatta Damoh M.P</t>
  </si>
  <si>
    <t xml:space="preserve">HDFC BANK LTD, NALLAGANDLA 2, Plot No-98, Navodaya Colony, Nallagandla, Kancha Gachibowli, Serilingampally Mandal, Hyderabad </t>
  </si>
  <si>
    <t>GROUND FLOOR, KAMINENI VR PLAZA, OPP TRAVELLERS BUNGALOW, MAIN ROAD, BESIDE KAMINENI HOSPITAL, KAIKALURU, KAIKALURU, ANDHRA PRADESH</t>
  </si>
  <si>
    <t xml:space="preserve">Ground Floor, R.K Avenue, Karaparamba, Near Govt. Homeopathic Medical College, Kozhikode, Kerala </t>
  </si>
  <si>
    <t>Secretariat Campus,  Dist. Jaipur, Rajasthan</t>
  </si>
  <si>
    <t>Ground Floor, Beside Victory Bazars, Door No:10-436, GNT Road NH-216, Jaggampeta, Jaggampeta Mandal, Dist. East Godavari,  Andhra Pradesh</t>
  </si>
  <si>
    <t>Ground Floor, H.NO:8-37/7/A, Opp. MRO Office, Ibrahimpatnam, Dist. Ranga Reddy, Telangana</t>
  </si>
  <si>
    <t>HDFC Bank Ltd., Ground Floor, D.No. 42/109- 6 to 10 , Sy No : 91/1 &amp; 752/2, Plot No. 14, RTC Bus Stand Road,  NGO Colony, Chinna Chowk, Cuddapah, Andhra Pradesh - 516002.</t>
  </si>
  <si>
    <t>HDFC Bank Ltd., First Floor, Thakur Hardware, Near Bus Stand, Chirgoan, Shimla, Himachal Pradesh </t>
  </si>
  <si>
    <t>HDFC Bank Ltd., Ground Floor, 33/2, Devarachikkanahalli, Bommanahalli Main Road, Bangalore, Karnataka - 560068.</t>
  </si>
  <si>
    <t xml:space="preserve">HDFC Bank Ltd., Ground Floor, 550/136, Hall Mark Tower, South Street, TTK Road, Sriram Nagar, Chennai, Tamil Nadu - </t>
  </si>
  <si>
    <t>HDFC Bank Ltd, Asha Avenue, MP Nagar Zone 1, Bhopal, Madhya Pradesh</t>
  </si>
  <si>
    <t>HDFC Bank Ltd, First Floor, Door No: 15/12-13, Opp State bank of India - Bazar Branch, Gudiwada Road, Main Road, Pedana, Krishna, Andhra Pradesh - 521366</t>
  </si>
  <si>
    <t>HDFC BANK LTD, GROUND FLOOR, D NO 2, 103, MAIN ROAD, J R PLAZA, KANKIPADU, VIJAYAWADA, ANDHRA PRADESH</t>
  </si>
  <si>
    <t>HDFC Bank Ltd., Ground Floor, Vinimay Commercial Complex, 16, Toran Bawari, Udaipole, Dist. Udaipur, Rajasthan</t>
  </si>
  <si>
    <t>HDFC Bank Ltd. Ground Floor, 6/1046, Jankipuram Extension, Lucknow, Uttar Pradesh</t>
  </si>
  <si>
    <t xml:space="preserve">HDFC Bank Ltd., Ground Floor, 42/8, Appaji Arcade, Perundhurai Main Road, Thindal, Erode, Tamil Nadu - </t>
  </si>
  <si>
    <t>HDFC Bank Ltd., Ground Floor, 344, Kamaraj Road, Thennampalayam, Tirupur, Tamil Nadu - 641604.</t>
  </si>
  <si>
    <t>HDFC Bank Ltd., Ground Floor, Unit No.5, ATL Corporate Park, Opp. Gate no 7, Saki Vihar Road, Powai, Mumbai, Maharashtra</t>
  </si>
  <si>
    <t>HDFC Bank Ltd., Ground &amp; first floor, Plot no 20, Nepathya, Gulmohar Road, Juhu, Mumbai, Maharashtra - 400049.</t>
  </si>
  <si>
    <t>HDFC Bank Ltd ,No.6/1176,Paramathi Road,Opp ATC BUS Depot, Namakkal</t>
  </si>
  <si>
    <t>HDFC Bank Ltd., Ground Floor, Door No.38/4077, M.M Building, H.S Junction, Near Changanpuzha Metro Station, Edapally, Dist. Ernakulam, Kerala`</t>
  </si>
  <si>
    <t>Ground Floor, Infront of Collectorate Office, Main Road, KH No. 578 P, Halka No. 013, B Village- Chitalanka, Dantewada, Chhattisgarh</t>
  </si>
  <si>
    <t xml:space="preserve">HDFC Bank Ltd., Ground Floor, Shop no.1-5, Nishant Plaza, Khasra no.15005/2,3,4, Beside Forest Depot, Sihawa Road, Sihawa Chowk, Dhamtari, Chhattisgarh </t>
  </si>
  <si>
    <t>HDFC Bank Ltd., Ground Floor, H.No 2-162/2/A, KB Chowk, Asifabad Komaram Bheem, Asifabad,  Telanagana - 504293.</t>
  </si>
  <si>
    <t>HDFC Bank Ltd., Ground Floor, 2154, B/7, Vyas Bhawan, Station Raod, Pipar, Jodhpur, Rajasthan - 342601.</t>
  </si>
  <si>
    <t>HDFC Bank Ltd., Ground Floor, Khasra No. -269, Near Nalapani Chowk, Shastradhara Road, Dehradun, Uttrakhand - 248001.</t>
  </si>
  <si>
    <t>HDFC Bank Ltd, Ground Floor, Rajendra Vihar Apartment, Block- D, Forest Park, Bhubaneswar, Khordha, Odisha - 751020</t>
  </si>
  <si>
    <t>HDFC Bank Ltd. Ground Floor, LIC Building,  Main Mandiya Road, Pali, Rajasthan</t>
  </si>
  <si>
    <t>Ground Floor, 308, Haridwar Road, Opp. SBM Shopping Complex, Rishikesh, Dehradun, Uttrakhand</t>
  </si>
  <si>
    <t>HDFC Bank Ltd., Ground Floor, D.No: 52- 1/10-1/2A. Vitanary Colony Service Road, Vijayawada, Andhra Pradesh - 520008.</t>
  </si>
  <si>
    <t>HDFC Bank Ltd., Ground Floor, D.No: 3-394, Gopi Krishna Complex, Avnigadda, Krishna, Andhra Pradesh - 521121.</t>
  </si>
  <si>
    <t>Ground Floor, Ganduri Building, 14th Line, 1st Cross Road, Arundalpet, Guntur</t>
  </si>
  <si>
    <t>GROUND FLOOR, NEAR TREASURY OFFICE, VPO &amp; TEHSIL-INDORA, DISTT-KANGRA (HP)</t>
  </si>
  <si>
    <t>Ground Floor, H.No: 11-1-20 to 32, Ramakrishna Plaza,  Chenchupet, Tenali, Guntur, Andhra Pradesh</t>
  </si>
  <si>
    <t xml:space="preserve"> G - 149, F -244, Sapphire 90, Sector 90, Gurugram, Haryana</t>
  </si>
  <si>
    <t>HDFC Bank Ltd., Ground Floor, 13-71, Kondepi Road, Tangutur, Andhra Pradesh - 523274.</t>
  </si>
  <si>
    <t>1st Floor, No.24, Sai Akshayam, Mullai nagar, Maruthamalai main road, Pappanaiken puthur, Coimbatore</t>
  </si>
  <si>
    <t>HDFC Bank Ltd., Ground Floor, NVK Layout, Tumkur Road, Pavgada, Karnataka - 561202</t>
  </si>
  <si>
    <t>H.No: 78-2-2, Plot No:105/P,  Block No:111, Old Syamalamba Temple Road, Rajahmundry, Andhra Pradesh</t>
  </si>
  <si>
    <t>HDFC Bank Ltd. Ground Floor, Plot No. 1, Laxmi Nagar, Hatwara Road, Opp. ESI hospital Road , Jaipur, Rajasthan</t>
  </si>
  <si>
    <t>HDFC Bank Ltd., Grd. Floor, 20, VE Road, Dist. Tuticorin, Tamil Nadu – 628002.</t>
  </si>
  <si>
    <t>HDFC Bank Ltd, Ground Floor, Raj Garh Road, Taranagar, Churu, Rajasthan - 331304</t>
  </si>
  <si>
    <t>HDFC Bank Ltd., Ground Floor, CM Road, Behind Bustand, K R Nagar, Mysore, Karnataka - 571602</t>
  </si>
  <si>
    <t>HDFC Bank Ltd, Ground Floor, A-6 , Anand Puram , P D Nagar Dist Unnao, Uttar Pradesh</t>
  </si>
  <si>
    <t>HDFC Bank Ltd., Plot No. 35, Chokri Haveli, Khatipura Road, Jaipur. 302012, Rajasthan.</t>
  </si>
  <si>
    <t>Ground Floor, D.No. 6-98/7, Near Durga Theater, Chandrampalem, Madhurawada, Dist. Visakhapatnam</t>
  </si>
  <si>
    <t>HDFC Bank Ltd, Block No 217-2,Plot No 13, Juna Yatra Maidan, Post Office Road, Mangrulpir - 444403</t>
  </si>
  <si>
    <t>HDFC Bank Ltd., Times Square II, Ground Floor, Shop No 5 &amp; 6, Nr. Ayodhya Chowk, 150 feet Ring Road, Rajkot, Gujarat</t>
  </si>
  <si>
    <t>Ground. Floor, Part of Khasara No 140, Vikas Road, Bhatni, Dist. Deoria, Uttar Pradesh</t>
  </si>
  <si>
    <t xml:space="preserve">HDFC Bank Ltd. Ground Floor C-10 Panchsheel Nagar Avas Yojna C - Block Ajmer Rajasthan </t>
  </si>
  <si>
    <t>HDFC Bank Ltd., Ground Floor, New administration Building, Beside Ekta Mall, Ekta Nagar, Taluka Garudeshwar, Dist Narmada</t>
  </si>
  <si>
    <t>HDFC Bank Ltd., Ground Floor, Sunder Plaza Market, Opp. Army Ground, Sri Hargobindpur - Hoshiarpur Road, Tanda Urmar, Dist. Hoshiarpur, Punjab - 144203.</t>
  </si>
  <si>
    <t>HDFC Bank Ltd., Ground Floor, Sy no 8C &amp; 8D, Nallapadu, Guntur, Andhra Pradesh - 522005.</t>
  </si>
  <si>
    <t>Ground Floor, Sy no 788/3, Podili Road, Darsi, Prakasam, Andhra Pradesh </t>
  </si>
  <si>
    <t>HDFC Bank Ltd., Ground &amp; First Floor, Shop No-8, Property Bearing No-58, Govind Nagar, Race Course, Dehradun, Uttrakhand - 248001.</t>
  </si>
  <si>
    <t>Ground Floor, H.No: 8-341/3, Ward No:08, Gandhi Road, Chittoor Town, Dist. Chittoor, Andhra Pradesh</t>
  </si>
  <si>
    <t>Udalguri Town, Ward No 2, Near Udalguri Post office, Dist- Udalguri, BTAD, Assam , Pin- 784509</t>
  </si>
  <si>
    <t xml:space="preserve">HDFC Bank Ltd, Laxmi Horizon,Shop No. 05 to 08, Bangalore - Mumbai Express Highway Punawale, Pune </t>
  </si>
  <si>
    <t>HDFC Bank Ltd, Ground Floor, Mantri Alpine, Behind Crystal Honda Showroom, Bawd​han Budruk, Tal Mulshi, Dist Pune.</t>
  </si>
  <si>
    <t>D.No-501/3,Ground Floor, Main Road, Opp Muntaj Hotel, Srungavarapukota Village, Dist. Vizianagaram, Andhra Pradesh</t>
  </si>
  <si>
    <t>Ground Floor No 763 , MTH Road , Thirumullaivoyal, Chennai, Tamil Nadu</t>
  </si>
  <si>
    <t>HDFC Bank Ltd.Mezz &amp; Grd Floor, Plot no 1 to 6/2, Near Patanjali, Vijaypur road, Jule Solapur, Near Dawat chowk, Dist Solapur, Maharashtra - 413004</t>
  </si>
  <si>
    <t>HDFC Bank LTD, Gr. Floor, holding 1294, Kumrakhali south, sonarpur station road, Soth 24 parganas</t>
  </si>
  <si>
    <t>House No 61,YogVihar Devpura, Haridwar, Uttarakhand,249401</t>
  </si>
  <si>
    <t>SCF 41, Sector 16 A,  Faridabad, Haryana</t>
  </si>
  <si>
    <t>Hdfc Bank Ltd,  Krishna Complex , Ground floor, Near GurudwaraSahib,  Village Dhanas, Chandigarh</t>
  </si>
  <si>
    <t>HDFC Bank Ltd. Ground Floor, Saini Pura, Main Old Jhajhar Road, Charkhi Dadri-2 Haryana</t>
  </si>
  <si>
    <t>Ground Floor, Kohinoor Complex, Khwaja Bagh- Zakura, Srinagar, Jammu &amp; Kashmir</t>
  </si>
  <si>
    <t xml:space="preserve">HDFC Bank Ltd., Ground Floor, Rapta Building , Sarswati Nagar, Sawra Tehsil- Jubbal, Sarswati Nagar, Dist. Shimla, Himachal Pradesh </t>
  </si>
  <si>
    <t xml:space="preserve">HDFC Bank Ltd,  Ground Floor, Shakuntlam Complex, Village Raboun, P.O Saproon Solan, Himachal Pradesh </t>
  </si>
  <si>
    <t xml:space="preserve">HDFC Bank Ltd., Ground Floor, Shop-1,2,3,4 , Aavas, Near Pattani Plaza, Devbaug Road, Vijayrajnagar, Bhavnagar, Gujarat - 364002
</t>
  </si>
  <si>
    <t>Ground Floor, H.No 7-111/1, Main Road, Opp. Union Bank, Mulugu Dist, Telangana</t>
  </si>
  <si>
    <t xml:space="preserve"> HDFC Bank Ltd, 2708, 2559, 2594 - Asava Ginning, Main Market, Bhokar, District Nanded </t>
  </si>
  <si>
    <t>HDFC Bank Ltd. Ground Floor, 814, Shivaji Nagar, Main Road, Opp. Panchayat Samiti Office, Dharmabad, Dist. Nanded, Maharashtra- 431809</t>
  </si>
  <si>
    <t>HDFC Bank Ltd., Grd. Floor, Hambran Road, Ladhowal, Dist. Ludhiana, Punjab - 141008.</t>
  </si>
  <si>
    <t>HDFC Bank Ltd., Ground Floor, H.No 18-8-233/120/A/8/B/, Opp.Drdo Township, Rakshapuram, Kanchanbagh, Hyderabad, Telangana - 500058.</t>
  </si>
  <si>
    <t>Business Bay, Shop Unit No. A1, A2, E Ward, Kolhapur Maharashtra</t>
  </si>
  <si>
    <t>HDFC Bank Ltd., Ground Floor, Khadarawadi Cross, Opp. Popular Construction, Khanapur Road, Udyambagh, Belgavi, Karnataka - 590008</t>
  </si>
  <si>
    <t>HDFC Bank Ltd.,
No. 50, Medavakkam Main Road, Kizhkattalai
Chennai</t>
  </si>
  <si>
    <t>Paradise Apartment, Ground Floor, Shibani Pith, 5 Kulpi Road, 	
South 24 Paraganas, West Bengal</t>
  </si>
  <si>
    <t xml:space="preserve">HDFC Bank Ltd , Ground Floor, Ruby Grand, No.G-A1, Agaram Main Road, Thiruvancherry, Chennai - </t>
  </si>
  <si>
    <t>HDFC Bank Ltd. Ground Floor, Ward No- 3, Paschim Para, Moranga Road, Mathabhanga, Dist. Cooch Behar, West Bengal</t>
  </si>
  <si>
    <t xml:space="preserve">HDFC Bank Ltd. Ground Floor, Holding: 171/69, Batar More, Jessore Road, Bongaon, North 24 Parganas </t>
  </si>
  <si>
    <t>Ground Floor Sita Ram Complex, East Gurhatta, Mirjanhat (opp KaliSthan Mandir)</t>
  </si>
  <si>
    <t>Ground Floor, Poddar Vihar Complex,137, VIP Road, Kolkata,Dist. North Twenty-Four Parganas</t>
  </si>
  <si>
    <t>Ground Floor, D.No., 28-5-157 (MIG - 42), 80 Feet Road, Opp. Punjab National Bank, Housing Board Colony, Anathapur, Andhra Pradesh</t>
  </si>
  <si>
    <t>HDFC Bank Ltd. Near Swayam Siddha Marriage Hall, In Front Of Mahavir Bastralaya, Old NH 6, BhatliChowk, Bargarh.</t>
  </si>
  <si>
    <t>No:112-17, 18 Ground Floor, Akshya Towers, Annur Main Road, Samalapuram, Tirupur</t>
  </si>
  <si>
    <t>HDFC Bank Ltd., Ground Floor, Dauji Road, Kote Gate, Near Do Peer, Bikaner, Rajasthan</t>
  </si>
  <si>
    <t>HDFC Bank Ltd, Ground Floor, No 154-160, SIDCO Main Road, MR Nagar, Kodungaiyur, Chennai, Tamil Nadu</t>
  </si>
  <si>
    <t>Ground Floor, Bellary Rd, Besides Bajaj Showroom, Uravakonda, Anantapur, Andhra Pradesh</t>
  </si>
  <si>
    <t>HDFC Bank Ltd., Ground &amp; First Floor, Shop No. 1 &amp; 2, Pushkar Apartments, Rameshwadi, Badlapur Gaon Road, Kulgaon, Badlapur West, Maharashtra - 421503.</t>
  </si>
  <si>
    <t>M.R. Plaza Near Jain PG college Near Shashtri Circle  Gangasahar Bikaner, Rajasthan</t>
  </si>
  <si>
    <t>Ground Floor, No.  3-8-1/3 &amp; 4, Near Asra Complex, Sadasivpet, Sangareddy District, Telangana</t>
  </si>
  <si>
    <t>HDFC Bank Ltd., Ground Floor, Majestic Tower, Main Road, Vengara Town, Malappuram, Kerala - 676304.</t>
  </si>
  <si>
    <t>HDFC Bank Ltd., Ground &amp; First Floor, Khasra No. 4221/3831/881, Chandel Medical Store, Anni, Kullu, Himachal Pradesh - 172026.</t>
  </si>
  <si>
    <t>HDFC Bank Ltd., P203,Suvidha Parisar, Officers Training Academy St. Thomas Mount, Chennai</t>
  </si>
  <si>
    <t>HDFC Bank Ltd., Ground Floor, Plot no: 2 to 14,  Darga Road,Zamin Pallavaram, Chennai , Tamil Nadu</t>
  </si>
  <si>
    <t>No 35, Ground Floor,Pollachi Main Road,Malumichampatti, Coimbatore</t>
  </si>
  <si>
    <t>HDFC Bank Ltd, Near Bus Stand, Rishabhdeo, Dist.Udaipur, Rajasthan -313802.</t>
  </si>
  <si>
    <t>Plot No G-9, Janpath, Shyam Nagar, Jaipur, Rajasthan</t>
  </si>
  <si>
    <t>HDFC Bank Ltd , No 138/2, Mangadu Kundrathur  Main Road,  Mangadu, Chennai, Tamil Nadu</t>
  </si>
  <si>
    <t>Nikhil Residency, Near Savari mantapa Subramanya Post Kadaba Karnataka</t>
  </si>
  <si>
    <t>HDFC Bank Ltd., 1st Floor, 171, Vasant Vihar, Anurag Chowk, Opp. Pacific Estate, Dist. Dehradun, Uttarakhand</t>
  </si>
  <si>
    <t>HDFC Bank Ltd., Ground Floor, 15/114, Main Road, Parthibanoor Rastha, Manamadurai, Sivagangai,Thiruvallur, Tamil Nadu - 630606.</t>
  </si>
  <si>
    <t>HDFC Bank Ltd., No.7, Kala Towers, Imperial Road, Cuddalore OT,  Cuddalore, Tamil Nadu</t>
  </si>
  <si>
    <t xml:space="preserve">HDFC Bank Ltd., Ground Floor, 38, Main Road, Jagram Market, Khasra No. 365, Village Salarpur Khadar, Bhangel, Noida, Gautam Budh Nagar, Uttar Pradesh - </t>
  </si>
  <si>
    <t>HDFC Bank Ltd., Ground Floor, Shop 1 to 5, Vanita Complex, Opp. Rameshwar Petrol Pump, Somnath Road, Veraval, Gujarat</t>
  </si>
  <si>
    <t>No.G-13, First Main Road, Ambattur Industrial Estate</t>
  </si>
  <si>
    <t>HDFC Bank Ltd., Ground Floor, Near Mathura Palace, Bayana-Baseri Road, Bari ( Dist Dholpur ) Rajasthan</t>
  </si>
  <si>
    <t>HDFC Bank Ltd., Ground Floor, 10/963, Arangottil Building, Mannarkkkad Road, Near Alsalama Eye Hospital, Perinthalanna, Malappuram, Kerala - 679322</t>
  </si>
  <si>
    <t>HDFC Bank Ltd, Ground Floor, SCO 52, Sector 91, SAS Nagar (Mohali)</t>
  </si>
  <si>
    <t>Upper Ground Floor Khasara no. 99Sa Village Raipur IIM Road</t>
  </si>
  <si>
    <t>HDFC Bank Ltd, Ground Floor, Vill Gobindabasan, Digha, Mohana Coastal, Purba Medinipur, West Bengal - 721428</t>
  </si>
  <si>
    <t>HDFC Bank Ltd., Ground Floor, #27, Dollars Colony, 1st Main Road, Nandini Layout, Bangalore, Karnataka - 560096</t>
  </si>
  <si>
    <t>HDFC Bank LTD, Bhagat Niwas, Opposite Jindal Mansion, Peddar Road, Mumbai</t>
  </si>
  <si>
    <t>Ground Floor ,Sphatika Plaza ,Kuchoor Road Hebri ,Karnataka</t>
  </si>
  <si>
    <t>HDFC Bank Ltd. Ground Floor, Door No. 4-1B, MA.PO.C Street, Old Byepass Road, Thottapalayam, Vellore</t>
  </si>
  <si>
    <t xml:space="preserve">HDFC Bank Ltd., Grd. Floor, T15/361, DHAB KHATIKIAN OPP. HINDU SCHOOL &amp; COLLEGE DISTT AMRITSAR PUNJAB </t>
  </si>
  <si>
    <t>Ground Floor, Plot No. 108,109,110, B.K Kaul Nagar, Ajmer, Rajasthan</t>
  </si>
  <si>
    <t>No. 10 &amp; 10 A Ground Floor, Sithi Vinayagar Kovil Street, Rameswaram, Tamil Nadu</t>
  </si>
  <si>
    <t>TC 1/5350(1) Alathara Towers, Ground  Floor,NH21, Kazhakkoottam, Thiruvananthapuram</t>
  </si>
  <si>
    <t>N0.1, Sri Venkateshwara Lodge Building, Therpatti, Thimmapuram Post, Kaveripattinam.</t>
  </si>
  <si>
    <t>Ground Floor, 2581/10/A, Plot No 871 R.K.Road, Industrial Area, Cheema Chowk, Ludhiana, Punjab</t>
  </si>
  <si>
    <t>Ground Floor, #2110, Plot No. 15 &amp; 16, Haabia Business Park, B Block, Autonagar, Gajuwaka, Dist. Visakhapatnam, Andhra Pradesh</t>
  </si>
  <si>
    <t>Ground Floor, 14-122, Main Road, Devarapalli, Dist. West Godavari, Andhra Pradesh.</t>
  </si>
  <si>
    <t>HDFC Bank Ltd., Ground floor, SF.NO.353, Vaikatu Thottam,  Kongu Nagar, Vellakovil main road, Mulanur, Tiruppur, Tamilnadu</t>
  </si>
  <si>
    <t>HDFC Bank Ltd., Grund Floor, Ground Shop No:1 to 4, Jade Square, Urmi Coop Housing Society, Akota, Vadodara, Gujarat - 390020.</t>
  </si>
  <si>
    <t>Ground Floor, Kisan Colony, Nawalgarh Road, Sikar, District Sikar, Rajasthan</t>
  </si>
  <si>
    <t>HDFC BANK LTD.Shop No.3, Ground Floor, Daffodils Avenue, Besides Zydus Research Center, Changodar-Moraiya Road, Ahmedabad</t>
  </si>
  <si>
    <t>Ground Floor, Plot No. 172 &amp;173 ,Opp Brilliant Convention Centre, Sch No 113 , Main Road , Indore . Madhya Pradesh</t>
  </si>
  <si>
    <t xml:space="preserve"> Shop No: 44 to 49, 1st Floor, Sri Sidda Ramappa Shopping Complex, Srisailam, Dist Kurnool, AP</t>
  </si>
  <si>
    <t xml:space="preserve">HDFC Bank Ltd. Ground Floor, Ispat Residency. Beside Maruti Suzuki True Value, Kathal More Road, Pundag </t>
  </si>
  <si>
    <t>Sri Sai Tower,#175,Bharathi Colony,Peelamedu,Coimbatore,Tamilnadu-641 004.</t>
  </si>
  <si>
    <t>HDFC Bank Ltd, Ground Floor, GJR Centre, 56-2-14/1, Pantakaluva Road, Patamata, Vijaywada, Andhra Pradesh - 520010</t>
  </si>
  <si>
    <t>HDFC Bank Ltd., Ground Floor, 232,East Veli Street,Madurai,TAMIL NADU</t>
  </si>
  <si>
    <t>Ground Floor, 6-55-43, Bheemli Road, Tagarapuvalasa, Visakhapatnam</t>
  </si>
  <si>
    <t>HDFC Bank Ltd, Ground Floor, 325, Kamarajar Road, Varadharajapuram, Uppilipalayam, Coimbatore, Tamil Nadu - 641015</t>
  </si>
  <si>
    <t>Sundar Tower, No.36/1, Salai Road, Tiruchirappalli</t>
  </si>
  <si>
    <t>No. 412 - 416, DB Road, Rs Puram, Coimbatore,</t>
  </si>
  <si>
    <t>HDFC Bank Limited, Holi Tiba Road , Ground Floor , Khasra number 890, Ward number 5, Tijara, District Alwar., Rajasthan</t>
  </si>
  <si>
    <t>Grd. Floor, Khasra 82/2, Opp. Rahul Honda Agency, Malhar Road, Masturi, Dist. Bilaspur, Chhattisgarh</t>
  </si>
  <si>
    <t>4/6 4/8 4/9, Ground Floor, Dewas Naka,Indore, Madhya Pradesh</t>
  </si>
  <si>
    <t>HDFC Bank Ltd. Ground Floor, NH-34, Plot No. 159,Mithapur, Dalkhola, Dist: Uttar Dinajpur, West Bengal</t>
  </si>
  <si>
    <t>HDFC Bank Ltd., Ground Floor, No. 246/247, Sri Rama Nilaya, Hegganahalli Main Road, Opp. Aadishwar, Bangalore, Karnataka - 560091</t>
  </si>
  <si>
    <t>HDFC Bank Ltd, 293, Hiran Magri Sector 14, Near CA Circle, Udaipur, Rajasthan – 313002</t>
  </si>
  <si>
    <t>HDFC Bank Ltd. MIG 3 , Mahabaleshwar Annexe, Navanagar Main Road, Hubli</t>
  </si>
  <si>
    <t>HDFC Bank Ltd., Ground Floor, Wabins Commercial Complex, Main Road Cheruvathur, Dist. Kasaragod, Kerala - 671313</t>
  </si>
  <si>
    <t>HDFC Bank Ltd.,Krishna Offset 307-12-A opp Telephone exchange, Makarpura GIDC Vadodara,  Gujarat</t>
  </si>
  <si>
    <t>HDFC Bank Ltd, 250-1, Avinashi Road,Opp To Govt HSC School, Annur, Tamilnadu</t>
  </si>
  <si>
    <t>HDFC Bank Ltd., Ground Floor, P-39/1, Sanjay Nagar, Dist. Ghaziabad, Uttar Pradesh</t>
  </si>
  <si>
    <t>Upper Ground Floor, Patil Plaza, Near SBI Bank, Near Old Bus Stand, Chakur, Dist.-Latur</t>
  </si>
  <si>
    <t>HDFC Bank Ltd, Ground Floor, Gata No. 484-1 and 484-2, Village-Kathauli,Pargana-Khairagarh, Meja Road,  Meja Khas, Prayagraj, Uttar Pradesh</t>
  </si>
  <si>
    <t>No. R-32, TNHB Complex,  1st Main Road, T S Krishna Nagar, J J Nagar, Mogappair, 
Chennai</t>
  </si>
  <si>
    <t>Cheeka Road, Balbera, Patiala , Punjab</t>
  </si>
  <si>
    <t>HDFC Bank Ltd., 87 DCM, Tagore Nagar , Ajmer Road, Jaipur, Rajasthan 302021</t>
  </si>
  <si>
    <t>Ground and 1st Floor,A-6-2, Road No. 1,Near Sonu Monu Complex, Jhunjhunu</t>
  </si>
  <si>
    <t>A45 Ground &amp; First Floor Mahaveer Marg Sanjeet Road Mandsaur, District Mandsaur, Madhya Pradesh 458001</t>
  </si>
  <si>
    <t>HDFC Bank Ltd, Ground Floor, No42 (Plot No 9/1), First Main Road, New Colony, Chromepet, Chennai, Tamil Nadu - 600044</t>
  </si>
  <si>
    <t>HDFC Bank Ltd., AS03 A103, NAZARENE APTS. UPPER KHARODI MALAD WEST MUMBAI</t>
  </si>
  <si>
    <t>Ground Floor ,Tesna Tower,Door No 98C &amp;98D, Near Police Station ,Mukkom ,Calicut.</t>
  </si>
  <si>
    <t>Ground floor Plot no 3 Gopi Vihar Barkat Nagar, Jaipur</t>
  </si>
  <si>
    <t>B-46,Sector-J Aliganj Opp. Mr Brown Bakery Lucknow</t>
  </si>
  <si>
    <t>HDFC Bank Ltd, Ground Floor, Shop No. 11 &amp; 12, Lodha Amara, Kolshet Road, Opposite Sandozbaug Post Office.</t>
  </si>
  <si>
    <t>HDFC Bank Ltd., VPO Jhunir, Mansa-Sardulgarh Road, District Mansa</t>
  </si>
  <si>
    <t>HDFC Bank Ltd., Upper Grd. Floor, Jawala Market, Near Shiv Mandir, Ward No. 10, Piro-Sasaram Main Road, Piro, Dist. Bhojpur, Bihar</t>
  </si>
  <si>
    <t>HDFC Bank Ltd, Ground Floor, DNo 8-1-40 / A/ 13/A, 7 Tombs Road, Tolichowki, Hyderabad, Rangareddy, Telangana - 500008</t>
  </si>
  <si>
    <t>HDFC Bank Ltd., Ground Floor, Choudhary Comples, New Civil Lines, Near Circuit House, Bharatpur ( Dist Bharatpur )</t>
  </si>
  <si>
    <t>HDFC Bank Ltd. Shop No.9A ,10,11 Sanskruti Splendor ,Near Gokul Anand Hotel, Shiv Vallabh Road ,AshokVan Dahisar East Mumbai, Maharashtra</t>
  </si>
  <si>
    <t>HDFC Bank Ltd., Ground Floor, AH-50,80 ft Road, Near City Centre, Mahaveer Nagar, Barmer</t>
  </si>
  <si>
    <t>HDFC Bank Ltd, Ground Floor, Mount Peasant, 8-2-249, Road No 3, Banjara Hills, Hyderabad, Telangana - 500034</t>
  </si>
  <si>
    <t>11K/9-1, ST Thomas Road, AR Line, Palayamkottai, Tirunelveli</t>
  </si>
  <si>
    <t>Potheri, SRM Nagar, Kattankulathur, Chennai,Tamil Nadu</t>
  </si>
  <si>
    <t>HDFC Bank Ltd., Ground Floor, Khata No. 00028, Village Baikunthpur, Post Narayanpur, Pargana - Bhuili, Tehsil - Chunar, Dist. Mirzapur, Uttar Pradesh.</t>
  </si>
  <si>
    <t>No.17-77,G3-G4, Ground Floor ,Donnington Road- Kotagiri, The Nilgiris, Tamil Nadu</t>
  </si>
  <si>
    <t>B-1, Ground Floor, Patrakar Colony , Mansarovar , Jaipur</t>
  </si>
  <si>
    <t>HIG - Plot no 4, Dev Ghat,Jhalwa, Prayagraj, UP - 211012</t>
  </si>
  <si>
    <t>S-79 &amp; S-80, Indraprastha Industrial Area, Road No. 6, Opp. Bhamashah Mandi, Kota, Rajasthan - 324003.</t>
  </si>
  <si>
    <t>First Floor, Block No : 3, (SF No:470 &amp; 471),
Slight Opp to Water Tank, Sathyamangalam Main Road, Ramakrishnapuram, Coimbatore, Tamil Nadu.</t>
  </si>
  <si>
    <t>VPO Bungal, Badhani Square, Near Petrol Pump, Dalhousie Road,  Dist. Pathankot, Punjab</t>
  </si>
  <si>
    <t>Ground Floor,Vishram Vatika,Pilani Loharu Road</t>
  </si>
  <si>
    <t>HDFC Bank Ltd., Ground Floor, Hotel Metro Park Inn, # 1000, Raja Street, Town Hall, Coimbatore, Tamil Nadu - 641001</t>
  </si>
  <si>
    <t>HDFC Bank Ltd., Ground Floor, KRB Paradise,KH no-118, Clement Town More, Saharanpur Road, Opp. Raja Ram Mohan Roy School, Dehradun, Uttrakhand - 248002.</t>
  </si>
  <si>
    <t>HDFC Bank Ltd., Ground Floor, Trinity Public School, Chail Chowk, Chachyot, Dist. Mandi, Himachal Pradesh - 175045</t>
  </si>
  <si>
    <t>HDFC Bank Ltd., Ground Floor, Part Of Gata No-1361,Rajapur Chauraha , Village Rajapur, Behraich Road, Kheri Uttar Pradesh.</t>
  </si>
  <si>
    <t>75, Shakespears Sarani, Kolkata, West Bengal, Pin - 700017</t>
  </si>
  <si>
    <t>Ground and 1st Floor, Derik Junction No.373-A3, K. P. Road, Ebhiron Buildings, Nagercoil, Kanyakumari, Tamil nadu</t>
  </si>
  <si>
    <t>HDFC Bank Ltd., 4, Haridoss Main Road, Paper Mills Road, Peravallur, Chennai, Tamil Nadu</t>
  </si>
  <si>
    <t>Ground Floor, Dariyav Complex, Mandi Road, Nagaur, Rajasthan</t>
  </si>
  <si>
    <t>Mata ji Road, Lalsot -Kota Mega Highway, Indergarh, Dist Bundi, Rajasthan,  Pin- 323613.</t>
  </si>
  <si>
    <t>HDFC Bank Ltd., Shankar Colony, Opposite District Collectorate, Bari Road, Dholpur</t>
  </si>
  <si>
    <t>HDFC Bank Ltd. Upper Ground Floor, Multi Use Site , PUDA Enclave - 1, Near Mini Secretariat, Patiala, Punjab - 147001</t>
  </si>
  <si>
    <t>Ground floor, New Gulmohar CHS, Ramwadi, Karpewada,Parnaka, Vasai W, Tal : Vasai, Dist : Palghar, Pin - 401201</t>
  </si>
  <si>
    <t>Grd. Floor, Survey No. 83/A &amp; 83/AA, Narayanpet X Road, Makhtal, Dist., Telangana</t>
  </si>
  <si>
    <t>HDFC Bank Ltd, Ground Floor, Survey No 241/P, Skyila Apartment, Puppalaguda Narsingi Road, Puppalaguda Rajendra Nagar Mandal, Rangareddy, Hyderabad, Telangana - 500089</t>
  </si>
  <si>
    <t>HDFC Bank Ltd, Plot No.872, Ground Floor, Tamilnadu Housing Board, Kakkalur-Avadi Bypass Road, Kakkalur, Thiruvallur</t>
  </si>
  <si>
    <t>Door No. 12, Ganesh garden, Sathy Main Road, Kovilpalayam, Coimbatore</t>
  </si>
  <si>
    <t>Ground floor, Indo Arcade , Cherooty Road Branch , Kozhikode , Kerala</t>
  </si>
  <si>
    <t>17-656 to 659,Ground Floor, Guru Complex, Ayalur Road, Nemmara</t>
  </si>
  <si>
    <t>HDFC Bank Ltd., Ground &amp; First Floor, Near Santoshi Mandir Ahiwara, Kumhari Road, Ahiwara, Dhamdha, Dist. Durg, Chhattisagrh - 490036.</t>
  </si>
  <si>
    <t>HDFC Bank Ltd. Ground Floor, At- Braja Nagar, First Lane, Luchapada Road, Near Radio Station, Brahmapur, Dist. Ganjam, Odisha</t>
  </si>
  <si>
    <t>HDFC Bank Ltd, Ground Floor, No.1, Krishnapuram Main Road , Tirunindravur, Tamil Nadu</t>
  </si>
  <si>
    <t xml:space="preserve">Ground Floor,Next to Indusind Bank,By Pass Chowk, Latehar, Jharkhand </t>
  </si>
  <si>
    <t>HDFC Bank Ltd, Ground Floor, Infront of Ravan Bhatha, Nagri, Dist. Dhamtari, Chhattisgarh</t>
  </si>
  <si>
    <t>HDFC Bank Ltd, Ground Floor Plot No 623 &amp; 624, Maharajganj Road, Gulariha , District Gorakhpur, Uttar Pradesh</t>
  </si>
  <si>
    <t>HDFC Bank Ltd. Lalita Marraiage Hall, Near Hanuman Mandir,  Dhaiya, Dist. Dhanbad, Jharkhand</t>
  </si>
  <si>
    <t xml:space="preserve">HDFC Bank Ltd,Ground Floor ,43 A South Masi Street, Madurai </t>
  </si>
  <si>
    <t>HDFC Bank Ltd., Ground Floor, Ward No.83, 5th Main Cross, Khata No.115, Channasandra, Bangalore, Karnataka - 560066</t>
  </si>
  <si>
    <t>HDFC Bank Ltd, Ground Floor, Ward No 19, Near Atmaram Chatrawas, City Bus Stand Reengus, Sikar, Rajasthan</t>
  </si>
  <si>
    <t>HDFC Bank Ltd., 164A/4/2 Prince Anwar Shah Road. Ground Floor. Lake Gardens. Kolkata</t>
  </si>
  <si>
    <t>HDFC Bank Ltd,Ground Floor ,2/3, GV Tower, Melakkal Main Road, Kochadai, Near Passport Office,Madurai- 625016</t>
  </si>
  <si>
    <t>GROUND FLOOR,  PLOT NO.-676/1249, JAYASREE CINEMA HALL ROAD, CHATRAPUR,  GANJAM,  ODISHA., CHHATRAPUR, ODISHA</t>
  </si>
  <si>
    <t>GROUND FLOOR, OPP. MINOR IRRIGATION OFFICE, DIST-SAMBALPUR, KUCHINDA, ODISHA</t>
  </si>
  <si>
    <t xml:space="preserve">HDFC Bank Ltd. Ground Floor, Sai Complex, Near Gurapalli Toll gate Srikrushnasaranpur </t>
  </si>
  <si>
    <t>HDFC BANK LTD, BHANDARY HEIGHTS G6,  GROUND AND 1ST, KOTTARA CHOWKI, MANGALORE, KARNATAKA</t>
  </si>
  <si>
    <t>GROUND FLOOR, L P TOWER, MERCY COLLEGE ROAD, CHAKKANTHRA, PALLIPPURAM P O, PALAKKAD, PALAKKAD, KERALA</t>
  </si>
  <si>
    <t>GROUND FLOOR, TARUN VALLEY, KWARASI,  RAMGHAT ROAD, ALIGARH - UTTAR PRADESH, ALIGARH, UTTAR PRADESH</t>
  </si>
  <si>
    <t>HDFC BANK LTD, NEAR SHRI GURU ANGAD, DEV SCHOOL VILLAGE, LASHKARI NANGAL, PO GURU KA BAGH TEHSIL AJNALA., AMRITSAR, PUNJAB</t>
  </si>
  <si>
    <t>HDFC BANK LTD., DOOR N.7/36B 5AND 6, GROUND FLOOR,  PRAJWAL COMPLEX, MAIN ROAD,  RAM NAGAR,  BELTHANGADY, BELTHANGADY, KARNATAKA</t>
  </si>
  <si>
    <t>D-37,  GROUND FLOOR, AJAY ENCLAVE,  SUBHASH NAGAR, NEW DELHI, DELHI, DELHI</t>
  </si>
  <si>
    <t>NEAR SHAH SATNAM JI, SPECIALITY HOSPITALS, GROUND FLOOR, KILLA NO -1,  VILL NEZIA KHERA, SIRSA, HARYANA</t>
  </si>
  <si>
    <t>HDFC BANK LTD., VILLAGE - KAMBALA, P.O. DHARAMGARH,  TEHSIL MOHALI, MOHALI, PUNJAB</t>
  </si>
  <si>
    <t>GROUND FLOOR,  RAJ BHAWAN, SHANKARGARH KOTHI,  SHANKARGARH, DIST - ALLAHABAD,  UTTAR PRADESH., SHANKARGARH, UTTAR PRADESH</t>
  </si>
  <si>
    <t>HDFC BANK LTD,  WARD NO 1,  , SITARGANJ ROAD,  KHATIMA DISTT, UDHAM SINGH NAGAR,  UTTARAKHAND, KHATIMA, UTTARAKHAND</t>
  </si>
  <si>
    <t>GROUND FLOOR,  BARGAD MAGATH, AWASTHI BHAWAN,  OPP RAILWAY STATION, SITAPUR ROAD, BAKSHI KA TALAB, LUCKNOW, UTTAR PRADESH</t>
  </si>
  <si>
    <t>GROUND FLOOR,  PLOT NO: 129, SREENIDHI BUILDING,  CYBERABAD, OPP., CARE HOSPITALS, GACHIBOWLI, HYDERABAD, TELANGANA</t>
  </si>
  <si>
    <t>GROUND FLOOR,  DOOR NO 4/467, MAPRANI HOUSE,  MAIN ROAD, NEAR MARGIN FREE SUPER MARKET, THRISSUR, KERALA</t>
  </si>
  <si>
    <t># GROUND FLOOR,  OPP TCS BUILDING, MAIN ROAD, ADIBATLA, IBRAHIMPATNAM (MD), DIST RANGA REDDY, RANGA REDDY, TELANGANA</t>
  </si>
  <si>
    <t>H.NO. 13-32, BESIDE SAI BABA TEMPLE, MAIN ROAD,  NAKREKAL, NAKREKAL, TELANGANA</t>
  </si>
  <si>
    <t>IN FRONT OF SBI BANK, KHARGONE ROAD,  SANAWAD, MADHYA PRADESH, SANAWAD, MADHYA PRADESH</t>
  </si>
  <si>
    <t>PLOT NO- 2,  LALA LAJPAT RAI NAGAR, BAJAJ TOWER- ASHOKA GARDEN, BHOPAL, BHOPAL, MADHYA PRADESH</t>
  </si>
  <si>
    <t>7 RANI BAGH MAIN ROAD, KHANDWA ROAD, INDORE (M.P), INDORE, MADHYA PRADESH</t>
  </si>
  <si>
    <t>GROUND FLOOR, A-8, KESHAV VIHAR COLONY, IN FRONT OF POLICE STATION, KESHORAIPATAN, RAJASTHAN</t>
  </si>
  <si>
    <t>HDFC BANK LTD,  OLD MOTOR MARKET, KOTA-BARAN ROAD,  ANTAH, DISTRICT- BARAN,  RAJASTHAN, ANTAH, RAJASTHAN</t>
  </si>
  <si>
    <t>KHASRA NUMBER 259, VILLAGE TATARPUR, TEHSIL TIJARA,  ALWAR, BHIWADI, RAJASTHAN</t>
  </si>
  <si>
    <t>GROUND FLOOR,  HOTEL GOVINDAM, IN FRONT OF BUS STAND,  KHERLIGANJ, DISTRICT - BARAN,  RAJASTHAN, BARAN, RAJASTHAN</t>
  </si>
  <si>
    <t>GROUND FLOOR SHREE THAKOR BHAI, MITHAWALA MARKET SAHARA DARWAJA, CHAR RASTA RING ROAD SURAT, SURAT, GUJARAT</t>
  </si>
  <si>
    <t>HDFC BANK LTD., GROUND FLOOR, OPERA DREAM, NEAR BALAJI HALL, 150FT RING ROAD, RAJKOT, GUJARAT</t>
  </si>
  <si>
    <t>HDFC BANK LTD, TINPULWA CHOWK, LALGANJ, VAISHALI, LALGANJ, BIHAR</t>
  </si>
  <si>
    <t>HDFC BANK LTD ,  SUMAN HOTEL BLDG., GT ROAD,  PO SARASA PAHARI, CHIRKUNDA,  DHANBAD., DHANBAD, JHARKHAND</t>
  </si>
  <si>
    <t>FIRST FLOOR, "DULARI COMPLEX",  ZEROMILE, AKHARA GHAT ROAD, MUZAFFARPUR, BIHAR</t>
  </si>
  <si>
    <t>D.NO 2-46-27, PRAGATHI COLLEGE ROAD, VENKAT NAGAR, EAST GODAVARI DIST, KAKINADA, ANDHRA PRADESH</t>
  </si>
  <si>
    <t>HARIOM COMPLEX, ADARSH NAGAR CHOWK, SAMASTIPUR MOHANPUR ROAD, SAMASTIPUR, SAMASTIPUR, BIHAR</t>
  </si>
  <si>
    <t>HDFC BANK LTD, SCF 17 SECTOR 19-D, CHANDIGARH UT, CHANDIGARH, CHANDIGARH</t>
  </si>
  <si>
    <t>NO 49 MOUNT POONAMALLEE, TRUNK ROAD, KATTUPAKKAM CHENNAI, CHENNAI, TAMIL NADU</t>
  </si>
  <si>
    <t>D NO 17-1-48, GANNABATHULA VARI STREET, POLICE BOMMA CENTRE, BHIMAVARAM, ANDHRA PRADESH</t>
  </si>
  <si>
    <t>HDFC BANK LTD., KHASRA NO 895,  , VILLAGE &amp; NAGAR PANCHYAT - KOPAGANJ, TEHSIL &amp; DIST - MAUNATH BHANJAN, KOPAGANJ, UTTAR PRADESH</t>
  </si>
  <si>
    <t>HDFC BANK LIMITED,  SCO NO 104 , SECTOR 09A ,  HUDA MARKET, GURGAON,  HARYANA, GURGAON, HARYANA</t>
  </si>
  <si>
    <t>HDFC BANK LTD.,  CREATIVE IND.ESTATE, N. M. JOSHI MARG, MUMBAI., MUMBAI, MAHARASHTRA</t>
  </si>
  <si>
    <t>GROUND FLOOR,  A 13, SWASTHYA VIHAR, OPPOSITE PREET VIHAR METRO, PILLAR 83,  DELHI, DELHI, DELHI</t>
  </si>
  <si>
    <t>DOOR NO:18/833-837,  GROUNDFLOOR, PEEKAYS ARCADE, DOWNHILL,  MALAPURAM., MALAPURAM, KERALA</t>
  </si>
  <si>
    <t>BUILDING NO. 103, WARD NO. 1, GROUND &amp; 1ST FLOOR, ANANDILAL PARIKH MARG, COLLEGE ROAD, JHABUA, MADHYA PRADESH</t>
  </si>
  <si>
    <t>NO.4/217 A, FIRST FLOOR, JEEVA TOWER, OMR ROAD, OPP TO SRINIVASA APARTMENT, SIRUSERI,  CHENNAI, CHENNAI, TAMIL NADU</t>
  </si>
  <si>
    <t>RRC 270 K,  MUTHUKANNU COMPLEX, THIRUNAGAR 1ST STOP, THIRUNAGAR, MADURAI, TAMIL NADU</t>
  </si>
  <si>
    <t>HOTEL KRISHNA PALACE, NEAR PAWAN DHAM,  UDAIPUR ROAD, FATEHNAGAR,  DIST UDAIPUR, FATEHNAGAR, RAJASTHAN</t>
  </si>
  <si>
    <t>GROUND FIRST &amp; SECOND FLOOR, SHOP NO. 35, 36 &amp; 37, COLLAGE ROAD ,  DISTRICT - JHUNJHUNU, NAWALGARH, RAJASTHAN</t>
  </si>
  <si>
    <t>NEAR SACHAWAT VATIKA, MAIN ROAD,  SAGWARA, DIST DUNGARPUR,  RAJASTHAN, SAGWARA, RAJASTHAN</t>
  </si>
  <si>
    <t>GROUND FLOOR,  NEAR PNB, MOHALLA BABUNAGAR, FARUKHABAD ROAD,  JALALABAD, JALALABAD, UTTAR PRADESH</t>
  </si>
  <si>
    <t>GROUND FLOOR, KHASRA NO. 346, EXTENDED LAL DORA, BIJWASAN MAIN ROAD,  NEW DELHI, NEW DELHI, DELHI</t>
  </si>
  <si>
    <t>BALA WALI CHOWK, NEAR SOCIETY ROAD,  TEHSIL-LAKSAR, DISTT- HARIDWAR,  UTTRAKHAND, HARIDWAR, UTTARAKHAND</t>
  </si>
  <si>
    <t>GROUND FLOOR, GREEN CITY MITHAPUR ROAD, ALIPUR TEHSIL AND DISTT JALANDHAR, JALANDHAR, PUNJAB</t>
  </si>
  <si>
    <t>HDFC BANK LTD, HOUSE NO 113,  WARD NO 11, DIST GHAZIPUR, GHAZIPUR, UTTAR PRADESH</t>
  </si>
  <si>
    <t>GROUND FLOOR, PADMAVATI COMPLEX, CSN 656/57, JUNI PETH, GANDHI CHOWK, LONAND, LONAND, MAHARASHTRA</t>
  </si>
  <si>
    <t>HDFC BANK LTD, URMILA COMPLEX, TC ROAD,  JAMALPUR, JAMALPUR, WEST BENGAL</t>
  </si>
  <si>
    <t>DANDAHARIPUR PANCHAYAT, BLOCK BAHANAGA,  P.S. SORO, DISTRICT BALASORE,  ODISHA., BALASORE, ODISHA</t>
  </si>
  <si>
    <t>GROUND FLOOR,  32, KASIDIH NEW LAYOUT (NEW BARADWARI), OPP.TARAPUR WORKERS COLONEY, SAKCHI, JAMSHEDPUR, JHARKHAND</t>
  </si>
  <si>
    <t>HDFC BANK LTD.496,  KRIPA SHANKAR, NAGAR,  NEAR PHOOL KHAN CROSSING, MACHHLISHAHAR JAUNPUR, MACHHLISHAHAR JAUNPUR, UTTAR PRADESH</t>
  </si>
  <si>
    <t>HDFC BANK LTD., GROUND FLOOR &amp; FIRST FLOOR, CHOWDESHWARI COMERCIAL COMPLEX, MALUR, KARNATAKA</t>
  </si>
  <si>
    <t>HDFC BANK LTD.,  FLAT NO.16, FIRST FLOOR,  TEACHERS COLONY, GURUNANAK COLONY ROAD,  KRISHNA DIST, VIJAYAWADA, ANDHRA PRADESH</t>
  </si>
  <si>
    <t>GROUND &amp; 1ST FLOOR, S-43 &amp;S-50, MUNICIPAL NO 546/411, GOLE MARKET, MAHANAGAR, LUCKNOW, LUCKNOW, UTTAR PRADESH</t>
  </si>
  <si>
    <t>GROUND AND FIRST FLOOR, 10 A-2,  1ST CROSS ROAD, MKB NAGAR., CHENNAI, TAMIL NADU</t>
  </si>
  <si>
    <t>MAIN ROAD, BALISIRA,  GUNTHA PADA, DIST. GANJAM., BHANJANAGAR, ODISHA</t>
  </si>
  <si>
    <t>PLOT NO. 644, AT- JILUNDI,  BHANJANAGAR, DIST. GANJAM., BHANJANAGAR, ODISHA</t>
  </si>
  <si>
    <t>HDFC BANK LTD., OPPOSITE VIDHYASHRAM SCHOOL, UCHIYARDA,  JODHPUR,  RAJASTHAN, JODHPUR, RAJASTHAN</t>
  </si>
  <si>
    <t>HDFC BANK LTD.,  NO.56 OLD NO.28, 1ST MAIN M.THIMMAIAH ROAD, SHIVA NAGAR, BANGALORE, KARNATAKA</t>
  </si>
  <si>
    <t>SAI TOWERS NO 370, ARCOT ROAD, KODAMBAKKAM,  CHENNAI, CHENNAI, TAMIL NADU</t>
  </si>
  <si>
    <t>GROUND FLOOR, AJMER ROAD, GRAM POST MEHLAN, TEHSIL MOJMABAD,  DISTRICT - JAIPUR, JAIPUR, RAJASTHAN</t>
  </si>
  <si>
    <t>HDFC BANK LTD, RAJASTHAN FURNITURE, MAIN MARKET KAPASAN, KAPASAN, RAJASTHAN</t>
  </si>
  <si>
    <t>SHOP NO 32, 33, 49, 50, 51 , SHREE JI MARKET OPP., BISHNOI DHARMSHALA AT PWD ROAD, SANCHORE, RAJASTHAN</t>
  </si>
  <si>
    <t>GROUND FLOOR,  SHOP NO.2, PRIYANKA COLONY, BYPASS ROAD, KURUD,  DHAMTARI (CG), KURUD, CHHATTISGARH</t>
  </si>
  <si>
    <t>GROUND FLOOR, HOTEL WOODLAND,  51, GEETANJALI TALKIES SQ, CENTRAL AVENUE, NAGPUR, MAHARASHTRA</t>
  </si>
  <si>
    <t>GROUND FLOOR,  SCO 2 &amp; 3, SECTOR -31,  JHARSA CHOWK, GURGAON,  HARYANA, GURGAON, HARYANA</t>
  </si>
  <si>
    <t>GROUND FLOOR,  GANPATI COMPLEX, NARAYANPUR ROAD,  KASBA BANSUR, DISTRICT - ALWAR,  RAJASTHAN, BANSUR ALWAR, RAJASTHAN</t>
  </si>
  <si>
    <t>SHOP NO. 3,  "SHOP IN PARK", VGP GOLDEN BEACH,  SOUTH PART 1, SEA CLIFF AVENUE,  ECR,  AKKARAI., CHENNAI, TAMIL NADU</t>
  </si>
  <si>
    <t>HDFC BANK LTD., GROUND FLOOR,  VATTEKKAT ARCADE, MARAR ROAD, THRISSUR, KERALA</t>
  </si>
  <si>
    <t>B-1/455,  GROUND FLOOR, NEAR DISTRICT CENTER, JANAKPURI NEW DELHI, DELHI, DELHI</t>
  </si>
  <si>
    <t>B-27,  JHARNA APARTMENT, GROUND FLOOR, 778 BRAHMAPUR MORE, KOLKATA, WEST BENGAL</t>
  </si>
  <si>
    <t>HDFC BANK LTD, GROUND FLOOR , BADAMI MANSION, 89 MAIN ROAD,  PARSUDIH, JAMSHEDPUR, JHARKHAND</t>
  </si>
  <si>
    <t>VILLAGE &amp; POST - JAMALPUR, NEAR BUS STAND, TEHSIL-FARUKH NAGAR, GURGAON,  HARYANA, GURGAON, HARYANA</t>
  </si>
  <si>
    <t>HDFC BANK LTD., 64,  MOHALLA- BHAWANI RAM, DIST- JALAUN, JALAUN, UTTAR PRADESH</t>
  </si>
  <si>
    <t>GROUND FLOOR,  PLOT. NO. 35, AAKASH AWASIYA YOJNA, JALKHERA, DISTRICT-KOTA,  RAJASTHAN, KOTA, RAJASTHAN</t>
  </si>
  <si>
    <t>HDFC BANK LTD., O/S SARJAWAV GATE SIROHI, RAJASTHAN, SIROHI, RAJASTHAN</t>
  </si>
  <si>
    <t># 8-45/1, BELOW KRISHNAVENI TALENT SCHOOL, NARSAPUR,  MEDAK DISTRICT, NARSAPUR, TELANGANA</t>
  </si>
  <si>
    <t>GROUND FLOOR,  PLOT NO- 262/30RT, M N REDDY CLASSIC, S R NAGAR,  HYDERABAD,  TELANGANA, HYDERABAD, TELANGANA</t>
  </si>
  <si>
    <t>D NO. 24-28-45,  GROUND FLOOR, SRI SAI BHAGAWATHI TOWERS, GANDHI NAGAR,  BRTS ROAD, VIJAYAWADA, ANDHRA PRADESH</t>
  </si>
  <si>
    <t>HDFC BANK LTD.# 630,  GROUND FLOOR, MANANDI OPEL , CHICKPET,  BANGALORE , BANGALORE, KARNATAKA</t>
  </si>
  <si>
    <t>GROUND FLOOR, SHOP NO.1, 3, 4 11 &amp;12, NAVKRITI ARCADE,  SECTOR-55, GURGAON,  HARYANA, GURGAON, HARYANA</t>
  </si>
  <si>
    <t>HDFC BANK LTD., KALADY TOWERS, M C ROAD,  KALADY,  ERNAKULAM, KALADY, KERALA</t>
  </si>
  <si>
    <t>HDFC BANK LTD, SHIVSINGHPURA, JAIPUR - JHUNJHUNU BYPASS, GRAM SHIVSINGHPURA,  DISTRICT SIKAR, SIKAR, RAJASTHAN</t>
  </si>
  <si>
    <t>HDFC BANK LTD., NEAR SARVAJANIK DHARAMSHALA, N H 8,  DUDU,  JAIPUR, DUDU, RAJASTHAN</t>
  </si>
  <si>
    <t>GROUND &amp; BASEMENT,  D C TOWER, 542/4 BASAI ROAD, NEAR BHUTESHWAR MANDIR,  GURGAON, GURGAON, HARYANA</t>
  </si>
  <si>
    <t>PLOT NO 2, 3, SURVEY NO 30, 1ST FLOOR, GACHIBOWLI, SERILINGAMPALLY MANDAL, RANGA REDDY DIST, HYDERABAD, TELANGANA</t>
  </si>
  <si>
    <t>GROUND FLOOR AA-2, TOWNSHIP CHOWK KRISHNA VIHAR, NH-2,  IOCL MATHURA, MATHURA, UTTAR PRADESH</t>
  </si>
  <si>
    <t>SHOP NO 1/2/3B/4B,  GROUND FLOOR , KRISHNA COMPLEX, OPP DEVASHISH BUSINESS PARK, AHMEDABAD, GUJARAT</t>
  </si>
  <si>
    <t>HDFC BANK LTD., 156, JEEVAN NAGAR, NEW DELHI, NEW DELHI, DELHI</t>
  </si>
  <si>
    <t>#9-14-3/2,  VIP ROAD, BALAJI NAGAR, CBM COMPOUND,  WALTAIR WARD, VISAKHAPATNAM, ANDHRA PRADESH</t>
  </si>
  <si>
    <t>HDFC BANK LTD., NO 5A,  DSILVA ROAD, MYLAPORE,  CHENNAI, CHENNAI, TAMIL NADU</t>
  </si>
  <si>
    <t>HDFC BANK LTD.,  SHOP NO. 14 TO 18, SWAGAT RAIN FOREST I, KUDASAN-POR ROAD,  KUDASAN, GANDHINAGAR, GUJARAT</t>
  </si>
  <si>
    <t>OPPOSITE CIVIL HOSPITAL, MAIN ROAD, RORI, SIRSA, HARYANA</t>
  </si>
  <si>
    <t>GROUND FLOOR, DAPOLI NAGARPANCHAYAT BUILDING, TALUKA DAPOLI, DIST.RATNAGIRI, DAPOLI, MAHARASHTRA</t>
  </si>
  <si>
    <t>ELIZABETH ALEXANDER MEMORIAL, BUILDING, SHANMUGHAM ROAD, MARINE DRIVE ,  COCHIN, KOCHI, KERALA</t>
  </si>
  <si>
    <t>HDFC BANK LTD., C/O SHREE RAMA VAIKUNTH TEMPLE, OPP GURUDWARA,  PUSHKAR, DIST-AJMER, PUSHKAR, RAJASTHAN</t>
  </si>
  <si>
    <t>HDFC BANK LTD.,  GROUND FLOOR, SHOWROOM NO.2 ARISSA AVENUE, KHARADI EON,  KHARADI,  PUNE, PUNE, MAHARASHTRA</t>
  </si>
  <si>
    <t>HDFC BANK LTD, KARE HOTEL,  DAHIVADI ROAD, VADUJ,  SATARA,  MAHARASHTRA, VADUJ, MAHARASHTRA</t>
  </si>
  <si>
    <t>BESIDE BISCUIT FACTORY, KAHAGUL ROAD, PHULWARISHARIF, PATNA, BIHAR</t>
  </si>
  <si>
    <t>GF 2 &amp; 3,  PALM SQAURE SECTOR-66, GOLF COURSE EXTENSION, GURGAON,  HARYANA, GURGAON, HARYANA</t>
  </si>
  <si>
    <t>SHOP NO 106-107, KARIA ARCADE, OPP. NEW ERA HIGH SCHOOL, FURNITURE BAZAAR,  ULHASNAGAR, ULHASNAGAR, MAHARASHTRA</t>
  </si>
  <si>
    <t>SHOP NO. B-5,  GROUND FLOOR, SHIVALIK BUSINESS CENTRE, OPP. KENSVILLE GOLF ACADEMY, AHMEDABAD, GUJARAT</t>
  </si>
  <si>
    <t>DSS 13,  OLD JUDICIAL COMPLEX, CIVIL LINES,  GURGAON, HARYANA, GURGAON, HARYANA</t>
  </si>
  <si>
    <t>HDFC BANK LTD, 149,  RAJA RAJENDRALAL MITRA ROAD, KOLKATA, KOLKATA, WEST BENGAL</t>
  </si>
  <si>
    <t>HDFC BANK LTD.,  , SARAF COLONY,  NEAR JODHPUR MISTHAN, BHANDAR,  BASSI JAIPUR, JAIPUR, RAJASTHAN</t>
  </si>
  <si>
    <t>HDFC BANK LTD.,  UPPER GROUND FLOOR, JAI GANESH VISION,  SHOP NO 76 &amp; 77, B WING,  AKURDI,  PUNE, PUNE, MAHARASHTRA</t>
  </si>
  <si>
    <t>C-9,  GROUND FLOOR,  TOWER NO-4, PAWA PRESIDENTIAL BUSINESS PARK, VASANT KUNJ, NEW DELHI, NEW DELHI, DELHI</t>
  </si>
  <si>
    <t>GROUND FLOOR, SITE NO. 12, OUTER RING ROAD, NEAR KALAMANDIR,  HEMANTH NAGAR, BANGALORE, KARNATAKA</t>
  </si>
  <si>
    <t>HDFC BANK LTD.,  DS-53, SECTOR 5,  URBAN ESTATE, GURGAON, GURGAON, HARYANA</t>
  </si>
  <si>
    <t>HDFC BANK LTD., 2,  BURMASHELL, BARASAT ROAD,  SODEPUR, KOLKATA, WEST BENGAL</t>
  </si>
  <si>
    <t>GROUND FLOOR,  NUAGUDA, OPP FCI-I, MAIN ROAD,  (ARTS COLLEGE ROAD), MALKANGIRI, MALKANGIRI, ODISHA</t>
  </si>
  <si>
    <t>GROUND FLOOR,  SHOP NO 5 TO 9, SHANKHESHWAR IND PARK, PHASE 1, NR RAILWAY BRIDGE, VATVA, AHMEDABAD, AHMEDABAD, GUJARAT</t>
  </si>
  <si>
    <t>HDFC BANK LTD., NEAR GANGA BIBHA BHABAN., JORHAT, ASSAM</t>
  </si>
  <si>
    <t>GRAM PANCHAYAT BHAWAN, GATAPAR JUNGLE, DISTT. - RAJNANDGAON (C.G.), KHAIRAGARH, CHHATTISGARH</t>
  </si>
  <si>
    <t>HDFC BANK LTD. SHOP NO. 12TO17, EARTH ARTIKA,  OPP NILAMBER BUNGLOWS, VASNA BHAYLI ROAD,  VADODARA, VADODARA, GUJARAT</t>
  </si>
  <si>
    <t>TOWER NO.II, SHOP NO.9, DLF CORPORATE, GREENS,  SECTOR 74 A,  SOUTHERN, PERIPHERAL ROAD,  NEAR HALDIRAM, GURGAON, HARYANA</t>
  </si>
  <si>
    <t>WARD NO.08, SHAHEED NAGAR, CONTRACTED, ON KHASARA NO.1095,  VILLAGE, KORAON,  TAPPA DHHAIYYA, KORAON, UTTAR PRADESH</t>
  </si>
  <si>
    <t>HDFC BANK LTD GROUND FLOOR, PLOT NO 51 AND 51A OPP GATE NO 1, MITY UNIVERSITY VILLAGE NIJAMPUR, LUCKNOW, UTTAR PRADESH</t>
  </si>
  <si>
    <t>HDFC BANK LTD., GROUND AND 1ST FLOOR, NO.11,  ANNAI VELANKANNI NAGAR, MUGALIVAKKAM,  CHENNAI, CHENNAI, TAMIL NADU</t>
  </si>
  <si>
    <t>HDFC BANK LTD.,  NO. 73/13B, GROUND AND FIRST FLOOR,  WARD NO. 34, TRICHY MAIN ROAD,  NAMAKKAL, NAMAKKAL, TAMIL NADU</t>
  </si>
  <si>
    <t>HDFC BANK LTD, KHASARA NO.- 521/1, MEHDAWAL, TEHSIL - MEHDAWAL, MEHDAWAL, UTTAR PRADESH</t>
  </si>
  <si>
    <t>KAILASH COMPLEX,  PATEL CHOWK,  , CHAINPUR ROAD,  WARD NO.3,  , BHABHUA,  KAIMUR, BHABUA, BIHAR</t>
  </si>
  <si>
    <t>HDFC BANK LTD, GROUND FLOOR, NO 5, 1ST AVENUE, INDIRA NAGAR, ADYAR, CHENNAI, TAMIL NADU</t>
  </si>
  <si>
    <t>HDFC BANK LTD,  H NO- K61-102, SHAH NURSHING HOME,  , BULANALA,  NICHINAGH, VARANASI, VARANASI, UTTAR PRADESH</t>
  </si>
  <si>
    <t>HDFC BANK LTD.,  HOUSE NO 21/73, CONSTRUCTED ON KHASRA NO 70/2, VILLAGE KORHDHIH, GYANPUR, UTTAR PRADESH</t>
  </si>
  <si>
    <t>HDFC BANK LTD,  GROUND FLOOR,  , KHASARA NO. 2386, VILLAGE PINDARA, PARGANA KOL ASALA,  VARANASI, VARANASI, UTTAR PRADESH</t>
  </si>
  <si>
    <t>HDFC BANK LTD.,  GROUND FLOOR,  , MAIN ROAD ,  ADJOINING CITY HOSPITAL, VILLAGE AMARIA, PILIBHIT, UTTAR PRADESH</t>
  </si>
  <si>
    <t>GROUND FLOOR,  KHASARA NO.832, VILLAGE-GHORAWAL PARGANA BARHAR, TEHSIL &amp; NAGAR PANCHAYAT -GHORAWAL, GHORAWAL, UTTAR PRADESH</t>
  </si>
  <si>
    <t>HDFC BANK LIMITED,  UNIT 1, MILLENNIUM TOWERS,  NEAR , MAX HOSPITAL,  SECTOR 27,  GURGAON, HARYANA</t>
  </si>
  <si>
    <t>HDFC BANK LTD, GROUND FLOOR, ANUPAM SQUARE, SHOWRROM NO.3, SHOP NO.3 &amp; 4, VIP ROAD, ALTHAN, SURAT, GUJARAT</t>
  </si>
  <si>
    <t>HDFC BANK LTD.,  SADULLA NAGAR,  , HASHMI CHOWK,  TEHSIL UTRAULA, DIST-BALRAMPUR,  UTTAR PRADESH, SADULLA NAGAR, UTTAR PRADESH</t>
  </si>
  <si>
    <t>GROUND AND FIRST FLOOR, PANCHAYAT SAMITI,  DHARMASALA,  , AT/PO. - JARAKA, ODISHA</t>
  </si>
  <si>
    <t>HDFC BANK LTD.,  MD ARCADE, DUTTA VILLA,  HCB, CENTRAL MARKET, SIVASAGAR, ASSAM</t>
  </si>
  <si>
    <t>HDFC BANK LTD.,  GROUND FLOOR,  , RATNA SHOPPING MALL,  MAIN ROAD,  , CHINTALAPUDI, ANDHRA PRADESH</t>
  </si>
  <si>
    <t>PLOT NO-15,  SURVEY NO-259, 262, 263, AND 264, GROUND FLOOR, R.R.RESIDENCY, AMEENPUR VILLAGE ROAD,  CHANDANAGAR, HYDERABAD, TELANGANA</t>
  </si>
  <si>
    <t>HDFC BANK LTD.,  GROUND FLOOR, NO. 19 / 201,  PONNA NAGAR, TIRUCHIRAPPALLI, TAMIL NADU</t>
  </si>
  <si>
    <t>HDFC BANK LTD.,  GROUND FLOOR, ARWAL PATNA MAIN ROAD, ARWAL, BIHAR</t>
  </si>
  <si>
    <t>HDFC BANK LTD., SHOP NO.101,  , SAI COMPLEX,  NANA PONDHA,  , TA - KAPARADA,  VALSAD, NANA PONDHA, GUJARAT</t>
  </si>
  <si>
    <t>GROUND FLOOR,  BUILDING NO.50,  , MOHALLA MAHATVANA,  KHASARA NO.773/2, 777 PART,  775 PART,  KASBA MARIAHU, JAUNPUR, UTTAR PRADESH</t>
  </si>
  <si>
    <t>HDFC BANK LTD.,  KRISHNA NAGAR,  , WARD NO. 12,  THANA ROAD, NICHLAUL, MAHARAJGANJ, UTTAR PRADESH</t>
  </si>
  <si>
    <t>D.NO:55-11-1, RSK PLAZA, MMTC COLONY, OPP.LIC JEEVAN SOUDHA APARTMENTS,  , H.B.COLONY,  SEETHAMMADARA, VISAKHAPATNAM, ANDHRA PRADESH</t>
  </si>
  <si>
    <t>HDFC BANK LTD. GROUND FLOOR,  , PALACE ROAD,  NEAR BUS STAND,  LAKHANPUR, CHHATTISGARH</t>
  </si>
  <si>
    <t>HDFC BANK LTD., GROUND FLOOR, PLOT NO-7, DAYANIDHI, TILAK WADI, OPP. BUS STAND,  RAMTEK DIST- NAGPUR, RAMTEK, MAHARASHTRA</t>
  </si>
  <si>
    <t>HDFC BANK LTD,  GROUND FLOOR,  , KHASARA NO. 428, VILLAGE SARAI BEERU, TEHSIL KERAKAT,  DISTT,  JAUNPUR, KERAKAT, UTTAR PRADESH</t>
  </si>
  <si>
    <t>GROND FLOOR,  KHASRA NO 91 AND 92, VILLAGE - KHUTBHAR,  PARGANA - UNWAL, TEHSIL - KHAJNI,  DIST - GORAKHPUR, UTTAR PRADESH</t>
  </si>
  <si>
    <t>HDFC BANK LTD.,  D.NO. 4-1-5, GR FLOOR,  CANAL ROAD,  , NEAR MUNICIPAL CORPORATION OFFICE, ELURU, ANDHRA PRADESH</t>
  </si>
  <si>
    <t>HDFC BANK LTD,  , CHARMS STAR BUILDING, BAILBAZAR,  KALYAN-WEST, KALYAN DOMBIVALI, MAHARASHTRA</t>
  </si>
  <si>
    <t>HDFC BANK LTD, KHASRA NO 59/3,  MAHAWEER WARD NO.36, BAGDONA, SARNI, MADHYA PRADESH</t>
  </si>
  <si>
    <t>GROUND FLOOR,  MAAN COMPLEX , GANGA VIHAR COLONY,  BUS STAND, NH- 48,  MANOHARPUR, RAJASTHAN- 303104</t>
  </si>
  <si>
    <t>HDFC BANK LTD,  SIVAMALAR COMPLEX, NO 46/285,  GROUND FLOOR, BAZAR STREET, VIRUDHACHALAM, TAMIL NADU</t>
  </si>
  <si>
    <t>HDFC BANK LTD.,  SHOP NO 5-8, VRAJDHAM SHOPPING COMPLEX, SAVLI-VADODARA MAIN ROAD,  SAVLI, VADODARA, GUJARAT</t>
  </si>
  <si>
    <t>HDFC BANK LTD,  SRI R R COMPLEX, S.NO 250/4,  RAJA  NAGAR, NEW BUS STAND,  THANJAVUR, TAMIL NADU</t>
  </si>
  <si>
    <t>HDFC BANK LTD ,  SHOP NO 13, DEV AURUM,  ANANDNAGAR CROSS ROADS, 100 FT ROAD,  AHMEDABAD, GUJARAT</t>
  </si>
  <si>
    <t>GROUND FLOOR,  BYE PASS ROAD,  OPPSITE BHARAT PETROLIUM,  KAIMGANJ, FARRUKHABAD, UTTAR PRADESH</t>
  </si>
  <si>
    <t>HDFC BANK LTD.,  1ST FLOOR,  OPPOSITE ST BUS STAND,  MANCHAR, MAHARASHTRA</t>
  </si>
  <si>
    <t>NO. 5-1-65,  GROUND FLOOR, SHERI  RAMULU COMPLEX, OPP: NEW GOVT. COLLEGE,  KUKATPALLY, HYDERABAD, TELANGANA</t>
  </si>
  <si>
    <t>HDFC BANK LTD,  D.NO. 25-6-39, GR FLOOR,  GANJAM  VARI STREET, TEMPLE STREET, KAKINADA, ANDHRA PRADESH</t>
  </si>
  <si>
    <t>HDFC BANK LTD., GROUND FLOOR,  MAINAWATI MARG, SINGHPUR KACHHAR, KANPUR, UTTAR PRADESH</t>
  </si>
  <si>
    <t>HDFC BANK LTD, GROUND FLOOR, D.NO.6-319, 3 AND 6-319, 4,  SAI, PAVAN ENCLAVE,  MALIKIPURAM, EAST GODAVARI, ANDHRA PRADESH</t>
  </si>
  <si>
    <t>HDFC BANK LTD.,  VPO - CHANG, MAIN VILLAGE MAIN ROAD, DISTRICT BHIWANI,  HARYANA, BHIWANI, HARYANA</t>
  </si>
  <si>
    <t>HDFC BANK LTD,  SHOP NO 14, GROUND FLOOR,  DEV ARC COMPLEX, ISCON CROSS ROAD,  AHMEDABAD, GUJARAT</t>
  </si>
  <si>
    <t>GROUND FLOOR,  364 A,  , NORTH MAIN ROAD,  OPP. BUS STAND, VALLIOOR,  DIST. TIRUNELVELI, VALLIOOR, TAMIL NADU</t>
  </si>
  <si>
    <t>HDFC BANK LTD.,  GROUND FLOOR, KHASRA NO. 808,  CHOTA BHARWARA,  , NEAR BHARWARA CROSSING,  GOMTI NAGAR, LUCKNOW, UTTAR PRADESH</t>
  </si>
  <si>
    <t>HDFC BANK LTD. , 2/4C,  INDIRA NAGAR, LUCKNOW, UTTAR PRADESH</t>
  </si>
  <si>
    <t>HDFC BANK LIMITED,  SCO NO. D-1, HUDA MARKET,  SECTOR 1,  MANESAR,  , GURGAON,  HARYANA, MANESAR, HARYANA</t>
  </si>
  <si>
    <t>1ST FLOOR,  KHASRA NO. 231, PHAKEERABAD CHAURAHA, SARAI AKIL, DIST KAUSHAMBHI,  UTTAR PRADESH.</t>
  </si>
  <si>
    <t>HDFC BANK LTD., GROUND FLOOR, 17-11-6, TRIPURA MEDICAL CENTRE, MAHARANIPETA, NEAR COLLECTOR'S OFFICE JUNCTION, VISAKHAPATNAM, ANDHRA PRADESH</t>
  </si>
  <si>
    <t>GROUND FLOOR,  D NO: 3-1-39, ASS NO 13212,  BESIDES SRINIDHI, KALYANA MANDAPAM,  STAMBALAGARU, GUNTUR, ANDHRA PRADESH</t>
  </si>
  <si>
    <t>HDFC BANK LTD., GROUND FLOOR, NEAR NEW TDP OFFICE,  MAIN ROAD, RAITHUPET,  NANDIGAMA,  KRISHNA DIST, NANDIGAMA, ANDHRA PRADESH</t>
  </si>
  <si>
    <t>HDFC BANK LTD,  GROUND FLOOR,  , NO. 6/2/982,  MAIN ROAD, KHAIRATABAD, HYDERABAD, TELANGANA</t>
  </si>
  <si>
    <t>HDFC BANK LTD., GROUND FLOOR, DISTRICT - BIJNOR, BIJNOR, UTTAR PRADESH</t>
  </si>
  <si>
    <t>HDFC BANK LTD.,  H NO. 11-25-81, GROUND FLOOR,  INDIRA ARCADE, M G ROAD, WARANGAL, TELANGANA</t>
  </si>
  <si>
    <t>HDFC BANK LTD.,  GROUND FLOOR, D.NO. 3-162, OPP FOREST GUEST HOUSE, MAIN ROAD BHUPALPALLE, BHUPALPALLE, TELANGANA</t>
  </si>
  <si>
    <t>UPPER GROUND FLOOR,  KHASRA NO.1598, VILLAGE BANTHRA SIKANDERPUR, PARGANA, BIJNAUR,  TEHSIL - SAROJANI NAGAR, LUCKNOW, UTTAR PRADESH</t>
  </si>
  <si>
    <t>HDFC BANK LTD.,  GROUND FLOOR,  MAIN, ROAD, ADJOINING OBC,  NEAR BUS STAND, KIRATPUR, DISTT BIJNOR, UTTAR PRADESH, BIJNOR, UTTAR PRADESH</t>
  </si>
  <si>
    <t>HDFC BANK LTD., NO.3-150, NEAR SUB REGISTER OFFICE, VTPS MAIN ROAD,  IBRAHIMPATNAM, ANDHRA PRADESH</t>
  </si>
  <si>
    <t>PLOT NO. 611,  , GADDOPUR,  PHAPHAMAU, ALLAHABAD,  UTTAR PRADESH</t>
  </si>
  <si>
    <t>HDFC BANK LTD.,  GROUND FLOOR, H.NO. 888,  NEAR GOVT.SR.SEC.SCHOOL, ATERNA,  DISTRICT SONEPAT,  HARYANA, SONEPAT, HARYANA</t>
  </si>
  <si>
    <t>HDFC BANK LTD,  GROUND FLOOR,  , PLOT NO.1316/1637,  BANKI MAIN ROAD, BANKI,  DIST - CUTTACK., BANKI, ODISHA</t>
  </si>
  <si>
    <t>HDFC BANK LTD.,  GROUND FLOOR, SHOP NO. 10,  ADARSH NAGAR,  , NASIRABAD ROAD,  AJMER,  RAJASTHAN, AJMER, RAJASTHAN</t>
  </si>
  <si>
    <t>HDFC BANK LTD.,  , GROUND FLOOR,  ADITYA - II,  NEXT TO, DEEPAK NITRITE LTD,  CHHANI ROAD, VADODARA, GUJARAT</t>
  </si>
  <si>
    <t>HDFC BANK LTD,  GROUND FLOOR,  , 102 A,  LAKSHMI COMPLEX, DINDIGUL ROAD, PALANI, TAMIL NADU</t>
  </si>
  <si>
    <t>HDFC BANK LTD, GROUND FLOOR, SY NO.23,  AMBALIPURA,  HARALUR ROAD, OFF SARJAPURA ROAD,  BANGALORE, BANGALORE, KARNATAKA</t>
  </si>
  <si>
    <t>HDFC BANK LTD.,  , THE HIVE COMMERCIAL COMPLEX,  NH,  , HARIPPAD,  ALLEPPEY, HARIPPAD, KERALA</t>
  </si>
  <si>
    <t>HDFC BANK LTD., GROUND FLOOR,  NH.206, OPP. KARNATAKA BANK,  BH ROAD,  , TARIKERE. DIST,  KARNATAKA, TARIKERE, KARNATAKA</t>
  </si>
  <si>
    <t>GROUND FLOOR,  OM NIRANJAN HOSPITAL, NEAR MHASADI FHATA, AT POST NER, MAHAL PANDHARI,  TAL/DIST DHULE,  , NER, MAHARASHTRA</t>
  </si>
  <si>
    <t>HDFC BANK LTD, 10/22,  PAITHAN ROAD, NILAJGAON PHATA, BIDKIN, DIST. AURANGABAD., BIDKIN, MAHARASHTRA</t>
  </si>
  <si>
    <t>HDFC BANK LTD,  GROUND FLOOR, SHOWROOM,  CTS NO.5552, KAJGAON ROAD, AT POST PAROLA,  DISTRICT JALGAON., PAROLA, MAHARASHTRA</t>
  </si>
  <si>
    <t>NO. 45,  POST OFFICE STREET, KANDRAMANICKAM ROAD,  NEAR BUS STAND, SIVAGANGAI DISTRICT., TIRUPATHUR, TAMIL NADU</t>
  </si>
  <si>
    <t>NO 063/2 , PERUNDURAI ROAD, PALAYAPALAYAM, ERODE, TAMIL NADU</t>
  </si>
  <si>
    <t>HDFC BANK LTD., GROUND FLOOR, SURVEY NO - 117,  KAWANT ROAD, NASVADI, GUJARAT</t>
  </si>
  <si>
    <t>HDFC BANK LTD,  GROUND FLOOR,  GOHANA, ROAD,  NEAR BUS STAND,  VPO FARMANA,  , TEHSIL KHARKHODA,  DISTRICT SONEPAT, HARYANA</t>
  </si>
  <si>
    <t>HDFC BANK LTD.,  , GROUND FLOOR,  ITC MARKET,  , SADIQ ROAD, FARIDKOT, PUNJAB</t>
  </si>
  <si>
    <t>GROUND FLOOR AND FIRST FLOOR, SIRI ARCADE,  KATHA NO.799,  SITE NO., 11 AND 20,  SHARADHA LAYOUT, CHANDAPURA, KARNATAKA</t>
  </si>
  <si>
    <t>BOKAKHAT BRANCH,  GROUND FLOOR, ADJACENT TO BANK OF BARODA, WARD NO 4,  BOKAKHAT,  DIST GOLAGHAT, BOKAKHAT, ASSAM</t>
  </si>
  <si>
    <t>HDFC BANK LTD,   SCO 94, SECTOR 21,  PANCHKULA, HARYANA, PANCHKULA, HARYANA</t>
  </si>
  <si>
    <t>HDFC BANK,  WARD NO.07, BHAWANI PLAZA, LINK ROAD, DISTT JANJGIR, NAILA, CHHATTISGARH</t>
  </si>
  <si>
    <t>HDFC BANK LTD. GROUND FLOOR,  , WARD NO - 08,  MAIN ROAD PRATAPPUR, DISTRICT.SURAJPUR, CHHATTISGARH, PRATAPPUR, CHHATTISGARH</t>
  </si>
  <si>
    <t>HDFC BANK LTD.,  GROUND FLOOR, PLOT NO 5,  R C PATEL ESTATE,  , DEROL STATION ROAD, KALOL, GUJARAT</t>
  </si>
  <si>
    <t>HDFC BANK LTD,  GROUND FLOOR, PLATINUM POINT,  SHOP NO.49 TO 52, NEAR SUDAMA CHOWK, MOTA VARACHHA, SURAT, GUJARAT</t>
  </si>
  <si>
    <t>HDFC BANK LTD,  GROUND FLOOR, WEST ARENA,  G-9 &amp; G-10,  , NEAR GALAXY CIRCLE,  GREEN CITY ROAD, SURAT, GUJARAT</t>
  </si>
  <si>
    <t>HDFC BANK LTD, GROUND FLOOR, E-1,  E-2,  RADHYE SHYAM SOCIETY, SINGANPORE, SURAT, GUJARAT</t>
  </si>
  <si>
    <t>MM COMPLEX,  GROUND FLOOR, PLOT NO.30/10,  HOPMAN ST,  100 FT , MAIN ROAD,  NEAR ALANDUR COURT, CHENNAI, TAMIL NADU</t>
  </si>
  <si>
    <t>HDFC BANK LTD.,  SHOP NO 1 AND 2, CHAMUNDA COMPLEX,  VAL GAON, ANJUR ROAD,  MANKOLI,  BHIWANDI, BHIWANDI, MAHARASHTRA</t>
  </si>
  <si>
    <t>HDFC BANK LTD.,  PLOT NO: 1435/2249,  OPP. PWD OFFICE, KARANJIA,  MAYURBHANJ, KARANJIA, ODISHA</t>
  </si>
  <si>
    <t>ASMITA BUSINESS CENTER GROUND FLOOR, PLOT NO 19 GAT NO488,  BEHIND PAPAYA, NUERSERY, SATPUR COLONY, NASHIK, MAHARASHTRA</t>
  </si>
  <si>
    <t>HDFC BANK LTD.,  GROUND FLOOR, PLOT NO 2187,  S.N. COLONY ROAD, P.S. CHANDABALI,  DIST BHADRAK, BHADRAK, ODISHA</t>
  </si>
  <si>
    <t>HDFC BANK LTD., DR. B.K.SHIRSATH , COMPLEX,  SURVEY NO.1673,  AT SONAI,  , TAL NEWASA,  DIST AHMEDNAGAR, SONAI, MAHARASHTRA</t>
  </si>
  <si>
    <t>UPPER GROUND FLOOR, MEERA COMPLEX,  , PLOT NO.6, CTS NO.158, 133, SHEET NO.188, 289,  SHIVAJINAGAR ROAD, AURANGABAD, MAHARASHTRA</t>
  </si>
  <si>
    <t>HDFC BANK LTD,  UPPER GROUND FLOOR,  SHIVAM 355,  SHUKRAWAR PETH, PUNE,  MAHARASHTRA.</t>
  </si>
  <si>
    <t>GROUND FLOOR,  DYNAMIC HOUSE, OPP. CHILD CARE HOSPITAL, NR. VIJAY CROSS ROAD., AHMEDABAD, GUJARAT</t>
  </si>
  <si>
    <t>HDFC BANK LTD,  SHOP NO-107 TO 113,  , FIRST FLOOR BBS MARKTET,  KALPUR, CHOKHA BAZAR, PREM DARWAZA, AHMEDABAD, GUJARAT</t>
  </si>
  <si>
    <t>HDFC BANK LTD,  GROUND FLOOR, VILLAGE VEERWARA, TEH. PINDWARA,  DIST. SIROHI, PINDWARA, RAJASTHAN</t>
  </si>
  <si>
    <t>HDFC BANK LTD,  , SHOP NO 5 AND 6,  GARDENIA SQUARE ,  CROSSING REPUBLIC,  GHAZIABAD, UTTAR PRADESH</t>
  </si>
  <si>
    <t>GROUND FLOOR,  DOOR NO7-1-64 &amp; 65, ASST NO 30254 &amp; 30255,  CHINAWALTAIR, BLOCK NO35,  BEACH ROAD,  , VISAKHAPATNAM, ANDHRA PRADESH</t>
  </si>
  <si>
    <t>HDFC BANK LTD.,  NAZIRA BRANCH, WARD NO. 5,  NEAR HP PETROL PUMP, NAZIRA, SIVASAGAR, ASSAM</t>
  </si>
  <si>
    <t>HDFC BANK LTD.,  FIRST FLOOR,  , ABDUL KALAM SHOPPING CENTER,  NEAR, POLICE STATION,  VAPI TOWN,  VAPI, GUJARAT</t>
  </si>
  <si>
    <t>HDFC BANK LTD,  97, GROUND FLOOR, HOSUR ROAD,  OPP. FORUM MALL AND, INDIAN OIL PETROL PUMP,  BANGALORE,  KARNATAKA</t>
  </si>
  <si>
    <t>HDFC BANK, GROUND FLOOR, NEAR TEHSIL, OFFICE, WARD NO.2, MAIN ROAD,  JAIJAIPUR,  TEHSIL JANJGIR CHAMPA, JAIJAIPUR, CHHATTISGARH</t>
  </si>
  <si>
    <t>HDFC BANK LTD. GROUND FLOOR, 397,  G.T.ROAD, BOWBAZAR,  PO. AND PS. SHEORAPHULI, HOOGHLY, WEST BENGAL</t>
  </si>
  <si>
    <t>HDFC BANK LTD, 141/A HILL CART ROAD,  , DISTRICT - DARJEELING, KURSEONG, WEST BENGAL</t>
  </si>
  <si>
    <t>SHOP NO 27, GROUND FLOOR, GALAXY MALL, OPP. JHANSI KI RANI STATUE, NEHRUNAGAR SHIVRANJANI CROSS ROAD, AHMEDABAD, GUJARAT</t>
  </si>
  <si>
    <t>GROUND FLOOR, UNIT NO.12, 12A AND 14, ASSOTECH BUSINESS CRESTERRA, PLOT NO.22,  SECTOR 135,  NOIDA DISTT, NOIDA, UTTAR PRADESH</t>
  </si>
  <si>
    <t>SHOP NO.G1, G2,  FF13,  FF14 SDS,   NRI, RESIDENCY,  SECTOR 45,  NOIDA DISTT , GAUTAM BUDH NAGAR,  UTTAR PRADESH, NOIDA, UTTAR PRADESH</t>
  </si>
  <si>
    <t>HDFC BANK LTD.,  1ST FLOOR, 297 RAJA S C MULLICK ROAD,  GANGULY BAGAN, KOLKATA, WEST BENGAL</t>
  </si>
  <si>
    <t>GROUND FLOOR,  PRAGJYOTISH EYE, HOSPITAL BUILDING, HATIGARH CHARIALI, MOTHER TERESA ROAD , GUWAHATI,  ASSAM, GUWAHATI, ASSAM</t>
  </si>
  <si>
    <t>HDFC BANK LTD,  GROUND FLOOR, KRISNA PLAZA, BURNPUR ROAD , BURDWAN, WEST BENGAL</t>
  </si>
  <si>
    <t>GROUND AND FIRST FLOOR,  MUNICIPAL, NO.0347A,  PLOT NO.03,  ARAZI NO.160, CHARGAWAN, RAPTI NAGAR HOUSING, GORAKHPUR, UTTAR PRADESH</t>
  </si>
  <si>
    <t>HDFC BANK LTD., BISHUNPUR SUNDAR, BRANCH,  MOUZA -BISHUNPUR SUNDAR, TIKULIA CHOWK,  RAM NAGAR ROAD, BISHUNPUR SUNDAR, BIHAR</t>
  </si>
  <si>
    <t>HDFC BANK LTD.,  1ST CROSS, TSS CENTURION BUILDING, LAXMESH NAGAR,  U B ROAD,  KADUR, KARNATAKA</t>
  </si>
  <si>
    <t>HDFC BANK LTD,  UPPER GROUND FLOOR, JAYAPRAKASH NAGAR,  SALES TAX SQUARE, BRAHMAPUR,  DIST. GANJAM,  , BRAHMAPUR, ODISHA</t>
  </si>
  <si>
    <t>HDFC BANK LTD.,  A-13, SAMTA NAGAR, OPP ANAJ MANDI,  GANGANAGAR ROAD, BIKANER, RAJASTHAN</t>
  </si>
  <si>
    <t>HDFC BANK LTD,  SHOP NO 3 AND 4,  , ADITYA URBAN CASA, SEC 78,  NOIDA, NOIDA, UTTAR PRADESH</t>
  </si>
  <si>
    <t>HDFC BANK LTD., GROUND FLOOR,  GOSWAMI MARKET, UBEDUR RAHMAN ROAD, NAGAON, ASSAM</t>
  </si>
  <si>
    <t>HDFC BANK LTD,  KHAIRAGARH, 1ST FLOOR,  JAIN MOTORS,  STATE, HIGHWAY, KHAIRAGARH,  CHHATTISGARH, KHAIRAGARH, CHHATTISGARH</t>
  </si>
  <si>
    <t>HDFC BANK LTD,  GROUND FLOOR, KACHARIGAON,  RIMON HOUSE, OPPOSITE TRIBENI COMPLEX, TEZPUR, ASSAM</t>
  </si>
  <si>
    <t>HDFC BANK LTD.,  GROUND &amp; 1ST FLOOR, 65 HARISH MUKHERJEE RD,  P.S.-BHOWANIPORE, KOLKATA, WEST BENGAL</t>
  </si>
  <si>
    <t>HDFC BANK LTD,  SAKAR VII,  GROUND, FLOOR,  B 002, B 003, B 004,  NEHRU, BRIDGE CORNER, ASHRAM ROAD, AHMEDABAD, AHMEDABAD, GUJARAT</t>
  </si>
  <si>
    <t>FIRST FLOOR,  SAUBHAGYA MANGAL, KARYALAYA,  SURVEY NO.207,  MHASRUL DINDORI ROAD,  MHASRUL, NASHIK, MAHARASHTRA</t>
  </si>
  <si>
    <t>HDFC BANK LTD, GROUND FLOOR,  66, OLD MONDHA MARKET, JALNA, MAHARASHTRA</t>
  </si>
  <si>
    <t>HDFC BANK LTD., YELENAHALLI VILLAGE, 14/2 &amp; 14/3,  AKSHAY NAGAR, BANGALORE, KARNATAKA</t>
  </si>
  <si>
    <t>HDFC BANK LTD.,  AT PO KESHOPUR, NH 28,  BLOCK SAKRA, MUZAFFARPUR,  BIHAR, KESHOPUR, BIHAR</t>
  </si>
  <si>
    <t>HDFC BANK LTD.,  ADGOKAR COMPLEX ,  OPPOSITE APMC MARKET ,  ANJANGAON , SURJI ,  DISTRICT AMRAVATI , ANJANGAON SURJI, MAHARASHTRA</t>
  </si>
  <si>
    <t>HDFC BANK LTD., SHOP NO 12, 13, 14, 15, ROOP-RAJAT RESIDENCY, CHILLAR ROAD, BOISAR EAST,  TAL PALGHAR, BOISAR, MAHARASHTRA</t>
  </si>
  <si>
    <t>HDFC BANK LTD,  SUZUKI MOTOR PVT LTD, BLOCK NO. 334 AND 335,  HANSALPUR,  BECHARJI, BECHRAJI, GUJARAT</t>
  </si>
  <si>
    <t>HDFC BANK LTD.,  , GROUND FLOOR,  81A, SIKDAR BAGAN STREET, KOLKATA, WEST BENGAL</t>
  </si>
  <si>
    <t>HDFC BANK LTD.,  M.V. 122, PO TARLAKOTA,  PS ORKEL, DIST MALKANGIRI, MALKANGIRI, ODISHA</t>
  </si>
  <si>
    <t>HDFC BANK LTD,  SHOP NO- 4&amp;5, MASTER PLAZA,  DEVALIPADA GHOLEGAON, SONALE- BHIWANDI, BHIWANDI, MAHARASHTRA</t>
  </si>
  <si>
    <t>EAST BORING CANAL ROAD, SHEETAL SADAN, BESIDE RELIANCE TRENDS,  PATNA, PATNA, BIHAR</t>
  </si>
  <si>
    <t>SAMARTH COMMERCIAL CENTER, BESIDES KATAITOLL NAKA,  , KALYAN SHIL ROAD,  NILAJE GAON, DOMBIVALI, MAHARASHTRA</t>
  </si>
  <si>
    <t>HDFC BANK LTD. MAIN BHIWANI ROAD, SARAI CHOWK,  VPO - MUNDHAL KHURD, DISTRICT - BHIWANI,  HARYANA, BHIWANI, HARYANA</t>
  </si>
  <si>
    <t>HDFC BANK LTD,  SOLITAIRE BUILDING , NEXT TO HP PETROL PUMP,  , PUNE-SASWAD ROAD,  PUNE,  MAHARASHTRA, PUNE, MAHARASHTRA</t>
  </si>
  <si>
    <t>HDFC BANK LTD , KHASRA NO. 13/21/1, NEAR RAILWAY STATION, MAIN REWARI -KANINA ROAD, ZAINABAD., DAHINA, HARYANA</t>
  </si>
  <si>
    <t>GROUND AND FIRST FLOOR, M3M URBANA COMMERCIAL COMPLEX,  , SECTOR 67,  GURGAON,  HARYANA, GURGAON, HARYANA</t>
  </si>
  <si>
    <t>HDFC BANK LTD, NEAR SHARMA HOSPITAL, RAILWAY STATION ROAD,  NIZAMPUR, SUB DISTRICT NARNAUL, NIZAMPUR, HARYANA</t>
  </si>
  <si>
    <t>HDFC BANK LTD.,  GROUND FLOOR, KHATA NO. 470/502, KILA NO. 8,  PUNAHANA, PUNAHANA, HARYANA</t>
  </si>
  <si>
    <t>G 18,  VIPUL PLAZA SUNCITY, GOLF COURSE ROAD, SECTOR 54,  GURGAON, GURGAON, HARYANA</t>
  </si>
  <si>
    <t>DOOR NO 8/428 (III), GROUND FLOOR,  M R HERITAGE,  , NEAR FORT PALACE, PALAKKAD, KERALA</t>
  </si>
  <si>
    <t>HDFC BANK LTD, MAIN CHOWK , HIMALAYA COMPLEX, BANIHAL RAMBAN., BANIHAL, JAMMU AND KASHMIR</t>
  </si>
  <si>
    <t>HDFC BANK LIMITED, VILLAGE &amp; P.O TIKLI, TEHSIL BADSHAHPUR,  DISTRICT GURGAON, GURGAON, HARYANA</t>
  </si>
  <si>
    <t>GROUND FLOOR 35 AND 36,  , SHAJANAND SOCIETY,  NEAR, SANGAM CHAR RASTA, HARNI-WARASIYA RD, VADODARA, GUJARAT</t>
  </si>
  <si>
    <t>HDFC BANK LTD, KALINGA ROAD, HOLDING NO 123/106, WARD NO 11,  ASIKA,  GANJAM, ASIKA, ODISHA</t>
  </si>
  <si>
    <t>HDFC BANK LTD., SAI MUKUT BAZAR CP, 2/2 RATAN KHAND, SHARDA NAGAR YOJNA, LUCKNOW, UTTAR PRADESH</t>
  </si>
  <si>
    <t>HDFC BANK LTD, GROUND FLOOR,  CHOZHA RAJENDRA, NO. 154, JAWARLAL NEHRU ROAD, CHENNAI, TAMIL NADU</t>
  </si>
  <si>
    <t>HDFC BANK LTD, AMARTHEERTH ARCADE, PLOT NO 1.2 NEXT, TO TOYOTA SHOWROOM SEDAM ROAD., GULBARGA, KARNATAKA</t>
  </si>
  <si>
    <t>HDFC BANK LTD, 215-17,  GROUND FLOOR, GRACE PARK, KOORKANCHERY, THRISSUR, KERALA, THRISSUR, KERALA</t>
  </si>
  <si>
    <t>ABRJJA HABITTAT NO 97/A, 1ST MAIN SHIVAJI RAO ROAD, OPP WATER TANK,  N R MOHALLA, MYSORE, KARNATAKA</t>
  </si>
  <si>
    <t>HDFC BANK LTD, 197 A, BB CHATTERJEE ROAD, BESIDE SILVER POINT SCHOOL., KOLKATA, WEST BENGAL</t>
  </si>
  <si>
    <t>HDFC BANK LTD, SHOP NO.1 &amp; 2 , GROUND FLOOR, GOOD EARTH BUSINESS, BAY,  SECTOR 58 GURGAON., GURGAON, HARYANA</t>
  </si>
  <si>
    <t>2870,  1ST FLOOR,  VIRGO BUILDING,  , OPP SOUL SPACE ARENA,  DODDENAKUNDI, OUTER RING ROAD, BENGALURU, KARNATAKA</t>
  </si>
  <si>
    <t>HDFC BANK LTD, FIRST FLOOR, K. B. LAL ROAD, NATH NAGAR,  BHAGALPUR, BHAGALPUR, BIHAR</t>
  </si>
  <si>
    <t>HDFC BANK LTD, GROUND FLOOR, 23/3, CHAKRABERIA ROAD KOLKATA., KOLKATA, WEST BENGAL</t>
  </si>
  <si>
    <t>HDFC BANK LTD, G-3 &amp; 4 , TIMES SQUARE, NEAR VAKIL, WADI,  PUNA KUMBHARIYA ROAD, SURAT, GUJARAT</t>
  </si>
  <si>
    <t>HDFC BANK LTD,  GROUND FLOOR, GA 1, 2, 3, 4 PLOT NO 34 &amp; 35 , SHIV ARCADE,  GANGA NAGAR,  MAWANA RD, MEERUT, UTTAR PRADESH</t>
  </si>
  <si>
    <t>HDFC BANK LTD, GROUND FLOOR 235, PALTAN BAZAR, PRITAM CASTLE , CLOCK TOWER, DEHRADUN, UTTARAKHAND</t>
  </si>
  <si>
    <t>HDFC BANK LTD, GROUND FLOOR, KONAM PALEM, BESIDE ABHIJIT GUEST HOUSE, VISAKHAPATNAM, ANDHRA PRADESH</t>
  </si>
  <si>
    <t>HDFC BANK LTD, BANTALAB COWK,  CRPF CENTRE,  , SATYAM PALACE BUILDING, JAMMU, JAMMU AND KASHMIR</t>
  </si>
  <si>
    <t>HDFC BANK LTD, 34, ALAGAR KOVIL ROAD, OPPOSITE TO GOVERNMENT HOSPITAL, MELUR, TAMIL NADU</t>
  </si>
  <si>
    <t>HDFC BANK LTD, WARD NO 2 HOLDING NO 302, RAJBARI LAKHIPUR, LAKHIPUR, ASSAM</t>
  </si>
  <si>
    <t>HDFC BANK LTD, B P COMPLEX, OPPOSITE GYAN GANGA LIMITED, KADAMKUAN., PATNA, BIHAR</t>
  </si>
  <si>
    <t>BUILDING NAME, POLARIS GROUND FLOOR, SHOP NO.2, OPP VIPUL DUDHIYA, STADIUM ROAD,  NAVARANGPURA., AHMEDABAD, GUJARAT</t>
  </si>
  <si>
    <t>1ST FLOOR, HOTEL IMPERIAL INN, COMPLEX, NH  15, OPP DEPUTY, COMMISSIONER OFFICE,  DHEMAJI, DHEMAJI, ASSAM</t>
  </si>
  <si>
    <t>HDFC BANK LTD, U R C BUILDING, KOVAI MAIN ROAD, NEAR BUS STAND, PERUNDURAI, ERODE, TAMIL NADU</t>
  </si>
  <si>
    <t>HDFC BANK LTD, ANUPAM BUSINESS HUB, SHOP NO.38, 39, 40, 41 &amp; 42, YOGI CHOWK, SURAT, GUJARAT</t>
  </si>
  <si>
    <t>HDFC BANK LTD, SATISH DHAWAN SPACE CENTER., SRIHARIKOTA RANGE,  SRIHARIKOTA., SRIHARIKOTA, ANDHRA PRADESH</t>
  </si>
  <si>
    <t>32 /33 / 34 ADVANCE PLAZA, OPP, SWAMINARYAN MANDIR,  BESIDE YOGIJI , HOSPITAL, SHAHIBAUG , AHMEDABAD, GUJARAT</t>
  </si>
  <si>
    <t>HDFC BANK LTD GURUBANDHU GROUND FLR, OPP KOTECHA GIRLS HIGH SCHOOL, KOTECHA NAGAR MAIN ROAD, RAJKOT, GUJARAT</t>
  </si>
  <si>
    <t>HDFC BANK LTD, GR.AND 1ST FLR, 333 P1, 15, AJAYNAGAR, KOLKATA, KOLKATA, WEST BENGAL</t>
  </si>
  <si>
    <t>HDFC BANK LTD, SHAGUNA VYAPARI SANKUL, NALDURG ROAD, TULJAPUR DIST OSMANABAD., TULJAPUR, MAHARASHTRA</t>
  </si>
  <si>
    <t>GROUND FLOOR, PLOT NO-P4B/817, NAYA RAIPUR, SEC-27,  VILL- NAWAGAON, P.H.NO-71/16, R.C.MANDIR HASAUD., RAIPUR, CHHATTISGARH</t>
  </si>
  <si>
    <t>HDFC BANK LTD, GROUND FLOOR, OPP VITTAL MANDIR, CTS NO 1736, KOLHAPUR AJARA ROAD, AJARA, MAHARASHTRA</t>
  </si>
  <si>
    <t>HDFC BANK LTD, AT+PO KIRATPUR, RAJA RAM, PS-BHAGWANPUR, NH-77, VAISHALI, BIHAR., BHAGWANPUR, BIHAR</t>
  </si>
  <si>
    <t>HDFC BANK LTD, OPP. BHARAT GAS AGENCY, BHAKHARUAN MORE, DAUDNAGAR, DAUDNAGAR, BIHAR</t>
  </si>
  <si>
    <t>HDFC BANK LTD, UN ENCALVE, AT ROAD, ADABARI TINALI, PS JALUKBARI, GUWAHATI, GUWAHATI, ASSAM</t>
  </si>
  <si>
    <t>HDFC BANK LTD, GROUND FLOOR, PURULIA ROAD, PROFESSOR COLONY, CHEPAPUL, AZAD NAGAR, JAMSHEDPUR., JAMSHEDPUR, JHARKHAND</t>
  </si>
  <si>
    <t>HDFC BANK LTD, SWAGAT CHINAR,  MAJOR ARTERIAL ROAD, GRD AND 1ST FLOOR,  KOLKATA., KOLKATA, WEST BENGAL</t>
  </si>
  <si>
    <t>HDFC BANK LTD, JIND ROAD, NEAR NEW GRAIN MARKET, DISTRICT KAITHAL, KAITHAL, HARYANA</t>
  </si>
  <si>
    <t>HDFC BANK LTD, CHAVAN BUILDING C.S. NO 1528, OPP ST BUS STAND, A, P KODOLI., KOLHAPUR, MAHARASHTRA</t>
  </si>
  <si>
    <t>HDFC BANK LTD, GROUND FLOOR, C.S. 614, 15, MAIN ROAD, SHIROLI, HATKANANGLE., KOLHAPUR, MAHARASHTRA</t>
  </si>
  <si>
    <t>HDFC BANK LTD, SHOP.NO 20 24 TIRUPATI KASHI GANGA, S.NO. 16 3B, DHANORI LOHEGAON ROAD., PUNE, MAHARASHTRA</t>
  </si>
  <si>
    <t>HDFC BANK LTD, MUKADAM LANDMARK KHED., ., KHED, MAHARASHTRA</t>
  </si>
  <si>
    <t>HDFC BANK LTD, DIVEKAR PLAZA, GROUND FLOOR, BESIDE HOTEL KEYS, STATION ROAD, AURANGABAD, MAHARASHTRA</t>
  </si>
  <si>
    <t>SHOP NO 3 AND 4,  PETH BHAG, SWATI NAKSHTRA COMPLEX,  TP SCHEME 3, NR VISHNU DAS BHAVE AUDITORIUM, SANGLI, MAHARASHTRA</t>
  </si>
  <si>
    <t>HDFC BANK LTD,  , NEW EKTA NAGAR, KHANPURI GATE, GAUSHALA ROAD, HOSHIARPUR, HOSHIARPUR, PUNJAB</t>
  </si>
  <si>
    <t>7-5-21, GROUND FLOOR,  FLAT NO.34, NEAR PANDURANGAPURAM SWAMY TEMPLE, PANDURANGAPURAM., VISAKHAPATNAM, ANDHRA PRADESH</t>
  </si>
  <si>
    <t>HDFC BANK LTD, SUMONO BHAWAN, S.T.ROAD., BADARPUR DIST,  KARIMGANJ., BADARPUR, ASSAM</t>
  </si>
  <si>
    <t>HDFC BANK LTD, GROUND AND 1ST FLOOR, SHEOHAR SADAN, OPP PATNA RADIO STATION,  FRAZER RD, PATNA, BIHAR</t>
  </si>
  <si>
    <t>HDFC BANK LTD, GROUND FLOOR, SHOP NO 4, SATYA ONE, NR.MANAV, MANDIR, NR HELMET CIRCLE, DRIVE IN RD, AHMEDABAD, GUJARAT</t>
  </si>
  <si>
    <t>HDFC BANK LTD, RAJNI PLAZA SHOP NO 2,  3 &amp; 10 , GROUND FLOOR OPP GIDC SANALA ROAD, MORVI, GUJARAT</t>
  </si>
  <si>
    <t>HDFC BANK LTD, GROUND FLOOR, BYPASS JUNCTION, OLLUKKARA,  MANNUTHY., THRISSUR, KERALA</t>
  </si>
  <si>
    <t>LOWER GROUND FLOOR, PRITECH PARK, FOOD COURT, INSIDE RMZ ECOSPACE, OUTER RING ROAD,  BELLANDUR, BANGALORE, KARNATAKA</t>
  </si>
  <si>
    <t>HDFC BANK LTD, 19,  SINGHANA ROAD MANAWAR WARD, NO. 1 DIST DHAR, MANAWAR, MADHYA PRADESH</t>
  </si>
  <si>
    <t>HDFC BANK LTD, GROUND FLOOR, SHOWROOM, NO 1, SHOP NO 648, NEAR LIFELINE, HOSPITAL, PUNE AHEMEDNAGAR HIGHWAY., PUNE, MAHARASHTRA</t>
  </si>
  <si>
    <t>HDFC BANK LTD, GROUND FLOOR, AKHILAM AUDITORIUM, PEROORKADA, TRIVANDRUM, KERALA, TRIVANDRUM, KERALA</t>
  </si>
  <si>
    <t>HDFC BANH LTD, SHREENATHJI TOWER, GROUND FLOOR, JUNAGADH ROAD, NR SARDAR CHOWK., JETPUR, GUJARAT</t>
  </si>
  <si>
    <t>HDFC BANK LTD, BISHALGARH, NEAR KALI MANDIR, OPPOSITE POLICE STATION., BISHALGARH, TRIPURA</t>
  </si>
  <si>
    <t>HDFC BANK LTD, 3 A2, SAKTHI COMPLEX, PICHAMPALAYAM, PUDUR, P N ROAD, NEXT TO INDIA ATM, TIRUPUR, TAMIL NADU</t>
  </si>
  <si>
    <t>HDFC BANK LTD,  BIMAL DA ENCLAVE, AWADH TIRHUT ROAD,  OPP PHULWARIYA, POLICE STATION,  BARAUNI,  BEGUSARAI, BARAUNI, BIHAR</t>
  </si>
  <si>
    <t>HDFC BANK LTD,  , NANDAN PLAZA, BHAGWANPUR CHOWK, MUZAFFARPUR, BIHAR</t>
  </si>
  <si>
    <t>GROUND FLOOR,  H NO 3726, SADGURU COMPLEX,  , NEAR PRASANNA HOTEL, LANJA, MAHARASHTRA</t>
  </si>
  <si>
    <t>GROUND FLOOR,  HOUSE NO 63 A/A, MORE NURSING HOME,  OPP POLICE, STATION,  MAIN ROAD,  UMARGA, UMARGA, MAHARASHTRA</t>
  </si>
  <si>
    <t>HDFC BANK LTD, C S NO 880, GROUND FLOOR, MAIN ROAD, NAVBHAG, KURUNDWAD, TAL SHIROL., KURUNDWAD, MAHARASHTRA</t>
  </si>
  <si>
    <t>GROUND AND MEZZANINE FLOOR, FP 9/11,  H NO 267/11, RAVIVAR PETH,  SOLAPUR, SOLAPUR, MAHARASHTRA</t>
  </si>
  <si>
    <t>HDFC BANK LTD, 221 PALACE ROAD, OPPOSITE RED , CROSS BUILDING, KACHI CHAWNI, JAMMU, JAMMU AND KASHMIR</t>
  </si>
  <si>
    <t>G 3,  AKHIL ARCADE, NEAR ITC GATE, OPP TO ANDHRA BANK ZONAL OFFICE, GUNTUR, ANDHRA PRADESH</t>
  </si>
  <si>
    <t>HDFC BANK LTD,  GROUND FLOOR,  , OPP POWER GRID CORPORATION OFFICE,  , MAIN ROAD,  HOPETOWN SELAQUI,        , DEHRADUN, UTTARAKHAND</t>
  </si>
  <si>
    <t>HDFC BANK LTD, H.NO - 277 A,  PLOT NO - 1046, HAMIRPUR ROAD,  NAUBASTA, KANPUR, UTTAR PRADESH</t>
  </si>
  <si>
    <t>GROUND FLOOR,  H NO.2509 E, DR NANDU WAZE ROAD,  BANGIWADA, TAL MALWAN,  DIST SINDHUDURG, MALWAN, MAHARASHTRA</t>
  </si>
  <si>
    <t>HDFC BANK LTD,  , HIND INSTITUTE OF MEDICAL AND, SCIENCES,  ATARIA,  SITAPUR, SITAPUR, UTTAR PRADESH</t>
  </si>
  <si>
    <t>HDFC BANK LTD, GROUND FLOOR, OPP.TELEPHONE EXCHANGE, IROHI ROAD PINDWARA,  RAJASTHAN, PINDWARA, RAJASTHAN</t>
  </si>
  <si>
    <t>HDFC BANK LTD, GROUND FLOOR SHOP NO. 1, 2, 3, 4, KONARK ELEGANCE,  VADGAONSHERI., PUNE, MAHARASHTRA</t>
  </si>
  <si>
    <t>GROUND, FIRST FLR, C, T, S.NO, 2621, 262, SURVE.NO, 1237, 5, 1237, 6 DHALE MAMA , SHOPING COMPLEX, OPP BUS STAND, MHASWAD, MAHARASHTRA</t>
  </si>
  <si>
    <t>HDFC BANK LTD,  GROUND FLOOR,  , USHA NIKETAN CHS,  HANUMAN CROSS, ROAD NO 1,  VILE PARLE EAST, MUMBAI, MAHARASHTRA</t>
  </si>
  <si>
    <t>D NO 43-106/1-25A,  GROUND FLOOR, SAI RESIDENCY, ANDHRA PRABHA COLONY, AJIT SINGH NAGAR, VIJAYAWADA, ANDHRA PRADESH</t>
  </si>
  <si>
    <t>HDFC BANK LTD, SRMS MEDICAL COLLEGE, POST BHOJIPURA, BAREILLY, UTTAR PRADESH</t>
  </si>
  <si>
    <t>HDFC BANK LTD, SOLANKI PLAZA, NEAR PWD DAK BUNGLOW, LADNU ROAD, DIDWANA, DIDWANA, RAJASTHAN</t>
  </si>
  <si>
    <t>HDFC BANK LTD,  NANDI BHAWAN, SAHEBPARA,  KAMRABAD MORE, SONARPUR STATION ROAD,  SONARPUR, KOLKATA, WEST BENGAL</t>
  </si>
  <si>
    <t>HDFC BANK LTD,  GROUND FLOOR, OPUS CENTRE,  47 MIDC, OPP TUNGA HOTEL,  ANDHERI EAST, MUMBAI, MAHARASHTRA</t>
  </si>
  <si>
    <t>GROUND FLOOR,  GHANSHYAM COMPLEX, A7 AND 8 APEXA PARK,  ISKCON TEMPLE, ROAD,  OPP SWAMINARAYAN TEMPLE, VADODARA, GUJARAT</t>
  </si>
  <si>
    <t>HDFC BANK LTD, SHOP NO 101, 102, SATNAM ARCADE, LAMBE HANUMAN ROAD., SURAT, GUJARAT</t>
  </si>
  <si>
    <t>HDFC BANK LTD, G 9, 10, GROUND FLOOR, WESTERN VESU, POINT,  NR RELIANCE MART,  VESU, SURAT, GUJARAT</t>
  </si>
  <si>
    <t>HDFC BANK LTD,  GROUND FLOOR, SHOP NO 40-A,  AVINASH TIMES SQUARE, SECTOR 19,  KAYABANDHA NAYA RAIPUR, RAIPUR, CHHATTISGARH</t>
  </si>
  <si>
    <t>HDFC BANK LTD, H NO.110, ARAZI NO.362.JARAULI, KARRAHI ROAD,  KARRAHI, KANPUR, UTTAR PRADESH</t>
  </si>
  <si>
    <t>HDFC BANK LTD, H NO 352,  353-1,  MAUSAMBAGH, SITAPUR ROAD,  DALIGANJ, LUCKNOW, UTTAR PRADESH</t>
  </si>
  <si>
    <t>HDFC BANK LTD,  GROUND FLOOR, LIBERTY ARC,  NEAR MALHAR POINT, OLD PADRA ROAD, VADODARA, GUJARAT</t>
  </si>
  <si>
    <t>SREEROSH RENAISSANCE, OLD NO, 76,  NEW NO 52, NEW AVADI ROAD,  KILPAUK, CHENNAI, TAMIL NADU</t>
  </si>
  <si>
    <t>HDFC BANK LTD,  UPPER GROUND FLOOR, METRO HEIGHTS,  4/1,  4/2,  4/3,  BEHSA, KRISHNA NAGAR,  KANPUR ROAD, LUCKNOW, UTTAR PRADESH</t>
  </si>
  <si>
    <t>GROUND FLOOR, FULWADI, OPP.TELEPHONE, EXCHANGE, KRUSHNANAGAR MAIN ROAD, SWAMINARAYAN CHOWK, RAJKOT, RAJKOT, GUJARAT</t>
  </si>
  <si>
    <t>HDFC BANK LTD, SHOP NO 4-35, GROUND FLOOR, SAGAR PALLAZIO MALL, ANDHERI KURLA RD SAKINAKA, ANDHERI E, MUMBAI, MAHARASHTRA</t>
  </si>
  <si>
    <t>GROUND AND MAZZANINE FLOOR, CTS NO 154,  NR LONKAR HIGH SCHOOL, MUNDHWA, PUNE, MAHARASHTRA</t>
  </si>
  <si>
    <t>DOOR NO- 8-292-1 , PANTA KALUVA ROAD ,  KANURU , PENAMALURU MANDAL ,  KRISHNA DIST.,  , VIJAYAWADA, ANDHRA PRADESH</t>
  </si>
  <si>
    <t>HDFC BANK LTD,  SS TOWERS NO 2075, OPP TO RAJALAKSHMI MILLS, NEAR VGM HOSPITAL,  SINGANALLUR, COIMBATORE, TAMIL NADU</t>
  </si>
  <si>
    <t>SUN VISION AVENUE, GROUND FLOOR, SHOP NO 1, OPP RATION CARD OFFICE, S V ROAD , MALAD WEST, MUMBAI, MAHARASHTRA</t>
  </si>
  <si>
    <t>G1 PLOT 2/7 SRINIVASA NAGAR, BRINADAVAN NAGAR MAIN ROAD, ADAMBAKKAM, CHENNAI, TAMIL NADU</t>
  </si>
  <si>
    <t>HDFC BANK LTD,  VIDYA COMPLEX, DR B BHATTACHARYA CLINIC ROAD, WEST PATEL NAGAR, PATNA, BIHAR</t>
  </si>
  <si>
    <t>GROUND FLOOR, D.NO: 8.1.63, 24.PLOT, NO.29,  NAUKA NAGAR,  KARAKA CHETTU, POLAMAMBA TEMPLE ROAD,  WALTAIR WARD, VISAKHAPATNAM, ANDHRA PRADESH</t>
  </si>
  <si>
    <t>GROUND FLOOR,  UNIT III,  PHASE III, ORWEL,  PLOT NO 2,  SALARPURIA SATTVA, KNOWLEDGE CITY,  MADHAPUR, HYDERABAD, TELANGANA</t>
  </si>
  <si>
    <t>HDFC BANK LTD, H NO 215/86, SUBHASH MARG,  BESIDE CENTRAL BANK, LUCKNOW, UTTAR PRADESH</t>
  </si>
  <si>
    <t>HDFC BANK LTD,  GROUND FLOOR, SHOP NO 2,  SHAKTI EXTOL,  BESIDES, ZYDUS HOSPITAL,  THALTEJ HEBATPUR RD, AHMEDABAD, GUJARAT</t>
  </si>
  <si>
    <t>DOOR NO 27 19 AND 42, GROUND FLOOR,  DURGAIAH STREET, PRAKASAM ROAD,  , VIJAYAWADA, ANDHRA PRADESH</t>
  </si>
  <si>
    <t>HDFC BANK LTD,  UPPER GROUND FLOOR, SHANKAR TOWER,  C-33/2C-1 C-33/2C-2, MOHALLA-CHHITTUPURA (CHANDUA), VARANASI, UTTAR PRADESH</t>
  </si>
  <si>
    <t>HDFC BANK LTD, AG 014 AND 015,  TOWER A, PIONEER URBAN SQUARE, SECTOR 62, GURGAON, HARYANA</t>
  </si>
  <si>
    <t>PLOT NO 17 AND18 PART, SOUCHA MARVEL, OPP OAKRIDGE SCHOOL, KHAJAGUDA, VILLAGE, SERILINGAMPALLY MANDAL, HYDERABAD, TELANGANA</t>
  </si>
  <si>
    <t>HDFC BANK LTD, DELHI ROAD, MITTAL COMPLEX, CHOUDHARY CHARAN SINGH CHOWK., MORADABAD, UTTAR PRADESH</t>
  </si>
  <si>
    <t>HDFC BANK LTD, 15 MADHUVAN SOCIETY, GROUND FLOOR, 150 RING ROAD, NEAR RAIYA TELEPHONE EXCHANGE, RAJKOT, GUJARAT</t>
  </si>
  <si>
    <t>HDFC BANK LTD, G1 AND G2,  SHRIRAM PLAZA, AYODHYA BYPASS,  BHOPAL, BHOPAL, MADHYA PRADESH</t>
  </si>
  <si>
    <t>HDFC BANK LTD, UNIT NO 7,  RCM 4,  SCHEME 140, DIL PASAND GREENS,  PIPLIYAHANA, INDORE, MADHYA PRADESH</t>
  </si>
  <si>
    <t>E7/638, ARERA COLONY, NEAR CAMPION SCHOOL,  BHOPAL (MP), BHOPAL, MADHYA PRADESH</t>
  </si>
  <si>
    <t>HDFC BANK LTD, GROUND FLOOR,  FORTUNE PLAZA, M G ROAD,  OPP SANTOOR HOTEL, JUNAGADH, GUJARAT</t>
  </si>
  <si>
    <t>HDFC BANK LTD,  LG 1, 2, 3, 4 AND 5, BESTECH CENTER POINT, A BLOCK,  SUSHANT LOK 1, GURGAON, HARYANA</t>
  </si>
  <si>
    <t>HDFC BANK LTD, LINK ROAD, NEAR MANOHAR DAS JI KI SAMADHI, RATANGARH, RAJASTHAN., RATANGARH, RAJASTHAN</t>
  </si>
  <si>
    <t>HDFC BANK LTD, 1344,  DEVPURAM LINK ROAD, GANDHI COLONY, MUZZAFFARNAGAR, UTTAR PRADESH</t>
  </si>
  <si>
    <t>HDFC BANK LTD,  SHOP NO 69, 70 AND 71, SPAZE PLATINUM TOWER, SOHNA ROAD,  SECTOR 49, GURGAON, HARYANA</t>
  </si>
  <si>
    <t>HDFC BANK LTD, FIRST FLOOR,  SATYAM PLAZA, NR.RASPAN PARTY PLOT, NIKOL., AHMEDABAD, GUJARAT</t>
  </si>
  <si>
    <t>HDFC BANK LTD,  G-2,  GROUND FLOOR, AGM GRANDEUR,  NANALNAGAR JUNCTION, RETHIBOWLI,  TOLICHOWKI, HYDERABAD, TELANGANA</t>
  </si>
  <si>
    <t>HDFC BANK LTD, H.NO.28/982, OPP GOVERNMENT HOSPITAL, NOONEPALLI,  NANDYAL., NANDYAL, ANDHRA PRADESH</t>
  </si>
  <si>
    <t>2-100/1/2,  GF-3,  PLOT NO  7,  8,  9, MAYFAIR APARTMENTS, YENDADA,  VIZAG, VISAKHAPATNAM, ANDHRA PRADESH</t>
  </si>
  <si>
    <t>GROUND FLOOR, CITY SURVEY NO 8101, TILWANI TELI SAMAJ TRUST BUILDING, MUNCIPAL HOUSE NO.3, 14.13, SHAHGUNJ, AURANGABAD, MAHARASHTRA</t>
  </si>
  <si>
    <t>HDFC BANK LTD, PLOT NO 158/1719,  , WARD NO 13 DARAGAON, TADONG, SIKKIM</t>
  </si>
  <si>
    <t>HDFC BANK LTD, TOWER 2C, ADJACENT FOOD COURT, EMBASSY TECH VILLAGE, OUTER RING RD, BANGALORE, KARNATAKA</t>
  </si>
  <si>
    <t>SHOP NO 102B,  GROUND FLOOR, KTC ILLUMINATION,  NEAR WESTIN HOTEL, VITTAL RAO NAGAR,  MADHAPUR, HYDERABAD, TELANGANA</t>
  </si>
  <si>
    <t>HDFC BANK LTD, M M UNIVERSITY CAMPUS, BHUDIAN,  AMBALA, AMBALA, HARYANA</t>
  </si>
  <si>
    <t>HDFC BANK LTD, 61/2 , NARWAL CHOURAHA, OPP PETROL, PUMP, SECTOR F, SANWER ROAD, INDORE, MADHYA PRADESH</t>
  </si>
  <si>
    <t>GROUND FLOOR PLOT NO 2018-09-10, SHRI KRISHNA PLAZA,  NEAR PARIJAT, BLDG,  CHERITAL WARD,  NEAR DAMOHNAKA, JABALPUR, MADHYA PRADESH</t>
  </si>
  <si>
    <t>RAJ PALACE, FIRST FLOOR, SHOP NO.22, ABOVE MADHAV MEDICINE,  , NEAR ANMOL ARCADE, SADHU VASWANI RD., RAJKOT, GUJARAT</t>
  </si>
  <si>
    <t>HDFC BANK LTD,  SURVEY NO.31/1, CHIKKAKANNELLI VILLAGE, SARJAPUR MAIN ROAD,  VARTHUR HOBLI, BANGALORE, KARNATAKA</t>
  </si>
  <si>
    <t>HDFC BANK LTD,  CG- 1, PARSHWAVATIKA, OPP TO NANDINI MILK DIARY,  NO.193/3, AND 193/5,  SIDDHARTHA CIRCLE, MYSORE, KARNATAKA</t>
  </si>
  <si>
    <t>HDFC BANK LTD, UGF 102,  THE PARADISE MALL, UPPAL SOUTHERN,  SECTOR 49, GURGAON, HARYANA</t>
  </si>
  <si>
    <t>HDFC BANK LTD,  SHOP NO 1 TO 5, GROUND FLOOR,  HIR ASHA ARCADE, SAGAR SANGEET CROSS ROAD, AHMEDABAD, GUJARAT</t>
  </si>
  <si>
    <t>48-6-23,  GROUND FLOOR, SRI RAMA SAI GAYATHRI CASTLE, SRI NAGAR,  NEAR RAMATAKIES THEATRE, VISAKHAPATNAM, ANDHRA PRADESH</t>
  </si>
  <si>
    <t>HDFC BANK LTD,  GROUND FLOOR, PLOT 12-13,  NEAR MAYUR HOTEL, WARD 3, SEHORE NAKA,  MAIN ROAD,  , BHOPAL, MADHYA PRADESH</t>
  </si>
  <si>
    <t>HDFC BANK LTD, 11,  KANHA AVENUE,  GUMASTA NAGAR, RANJIT HANUMAN MAIN ROAD, INDORE, MADHYA PRADESH</t>
  </si>
  <si>
    <t>HDFC BANK LTD, ESC FOOD COURT, 1ST FLOOR, EMBASSY MANYATA BUSINESS, PARK, RANCHENAHALLI OUTER RING ROAD, BANGALORE, KARNATAKA</t>
  </si>
  <si>
    <t>HDFC BANK LTD, H NO 3-9 AND 3-10,  GROUND FLOOR, GOWLIDODDI,  GOPANPALLY, HYDERABAD, TELANGANA</t>
  </si>
  <si>
    <t>HDFC BANK LTD, RN TAGORE ROAD, NEAR BAIGACHI MORE,  SANTIPUR, SANTIPUR, WEST BENGAL</t>
  </si>
  <si>
    <t>HDFC BANK LTD,  GROUND FLOOR, SHOP NO 14 AND 15,  RAJ PALACE, NEAR PANCHWATI COLONY,  G T ROAD,  , GHAZIABAD, UTTAR PRADESH</t>
  </si>
  <si>
    <t>SY NO 403/24,  H NO 8-2-120/117/7/A, GROUND FLOOR,  PUNNAIAH PLAZA, ROAD NO 2,  BANJARA HILLS, HYDERABAD, TELANGANA</t>
  </si>
  <si>
    <t>HDFC BANK LTD, CHANDIGARH UNIVERSITY CAMPUS, VPO GHARUAN,  DISTT MOHALI, MOHALI, PUNJAB</t>
  </si>
  <si>
    <t>DOOR NO:43, 9, 189, KOLAGATLA ARCADE, SUBBALAXMI NAGAR,  MAIN ROAD., NEW COLONY, DONDAPARTHY., VISAKHAPATNAM, ANDHRA PRADESH</t>
  </si>
  <si>
    <t>HDFC BANK LTD, 28 BOSEPUKUR ROAD, KOLKATA, KOLKATA, WEST BENGAL</t>
  </si>
  <si>
    <t>GROUND FLOOR,  G3,  SECTOR 3,  BLOCK B, SURVEY NO 105 TO 108,  100 FEET ROAD, ARYAMITHRA TRENTON PARK,  NEKNAMPUR, HYDERABAD, TELANGANA</t>
  </si>
  <si>
    <t>HDFC BANK LTD, GROUND FLOOR, AJINKYA PLAZA, PLOT NO 18, GAT NO 107, BEED BYPASS ROAD., AURANGABAD, MAHARASHTRA</t>
  </si>
  <si>
    <t>HDFC BANK LTD, I-10 NEW GARIA DEVELOPMENT HOUSING, CO-OP SOCIETY,  MOUZA CHAKGARIA, KOLKATA, WEST BENGAL</t>
  </si>
  <si>
    <t>HDFC BANK LTD, GROUND FLOOR, BAGMANE COMMERZ 1, BAGMANE, TECH PARK, CV RAMAN NAGAR., BANGALORE, KARNATAKA</t>
  </si>
  <si>
    <t>SMR ARCADE, 1, 31, 885, NR,  PLOT NO 26, KANAJIGUDA, ALWAL, HYDERABAD, TELANGANA</t>
  </si>
  <si>
    <t>KHARBANDA COMPLEX, 1.1 SARDAR PATEL MARG, CIVIL LINES, ALLAHABAD, UTTAR PRADESH</t>
  </si>
  <si>
    <t>GROUND FLOOR,  KHATOD PLAZA, CS NO 12102,  PLOT NO 73, NEAR APNA BAZAR,  ICHALKARANJI, ICHALKARANJI, MAHARASHTRA</t>
  </si>
  <si>
    <t>HDFC BANK LTD, GR FLOOR AND 1ST FLOOR, SHANTI RATNA, ANAM RING ROAD, STATION ROAD, BHUJ, BHUJ, GUJARAT</t>
  </si>
  <si>
    <t>HDFC BANK LTD,  GROUND FLOOR, SHOP NO 25,  25A,  31C AND 31D, SPAZE PALAZO,  SECTOR 69, GURGAON, HARYANA</t>
  </si>
  <si>
    <t>HDFC BANK LTD,  GROUND FLOOR, DOOR NO 21/5794 B/C,  SR SQUARE, CHEVAYOOR,  KOZHIKODE DISTRICT, KOZHIKODE, KERALA</t>
  </si>
  <si>
    <t>HDFC BANK LTD, 1751,  TRICHY ROAD,  , RAMANATHAPURAM, COIMBATORE, TAMIL NADU</t>
  </si>
  <si>
    <t>HDFC BANK LTD, BUILDING NO 44/212G,  NEW NO 45/509, RANI PLAZA,  LOGANS ROAD,  KANNUR, THALASSERY, KERALA</t>
  </si>
  <si>
    <t>GROUND FLOOR, LAXMI BHAWAN, PLOT NO 896/926, WARD NO 31, KRANTI NAGAR, TANSEN ROAD, NEAR LOCO, GWALIOR, MADHYA PRADESH</t>
  </si>
  <si>
    <t>HDFC BANK LTD, GRACIA HEIGHTS 1, 2.SNEHLATAGANJ, DRP SQUARE, INDORE, MP., INDORE, MADHYA PRADESH</t>
  </si>
  <si>
    <t>HDFC BANK LTD, JEET GAMMA, 1447/1,  MADURDAHA, KOLKATA, WEST BENGAL</t>
  </si>
  <si>
    <t>HDFC BANK LTD, FIRST FLOOR,  NO 10, ARCOT ROAD,  LAKSHMI NAGAR, CHENNAI, TAMIL NADU</t>
  </si>
  <si>
    <t>HDFC BANK LTD, ANNAPOORNA ENCLAVE, TIN FACTORY,  ITPL ROAD,  HOODI, BANGALORE, KARNATAKA</t>
  </si>
  <si>
    <t>NO 294/A/B - 12TH CROSS, IDEAL HOMES TOWNSHIP, RAJARAJESHWARI NAGAR, BANGALORE, KARNATAKA</t>
  </si>
  <si>
    <t>HDFC BANK LTD. PINNACLE, BHAKTINAGAR STATION MAIN ROAD, OPP.SATYA VIJAY PATEL, ICE CREAM, RAJKOT, GUJARAT</t>
  </si>
  <si>
    <t>HDFC BANK LTD,  GROUND FLOOR, TIMES SQUARE II,  NEAR AVALON HOTEL, SINDHUBHAVAN ROAD,  AHMEDABAD, AHMEDABAD, GUJARAT</t>
  </si>
  <si>
    <t>HDFC BANK LTD, NARESH ENCLAVE, PANPOSH CHOWK,  ROURKELA, ROURKELA, ODISHA</t>
  </si>
  <si>
    <t>HDFC BANK LTD,  SHOP NO 1B, 2, AND 5,  CTS NO 81 AND 81/1, MASJID ROAD,  DIST SATARA, MAHABALESHWAR, MAHARASHTRA</t>
  </si>
  <si>
    <t>HDFC BANK LTD, VISHWA PRESTIGE, GROUND FLOOR, RAJLAXMI CHOWK,  DEVAKAR PANAND., KOLHAPUR, MAHARASHTRA</t>
  </si>
  <si>
    <t>HDFC BANK LTD, DAYANAND MEDICAL COLLEGE AND, HOSPITAL,  TAGORE NAGAR, LUDHIANA, PUNJAB</t>
  </si>
  <si>
    <t>HDFC BANK LTD., SHOP NO. 3 ADITYA APARTMENT, MATOSHREE NAGAR, TIDKE COLONY., NASHIK, MAHARASHTRA</t>
  </si>
  <si>
    <t>GROUND FLOOR,  SHOP NO 10 AND 11, EARTH ICON,  NR KHODIYAR NAGAR, CHAR RASTA,  NEW VIP ROAD, VADODARA, GUJARAT</t>
  </si>
  <si>
    <t>HDFC BANK LTD, UPPER GROUND FLOOR, 84,  RING ROAD,  KALYANPUR WEST, LUCKNOW, UTTAR PRADESH</t>
  </si>
  <si>
    <t>HDFC BANK LTD, WARD NO.7,  PAKURTOLA MORE, DIST BIRBHUM, NALHATI, WEST BENGAL</t>
  </si>
  <si>
    <t>THE ADDRESS COMMERCIA,  FIRST FLOOR, SHOP NO 101, 102 AND 103,  S.NO.164, PUNE BANGALORE HIGHWAY,  WAKAD, PUNE, MAHARASHTRA</t>
  </si>
  <si>
    <t>HDFC BANK LTD, B 20/44,  A-2 GUNJAN COMPLEX, BHELUPUR, VARANASI, UTTAR PRADESH</t>
  </si>
  <si>
    <t>HDFC BANK LTD,  FIRST FLOOR, RAIPUR MUNICIPAL CORPORATION BLDG, WHITE HOUSE NEAR,  MAHILA THANA, RAIPUR, CHHATTISGARH</t>
  </si>
  <si>
    <t>HDFC BANK LTD, GROUND FLOOR,  NEAR TRAFFIC POINT, BAWNGKAWN, AIZAWL, MIZORAM</t>
  </si>
  <si>
    <t>HDFC BANK LTD,  FIRST FLOOR, LANDMARK COMPLEX,  OPP SEEMA HALL, 100 FEET ROAD,  SATELLITE, AHMEDABAD, GUJARAT</t>
  </si>
  <si>
    <t>HDFC BANK LTD, SEVOKE 1, LOWER GROUND, FLOOR, OPPOSITE SACHITRA HOTEL, SEVOKE ROAD WARD NO 43., SILIGURI, WEST BENGAL</t>
  </si>
  <si>
    <t>1ST FLOOR, ASPINWALL HOUSE, KOWDIAR KURAVANKONAM ROAD, KOWDIAR, TRIVANDRUM., TRIVANDRUM, KERALA</t>
  </si>
  <si>
    <t>HDFC BANK LTD, UNIT NO C AND D,  A K PLAZA, S V ROAD,  OPP MTNL GOREGAON WEST, MUMBAI, MAHARASHTRA</t>
  </si>
  <si>
    <t>HDFC BANK LTD, WARD NO 11,  OPPOSITE WATER TANK, STATION ROAD,  DISTRICT BIKANER, SHRI DUNGARGARH, RAJASTHAN</t>
  </si>
  <si>
    <t>HDFC BANK LTD, 53,  SAJJAN MILL ROAD, NEAR SAJJAIN MILL GATE RATLAM, RATLAM, MADHYA PRADESH</t>
  </si>
  <si>
    <t>GROUND FLOOR, DOOR NO. 44, 4012 D, STADIUM LINK ROAD ,  KALOOR , KOCHI, KERALA</t>
  </si>
  <si>
    <t>HDFC BANK LTD,  UNIT NO 102, FIRST FLOOR,  ONE HORIZON CENTER, SECTOR 43,  GOLF COURSE ROAD, GURUGRAM, HARYANA</t>
  </si>
  <si>
    <t>URIPOK MAYAI LEIKAI, NEAR TRAFFIC POINT, MPHAL WEST MANIPUR, IMPHAL, MANIPUR</t>
  </si>
  <si>
    <t>HDFC BANK LTD,  MEZ FLOOR, SLIVANA COUNTRY S.NO.1 SHOP NO.1, CHOVISAWADI CHAROLI BK, PUNE, MAHARASHTRA</t>
  </si>
  <si>
    <t>HDFC BANK LTD,  DIVINE TOWER , AT ROAD ,  SANTIPUR BUS STOP, BHARALUMUKH., GUWAHATI, ASSAM</t>
  </si>
  <si>
    <t>HDFC BANK LTD, GOLE MARKET,  PLOT NO 63 B,  , GANDHI NAGAR,  JAMMU, JAMMU, JAMMU AND KASHMIR</t>
  </si>
  <si>
    <t>HDFC BANK LTD, NEAR BJP HQ, TRIKUTA NAGAR, JAMMU, JAMMU, JAMMU AND KASHMIR</t>
  </si>
  <si>
    <t>SONAL BUSINESS PARK,  SHOP NO 15, 16, 17,  PLOT NO RL 137,  NR GHARDA, CIRCLE,  MIDC,  DOMBIVLI EAST, DOMBIVLI, MAHARASHTRA</t>
  </si>
  <si>
    <t>HDFC BANK LTD,  SHOP NO 6, GROUND FLOOR,  PURANIK CAPITOL, G B ROAD,  KASARVADAVLI,  THANE WEST, THANE, MAHARASHTRA</t>
  </si>
  <si>
    <t>HDFC BANK LTD,  UPPER GROUND FLOOR, A SQUARE COMPLEX,  PLOT NO A-139/140, OMNAGAR,  TARSALI ROAD, VADODARA, GUJARAT</t>
  </si>
  <si>
    <t>HDFC BANK LTD, 356/20A, N S C, BOSE ROAD, KOLKATA, WEST BENGAL</t>
  </si>
  <si>
    <t>HDFC BANK LTD, GROUND FLOOR, NO 11, 545, MEDAVAKKAM MAIN ROAD, KOVILAMBAKKAM, CHENNAI, TAMIL NADU</t>
  </si>
  <si>
    <t>HDFC BANK LTD, SUNWORLD VANALIKA SECTOR 107, NOIDA, NOIDA, UTTAR PRADESH</t>
  </si>
  <si>
    <t>HDFC BANK LTD, NEAR KALI MATA MANDIR, KALIYAR ROAD,  BAHADRABAD,  HARIDWAR, HARIDWAR, UTTARAKHAND</t>
  </si>
  <si>
    <t>HDFC BANK LTD,  KRISHNA NIWAS, OPP POWER HOUSE,  MALL ROAD, NEXT TO IDBI BANK,  PAURI- GARHWAL, PAURI, UTTARAKHAND</t>
  </si>
  <si>
    <t>HDFC BANK LTD, NEGI BHAWAN,  SACHIDANAND NAGAR, RUDRAPRAYAG, RUDRAPRAYAG, UTTARAKHAND</t>
  </si>
  <si>
    <t>HDFC BANK LTD,  GROUND FLOOR, KHASRA NO 2016,  NEAR LAKDI, TAL VILLAGE BHARAT,  BHATWARI ROAD, UTTARKASHI, UTTARAKHAND</t>
  </si>
  <si>
    <t>HDFC BANK LTD, SHOP NO 116, 117, 118 AND 119, FIRST FLOOR, VVIP STYLE MALL, GHAZIABAD, UTTAR PRADESH</t>
  </si>
  <si>
    <t>HDFC BANK LTD, Z 3, 04578, NEAR TINKONI, G T ROAD, BATHINDA, BATHINDA, PUNJAB</t>
  </si>
  <si>
    <t>HDFC BANK LTD., Ground floor, Sawlad, Demthring</t>
  </si>
  <si>
    <t>HDFC BANK LTD, MAIN ROAD,  GOSANINUAGAON, BRAHMAPUR,  ODISHA., BERHAMPUR, ODISHA</t>
  </si>
  <si>
    <t>HDFC BANK LTD., RADHEY KRISHNA BUILDING, RAEBAREILY ROAD, KALLI PASCHIM, LUCKNOW, UTTAR PRADESH</t>
  </si>
  <si>
    <t>8/234 OLD NO 12/134,  GROUND FLOOR, SONU VIHAR,  SANTO GOPALAN ROAD, KOOVAPPADAM,  ERNAKULAM, KOCHI, KERALA</t>
  </si>
  <si>
    <t>NO 77,  DEGREE CENTER, WEST WING,  BUILDING NO 3, HAL AIRPORT ROAD,  YEMLUR, BANGALORE, KARNATAKA</t>
  </si>
  <si>
    <t>HDFC BANK LTD, LG 1, 2 AND 3 SHANTI CITY CENTRE, BHAGWATI DEVI MARG , KHANDARI, AGRA, UTTAR PRADESH</t>
  </si>
  <si>
    <t>G1A THE ARENA BY TRANS STADIA, NR DIWAN BALLUBHAI SCHOOL, KANDARIA CIRCLE,  MANINAGAR, AHMEDABAD, GUJARAT</t>
  </si>
  <si>
    <t>PRATHAM PLAZA,  GROUND FLOOR, KHODIYAR COLONY MAIN ROAD, NR SALES INDIA,  JAMNAGAR, JAMNAGAR, GUJARAT</t>
  </si>
  <si>
    <t>HDFC BANK LTD, MUKHANI, HALDWANI, HALDWANI, UTTARAKHAND</t>
  </si>
  <si>
    <t>HDFC BANK LTD,  GROUND FLOOR, JP HEIGHTS RBI OFFICERS QUARTERS, BYRAMJI TOWN ,  NAGPUR , NAGPUR, MAHARASHTRA</t>
  </si>
  <si>
    <t>HDFC BANK LTD,  GROUND FLOOR, BESIDES BASANT FILLING STATION, KHARSIYA ROAD,  AMBIKAPUR,  SURGUJA, AMBIKAPUR, CHHATTISGARH</t>
  </si>
  <si>
    <t>NO 209 A,  CSI SCHOOL MATRICULATION , COMPOUND,  RACE COURSE,  , OPP TO TAJ VIVANTA HOTEL, COIMBATORE, TAMIL NADU</t>
  </si>
  <si>
    <t>HDFC Bank Ltd, Door No 42/4442-2, Ground floor, Koipurathu Building, Poojappura, Trivandrum, Kerala - 695012</t>
  </si>
  <si>
    <t>1ST FLOOR,  PYRAMID FOOD COURT, EMBASSY GOLF LINK BUSINESS PARK, INTERMEDIATE RING ROAD,  DOMLUR, BANGALORE, KARNATAKA</t>
  </si>
  <si>
    <t>HDFC BANK LTD, SHOP NO 16,  17 AND 18,  V2 REALITY, VAPI DAMAN ROAD,  VAPI, VAPI, GUJARAT</t>
  </si>
  <si>
    <t>CHARUTAR VIDYA MANDAL BRANCH, OPP STUDENT MESS,  UTILITY BUILDING, ADIT CAMPUS,  NEW VALLABH VIDYANAGAR, ANAND, GUJARAT</t>
  </si>
  <si>
    <t>HDFC BANK LTD,  SANDIP FOUNDATION,  , TRIMBAKESHWAR ROAD, AT POST MAHIRAWANI,  DIST NASHIK, NASHIK, MAHARASHTRA</t>
  </si>
  <si>
    <t>SHOP NO 2 AND 3,  RUNWAL BUILDING, OPP VEENA NAGAR BUS TOP, L B S ROAD,  MULUND WEST, MUMBAI, MAHARASHTRA</t>
  </si>
  <si>
    <t>HDFC BANK LTD, 4 B N ROAD, KAISERBAGH, LUCKNOW, UTTAR PRADESH</t>
  </si>
  <si>
    <t>HDFC BANK LTD, 1/42 F VINEET KHAND, GOMTI NAGAR, HOSARRIYA CROSSING, LUCKNOW, UTTAR PRADESH</t>
  </si>
  <si>
    <t>C P AWAS VIKAS COLONY, AWADHPURI YOJNA, AYODHAYA, AYODHAYA, UTTAR PRADESH</t>
  </si>
  <si>
    <t>HDFC BANK LTD, 24K WORLD RESIDENCES SR NO 198, NAGAR ROAD,  VIMAN NAGAR PUNE, PUNE, MAHARASHTRA</t>
  </si>
  <si>
    <t>GROUND AND MEZZANINE FLOOR, P W D 24/9 AND 10,  NEAR ASHOK, THEATRE AND SHASTRI GARDEN,  PIMPRI, PUNE, MAHARASHTRA</t>
  </si>
  <si>
    <t>UPPER GROUND FLOOR,  SURVEY NO, 390/1/2,  BATHU BASTI GARACHARMA, PORT BLAIR TEHSIL DISTRICT         , PORT BLAIR, ANDAMAN AND NICOBAR</t>
  </si>
  <si>
    <t>HDFC Bank Ltd, Ground Floor, 546/1247 Sarfarajganj, Balaganj, Hardoi Road, Lucknow, Uttar Pradesh - 226020</t>
  </si>
  <si>
    <t>HDFC BANK LTD, BIJNOR, BANTHARA ROAD NEAR CRPF CHAURAHA, VILLAGE AND POST BIJNOR, LUCKNOW, UTTAR PRADESH</t>
  </si>
  <si>
    <t>HDFC BANK LTD,  RUNWAL GREEN, R GALLERIA G 34 AND 35, MULUND GOREGAON LINK ROAD,  NAHUR, MUMBAI, MAHARASHTRA</t>
  </si>
  <si>
    <t>HDFC BANK LTD, UPPER GROUND FLOOR,  SUSHANT PLAZA, BLOCK A , GURGAON, GURGAON, HARYANA</t>
  </si>
  <si>
    <t>HDFC BANK LTD, PLOT NO 27,  SECTOR 28, VASHI, NAVI MUMBAI, MAHARASHTRA</t>
  </si>
  <si>
    <t>HDFC BANK LTD,  STILT FLOOR, 176/B/3A,  BUDHWAR PETH, NR RADHIKA TALKIES,  SATARA., SATARA, MAHARASHTRA</t>
  </si>
  <si>
    <t>HDFC BANK LTD, OPP POWER HOUSE, VILLAGE SAAIJ PATTI, BAGESHWAR, BAGESHWAR, UTTARAKHAND</t>
  </si>
  <si>
    <t>Adjacent Nagar Palika Office, Near Petrol Pump, Gopeshwar, Distt- Chamoli, Uttarakhand-246401</t>
  </si>
  <si>
    <t>HDFC BANK LTD,  SRIRAM NAGAR, PARLAKHEMUNDI ROAD, BESIDE MAA, MANGALA TEMPLE,  GUNUPUR ,  RAYAGADA, RAYAGADA, ODISHA</t>
  </si>
  <si>
    <t>HDFC BANK LTD,  GROUND FLOOR, SAGAR JYOTI APARTMENT, VIP ROAD, KOLKATA, WEST BENGAL</t>
  </si>
  <si>
    <t>HDFC BANK LTD,  SHOP NO 1 AND 2, PRITAM COMPLEX,  PLOT NO 9, ADGAON ROAD,  MUMBAI AGRA ROAD, NASHIK, MAHARASHTRA</t>
  </si>
  <si>
    <t>HDFC BANK LTD, HARDOI SITAPUR ROAD, NAHAR CHAURAHA,  MISHRIKH, SITAPUR, UTTAR PRADESH</t>
  </si>
  <si>
    <t>HDFC BANK LTD, SATELLITE TOWER, OPP ALLAHABAD BANK,  BURDWAN ROAD, SILIGURI, WEST BENGAL</t>
  </si>
  <si>
    <t>GROUND AND BASEMENT FLOOR, UNIT NO.56 , OMAXE WORLD STREET, SECTOR 79 , FARIDABAD, FARIDABAD, HARYANA</t>
  </si>
  <si>
    <t>HDFC BANK LTD,  UPPER GROUND FLOOR, GF 1 AND 2 PRUTHVIRAJ COMPLEX, NEW SAMA ROAD, VADODARA, GUJARAT</t>
  </si>
  <si>
    <t>HDFC BANK LTD,  PLOT NO 505/C/A, NEAR SAKKARDARA POLICE STATION, SAKKARDARA SQUARE,  NAGPUR, NAGPUR, MAHARASHTRA</t>
  </si>
  <si>
    <t>HDFC BANK LTD, SHOP NO 7 AND 8, GROUND FLOOR, NEELKANTH REGENT,  R. N, NARKAR ROAD, NEAR GHATKOPAR STATION, MUMBAI, MAHARASHTRA</t>
  </si>
  <si>
    <t>HDFC BANK LTD, SNO 5 UNDRI CITY CENTER, NEAR BISHOPS SCHOOL., PUNE, MAHARASHTRA</t>
  </si>
  <si>
    <t>HDFC BANK LTD, PAN OASIS, SECTOR 70,  NOIDA, NOIDA, UTTAR PRADESH</t>
  </si>
  <si>
    <t>HDFC BANK LTD,  HEMAREDDY COMPLEX, NO 3475,  MCC B BLOCK,  , UBDT BOYS HOSTEL ROAD,  2ND MAIN, DAVANGERE, KARNATAKA</t>
  </si>
  <si>
    <t>GROUND FLOOR,  SHOP NO 02, 03,   , NARTAKI SQUARE, CTS NO 4709, NEW GOOD, SHED ROAD, SHASTRI NAGAR, SHAHAPUR  , BELAGAVI, KARNATAKA</t>
  </si>
  <si>
    <t>HDFC BANK LTD, VILL P O FULIA BELEMATH, DIST NADIA, FULIA, WEST BENGAL</t>
  </si>
  <si>
    <t>HDFC BANK LTD, WARD NO.9, POST OFFICE ROAD, PIPIGANJ, GORAKHPUR., PIPIGANJ, UTTAR PRADESH</t>
  </si>
  <si>
    <t>HDFC BANK LTD,  K-21 INCOME TAX, COLONY,  DURGAPURA, TONK ROAD, LIKN ROAD,  SL MARG,  JAIPUR, JAIPUR, RAJASTHAN</t>
  </si>
  <si>
    <t>HDFC BANK LTD, HADBAST NO 86,  VILLAGE BAHADARKE, TEHSIL AND DISTT LUDHIANA, LUDHIANA, PUNJAB</t>
  </si>
  <si>
    <t>NEAR DHELA POOL, MORADABAD ROAD, KASHIPUR, KASHIPUR, UTTARAKHAND</t>
  </si>
  <si>
    <t>HDFC BANK LTD, GROUND FLOOR, CHITRAKONDA GRAM PANCHAYAT OFFICE , CHITRAKONDA,  MALKANGIRI, CHITRAKONDA, ODISHA</t>
  </si>
  <si>
    <t>HDFC Bank Ltd., Diamond Heritage, Unit HG 01A, Ground Floor, New Block 16, Strand Road, P.S.- Hare Street, Kolkatta, West Bengal</t>
  </si>
  <si>
    <t>35/16,  GROUND FLOOR,  MAIN ROAD, RAGHUNATHPUR,  JHARGRAM, NEAR OLD SETTLEMENT OFFICE, JHARGRAM, WEST BENGAL</t>
  </si>
  <si>
    <t>HDFC BANK LTD, ALI AHMED MAZUMDER MULTI PART, RABINDRA SARANI PO.DIST.HILAKANDI, HAILAKANDI, ASSAM</t>
  </si>
  <si>
    <t>HDFC BANK LTD, SULOKA TOWERS ,  2ND BLOCK, B M ROAD KUSHALNAGAR ., KUSHALNAGAR, KARNATAKA</t>
  </si>
  <si>
    <t>HDFC BANK LTD, R R DSOUZA COMPLEX, NEAR INDIAN OIL PETROL PUMP,  SHIRVA, SHIRVA, KARNATAKA</t>
  </si>
  <si>
    <t>HDFC BANK LTD, UPLOVAS,  NEAR BUS STAND , BALADIYA, BHUJ, GUJARAT</t>
  </si>
  <si>
    <t>MUNIGOL COMPLEX , GROUND FLOOR, BANASHANKARI TEMPLE ROAD, DIST HAVERI, BYADAGI, KARNATAKA</t>
  </si>
  <si>
    <t>HDFC BANK LTD,  HADBAST NO 71, VILLAGE MEHARBAAN, PO BASTI JODHEWAL,  RAHON ROAD, LUDHIANA, PUNJAB</t>
  </si>
  <si>
    <t>HDFC BANK LTD, KARAN HOTEL,  MAIN BAZAR, BAKSHI NAGAR,  JAMMU, JAMMU, JAMMU AND KASHMIR</t>
  </si>
  <si>
    <t>HDFC BANK LTD, UPPER GR FLOOR, NAGAR KOTI COMP,  WADDA TAXI STAND, SILTHAM PITHORAGARH UTTARAKHAND., PITHORAGARH, UTTARAKHAND</t>
  </si>
  <si>
    <t>VIJAYLAXMI COMPLEX,  GROUND FLOOR, GANDHI CHOWK,  GANDAGHORA, BRAJRAJNAGAR,  JHARSUGUDA, BRAJRAJNAGAR, ODISHA</t>
  </si>
  <si>
    <t>HDFC BANK LTD, GB BAZAR,  ITI ROAD, KUNJABAN,  AGARTALA,  TRIPURA, AGARTALA, TRIPURA</t>
  </si>
  <si>
    <t>BISHNUPUR MUNICIPALITY OFFICE, BISHNUPUR, DIST BANKURA, BISHNUPUR, WEST BENGAL</t>
  </si>
  <si>
    <t>HDFC BANK LTD,  SHRI DATT COMPLEX, BESIDES SHUBHAM HARDWARE, DONGAON ROAD,  MEHKAR, MEHKAR, MAHARASHTRA</t>
  </si>
  <si>
    <t>HDFC BANK LTD, 17/1,  CHANDI GHOSH ROAD, KUDGHAT, KOLKATA, WEST BENGAL</t>
  </si>
  <si>
    <t>HDFC BANK LTD,  SHOP NO 1, 2, 3,  , GANESH NAGAR,  NACHANGAON ROAD, PULGAON,  DIST WARDHA, PULGAON, MAHARASHTRA</t>
  </si>
  <si>
    <t>HDFC BANK LTD,  GROUND FLOOR , NILKANTH BUVAN, OPPOSITE TO BUS STAD, AT POST TALUKA YAWAL, YAWAL, MAHARASHTRA</t>
  </si>
  <si>
    <t>SHOP NO 11, 12, 13, 14, 15 AND 16, MAHARAJA MARKET, CHANDRAPUR ROAD, DIST.GADCHIROLI, GADCHIROLI, MAHARASHTRA</t>
  </si>
  <si>
    <t>GROUND FLOOR PLOT NO 4,  CTS 2146, SWAMINARAYAN NAGAR, OPP TO WATER TANK SAVADA TAL RAVER, SAVADA, MAHARASHTRA</t>
  </si>
  <si>
    <t>HDFC BANK LTD, NO 139,  SOUTH CAR STREET, SANKARANKOIL, SANKARANKOIL, TAMIL NADU</t>
  </si>
  <si>
    <t>SWARGAON VIVIDH KARYAKARI SEVA , SAHAKARI SOC LTD,  SAVARGAON, POST RANVAD,  TQ NIPHAD,  DIST NASHIK, NASHIK, MAHARASHTRA</t>
  </si>
  <si>
    <t>HDFC BANK LTD, GROUND AND FIRST FLOOR, HOSPITAL ROAD ,  PO AND PS KANDI, KANDI, WEST BENGAL</t>
  </si>
  <si>
    <t>NO 5/793A,  BHAVANI MAIN ROAD, KALINGARAYANPALAYAM,  , BHAVANI,  ERODE, ERODE, TAMIL NADU</t>
  </si>
  <si>
    <t>HDFC BANK LTD, NO 12,  SOUTH CAR STREET, THURAIYUR, THURAIYUR, TAMIL NADU</t>
  </si>
  <si>
    <t>HDFC BANK LTD, NO. 24A TRUNK ROAD, MAIN ROAD,  SATTUR, SATTUR, TAMIL NADU</t>
  </si>
  <si>
    <t>HDFC BANK LTD, FIRST FLOOR,  BINDA MARKET, MAIN ROAD,  PATNA,  , BIHTA, BIHAR</t>
  </si>
  <si>
    <t>GROUND FLOOR,  DATT COLONY, PLOT NO 1,  NEAR DATT MANDIR, OPPOSITE POLICE STATION ERANDOL, ERANDOL, MAHARASHTRA</t>
  </si>
  <si>
    <t>HDFC BANK LTD, RATHI COLONY, GADARWARA, GADARWARA, MADHYA PRADESH</t>
  </si>
  <si>
    <t>HDFC BANK LTD, SHOP NO 2,  3,  4, TRIMURTI COMPLEX, YEOLA ROAD, VINCHUR, NASHIK, MAHARASHTRA</t>
  </si>
  <si>
    <t>HDFC BANK LTD, VIJAYA SANNIDHI,  VIJAYA BANK BLDG, OPP NARAYAN GURU SABHA BHAVAN, MULKI, KARNATAKA</t>
  </si>
  <si>
    <t>KHASRA NO 1078/1 AND 1078/2, VILLAGE ARJUNGANJ,  SARSAWAN,        , PARGANA LUCKNOW, TEHSIL SAROJNINAGAR, LUCKNOW, UTTAR PRADESH</t>
  </si>
  <si>
    <t>HDFC BANK LTD, J 4/89-1 HANSHTALLE PILIKOTHI, NEAR H P PETROL PUMP, VARANASI, UTTAR PRADESH</t>
  </si>
  <si>
    <t>HDFC BANK LTD, HOUSE NO 73,  BASTI RAM KATRA, KAKORI., LUCKNOW, UTTAR PRADESH</t>
  </si>
  <si>
    <t>HDFC BANK LTD,  HOUSE NO 54, WARD NO 5,  GOLA BAZAR, GORAKHPUR,  UTTAR PRADESH, BARHALGANJ, UTTAR PRADESH</t>
  </si>
  <si>
    <t>Rita Mohan Building, Infront of Central Library, Jiwaji Chowk, Lashkar, Gwalior, Madhya Pradesh</t>
  </si>
  <si>
    <t>HDFC BANK LTD, SARODE COMPLEX,  NEW MODHA ROAD, BASMATH,  DIST HINGOLI, BASMATH, MAHARASHTRA</t>
  </si>
  <si>
    <t>NO 18,  SIRI,  3RD MAIN,  K R LAYOUT, DOLLARS COLONY,  JP NAGAR IV PHASE, NEAR KALYANI MAGNUM TECH PARK, BANGALORE, KARNATAKA</t>
  </si>
  <si>
    <t>HDFC BANK LTD, UG 01, 03 MOULSARI AVENUE, DLF PHASE III., GURUGRAM, HARYANA</t>
  </si>
  <si>
    <t>HDFC BANK LTD,  DOOR NO 1-427-B, GROUND FLOOR,  THANANGATTIL BUILDING, MULANTHURUTHY,  ERNAKULAM, ERNAKULAM, KERALA</t>
  </si>
  <si>
    <t>HDFC BANK LTD, NO 198, MIG, TNHB, MAMBAKKAM MAIN ROAD, SITHALAPAKKAM., CHENNAI, TAMIL NADU</t>
  </si>
  <si>
    <t>PUSHPANJALI APARTMENT, SATMANDIRTALA, SWARNAPROVA MALLICK ROAD, SINGUR, WEST BENGAL</t>
  </si>
  <si>
    <t>HDFC BANK LTD,  PREMISES AT HADBAST, NO 239,  VILLAGE MANGLI NICHI, PO RAMGARH,  LUDHIANA CHANDIGARH RD, LUDHIANA, PUNJAB</t>
  </si>
  <si>
    <t>HDFC BANK LTD, NO 34,  GROUND FLOOR, MELARAJA VEEDHI, MANNARGUDI,  THIRUVARUR, MANNARGUDI, TAMIL NADU</t>
  </si>
  <si>
    <t>HDFC BANK LTD,  MAHARAJA COMPLEX, TINBANGLA,  OPP GURUDWARA ROAD, PAKUR STATION ROAD,  P O PAKUR., PAKUR, JHARKHAND</t>
  </si>
  <si>
    <t>STILT FLOOR,  CTS NO 1046/B, J P NARAYAN CHOWK, AT POST SASWAD, PUNE, MAHARASHTRA</t>
  </si>
  <si>
    <t>HDFC BANK LTD,  KUSHAN PLAZA, 1ST FLOOR,  OPP GUWAHATI TEA ACUTION, CENTREGANESHGURI,  GUWAHATI, GUWAHATI, ASSAM</t>
  </si>
  <si>
    <t>UPPER GROUND FLOOR, GAJANAN PLAZA, NAVIPETH, NEAR MASOBA MANDIR, KAVATHE MAHANKAL, MAHARASHTRA</t>
  </si>
  <si>
    <t>HDFC BANK LTD.GROUND FLOOR, MADATHIPARAMBIL BUILDING., IB JUNCTION.PIRAVOM., ERNAKULAM, KERALA</t>
  </si>
  <si>
    <t>PLOT NO 231, FIRST FLOOR, JANAKI TOWERS, KAVURI HILLS ROAD, GUTTALA BEGUMPET,  MADHAPUR, HYDERABAD, TELANGANA</t>
  </si>
  <si>
    <t>HDFC BANK LTD,  28 CIVIL LINES, PRAGANA AND TEHSIL ROORKEE, DISTT HARIDWARUTTARAKHAND, ROORKEE, UTTARAKHAND</t>
  </si>
  <si>
    <t>DOOR NO 6/910,  KUREEKATTU BUILDING, NEAR PANCHAYATH OFFICE, PAMPADY, KOTTAYAM, PAMPADY, KERALA</t>
  </si>
  <si>
    <t>GROUND FLOOR,  SITE NO 1091,  RAJAPPA, COMPLEX,  VIDYA NAGAR,  BANGALORE , MAIN ROAD,  SARJAPUR VILLAGE SOMPURA, BANGALORE, KARNATAKA</t>
  </si>
  <si>
    <t>HDFC BANK LTD,  GROUND FLOOR, NEXT TO JAYASHREE THEATER,  , P B ROAD,  HARIHAR,  DAVANGERE DIST, HARIHAR, KARNATAKA</t>
  </si>
  <si>
    <t>FIRST FLOOR,  , VENKATRAMAN IYER LAYOUT 15TH WARD, TRICHY ROAD,  SULUR COIMBATORE, COIMBATORE, TAMIL NADU</t>
  </si>
  <si>
    <t>GROUND FLOOR AND FIRST FLOOR, NO. 47, NEELIGOVINDAPPA CHETTY, STREET, DHARNAMPET, GUDIYATHAM, TAMIL NADU</t>
  </si>
  <si>
    <t>GROUND FIRST FLOOR, PLOT NO B 209, SEMBAKKAM, VALACHERY TAMBARAM MAIN, ROAD, NEXT TO GRACE SUPER MARKET, CHENNAI, TAMIL NADU</t>
  </si>
  <si>
    <t>HDFC BANK LTD, THE CAPITAL, G BLOCK GROUND FLOOR, BKC BANDRA EAST, MUMBAI, MAHARASHTRA</t>
  </si>
  <si>
    <t>HDFC BANK LTD, L COMM 24,  KEHSAV PURAM, AWAS VIKAS, KANPUR, UTTAR PRADESH</t>
  </si>
  <si>
    <t>HDFC BANK LTD, 79, 46, GROUND FLOOR, LATOUCHE ROAD, KANPUR, UTTAR PRADESH</t>
  </si>
  <si>
    <t>HDFC BANK LTD, HOUSE NO 565, PANDEY BAZAR BASTI U P, BASTI, UTTAR PRADESH</t>
  </si>
  <si>
    <t>HDFC BANK LTD,  PLOT NO 11 B, KHASRA NO 303,  ROOPANGARH ROAD, MADANGANJ KISHANGARH,  DIST AJMER, KISHANGARH, RAJASTHAN</t>
  </si>
  <si>
    <t>HDFC BANK LTD,  4, 6, 2,  6, OPP VP SIDDARTHA PUBLIC SCHOOL, K S RAO STREET, MOGHALRAJPURAM, VIJAYAWADA, ANDHRA PRADESH</t>
  </si>
  <si>
    <t>HDFC BANK LTD, 12-58,  NEAR SHAHI MASJID, BARTAN BAZAR, MORADABAD, UTTAR PRADESH</t>
  </si>
  <si>
    <t>HDFC BANK LTD, MOHALLA PEER JADGAAN OPP, POST OFFICE ATRAULI, ALIGARH, ATRAULI, UTTAR PRADESH</t>
  </si>
  <si>
    <t>HDFC BANK LTD, KHASARA NO 2349, KACHERI ROAD, MERANA T POINT, BAYANA, BAYANA, RAJASTHAN</t>
  </si>
  <si>
    <t>PLOT NO 6 130/8, NARAYANA COMPLEX, BRTS EXPRESS WAY, PENDURTHI, VISAKHAPATNAM, ANDHRA PRADESH</t>
  </si>
  <si>
    <t>NO 76 8 20, SRI SAI BHAVANI TOWERS, BESIDE ANJANEYA RESTAURANT, CROMBAY ROAD,  BHAVANIPURAM, VIJAYAWADA, ANDHRA PRADESH</t>
  </si>
  <si>
    <t>GROUND FLOOR AND MEZZANINE FLOOR, SHOP NO 3, 4, 5 AND 6 BHUMI SIDHI, PLOT NO IC 1/4, SECTOR NO 32 A RAVET, PUNE, MAHARASHTRA</t>
  </si>
  <si>
    <t>GROUND FLOOR,  G3, SBR PEARL, PLOT, NO 2 AND 3, HUDA TECHNO ENCLAVE3, OPP RAHEJA MINDSPACE, HYDERABAD, TELANGANA</t>
  </si>
  <si>
    <t>H NO 13-9-46 13-18, GROUND FLOOR, BESIDE SAI BABA TEMPLE, HYDERABAD, TELANGANA</t>
  </si>
  <si>
    <t>PLOT NO 7/A H NO 12-1-232 7A, KRISHI NAGAR COLONY, BANDLAGUDA,  NAGOLE, HYDERABAD, TELANGANA</t>
  </si>
  <si>
    <t>PLOT NO 7,  BSR COMPLEX, 100 FEET RING ROAD, ICE FACTORY JUNCTION, VIZIANAGARAM, ANDHRA PRADESH</t>
  </si>
  <si>
    <t>HDFC BANK LTD, 1-8-65/10/GF,  PLOT NO 10, NORTH KAMALA NAGAR,  ECIL, SECUNDERABAD, TELANGANA</t>
  </si>
  <si>
    <t>HDFC BANK LTD, GROUND FLOOR, SHOP NO 05, V 03, LANDMARK BUILDING, ATLADARA PADRA MAIN ROAD., VADODARA, GUJARAT</t>
  </si>
  <si>
    <t>D NO 15-529,  1ST FLOOR, NARTHAKI CENTER,  RAMJI NAGAR, RALLAPALLI RAMASUBBAIAH STREET     , NELLORE, ANDHRA PRADESH</t>
  </si>
  <si>
    <t>D NO 19-3-1/D2, GROUND FLOOR, RENIGUNTA ROAD,  TIRUPATI, TIRUPATHI, ANDHRA PRADESH</t>
  </si>
  <si>
    <t>HDFC BANK LTD, MAHBOOB MANZIL, PHULPUR DEHAT, L B MARG, AZAMGARH, PHULPUR, UTTAR PRADESH</t>
  </si>
  <si>
    <t>HDFC BANK LTD, PLOT NO 8, 9, 10, RATANLAL NAGAR, NEAR BOI, KANPUR, UTTAR PRADESH</t>
  </si>
  <si>
    <t>HDFC BANK LTD, PLOT NO. 46, BLOCK P, SISAMAU, P ROAD, NEAR LENIN PARK., KANPUR, UTTAR PRADESH</t>
  </si>
  <si>
    <t>HDFC BANK LTD, 6/233,  TYAGI MARKET, PREM NAGER,  DEHRADUN, DEHRADUN, UTTARAKHAND</t>
  </si>
  <si>
    <t>HDFC BANK LTD, C 18,  BLOCK D,  200 FT ROAD, SHYAM NAGAR, KANPUR, UTTAR PRADESH</t>
  </si>
  <si>
    <t>HDFC BANK LTD, MANJHANPUR CHAURAHA, MANJHANPUR,  KAUSHAMBI, KAUSHAMBI, UTTAR PRADESH</t>
  </si>
  <si>
    <t>GROUND FLOOR, ARAZI NO 165, 167, MAUJA TIKHAMPUR, TEHSIL BALLIA, BALLIA BANSDEEH ROAD, A D B BRANCH, BALLIA, UTTAR PRADESH</t>
  </si>
  <si>
    <t>HDFC BANK LTD, PLOT NO 514,  TRANSPORT NAGAR, COMMERCIAL SCHEME, MUNDERA, PRAYAGRAJ, PRAYAGRAJ, UTTAR PRADESH</t>
  </si>
  <si>
    <t>HDFC BANK LTD, ZAMANIA MARKET COLLEGE ROAD,  NEAR, ZAMANIA RAILWAY STATION, ZAMANIA, ZAMANIA, UTTAR PRADESH</t>
  </si>
  <si>
    <t>HDFC BANK LTD, PLOT NO 12,  GAT NO 15/1-15/2, AVADHAN,  DHULE, AVADHAN, MAHARASHTRA</t>
  </si>
  <si>
    <t>HDFC BANK LTD, GROUND FLOOR, SHOP NO 1, GERA GRAND SOCIETY, NEAR VRINDAWAN GARDEN, T P NO 438, PUNE, MAHARASHTRA</t>
  </si>
  <si>
    <t>HDFC BANK LTD,  GROUND FLOOR,  , SHOP NO 03,  PRIVILEGE AVENUE,  B/H  , ATLANTIS HEIGHTS,  NR GENDA CIRCLE,  , VADODARA, GUJARAT</t>
  </si>
  <si>
    <t>GROUND FLOOR, ADITYA COMPLEX, 265-266, SANDALWOOD SOCIETY, NEAR DARBAR CHOWKDI, MANJALPUR., VADODARA, GUJARAT</t>
  </si>
  <si>
    <t>SWAPNA VIHAR FLAT NO G2 AND G4, PLOT NO 14 TO 21, SURVEY NO 55 PART, KHANAMET VILLAGE,  , HYDERABAD, TELANGANA</t>
  </si>
  <si>
    <t>HDFC BANK LTD, SHOP NO 126, 127, 128, 129, GULSHAN IKE BANA, SECTOR 143, GAUTAM BUDH NAGAR, NOIDA, UTTAR PRADESH</t>
  </si>
  <si>
    <t>GROUND AND FIRST FLOOR, PROP NO 559 D,  OPP SBI AND JS HINDU, DEGREE COLLEGE,  AMROHA, AMROHA, UTTAR PRADESH</t>
  </si>
  <si>
    <t>HDFC BANK LTD, 8 Q 1, 6,  RC VYAS COLONY, BHILWARA , RAJASTHAN, BHILWARA, RAJASTHAN</t>
  </si>
  <si>
    <t>HDFC BANK LTD, MULMANI BHAVAN, RANI ROAD, KHERWARA, KHERWARA, RAJASTHAN</t>
  </si>
  <si>
    <t>HDFC Bank Ltd, Ground Floor,  Trinity Tower, 83, Topsia Road (S), Kolkata, West Bengal - 700046</t>
  </si>
  <si>
    <t>SY NO 95,  PART A,  1ST FLOOR, NCL SHANKARI COMPLEX, HT ROAD PETBASHEERABAD, SECUNDERABAD, TELANGANA</t>
  </si>
  <si>
    <t>HDFC BANK LTD, NEAR RAMJANKI MANDIR DUDAHI, KUSHINAGAR, KUSHINAGAR, UTTAR PRADESH</t>
  </si>
  <si>
    <t>HDFC BANK LTD, SONAMURA, RABINDRA NAGAR SEPAHIJALA, TRIPURA, SONAMURA, TRIPURA</t>
  </si>
  <si>
    <t>HDFC BANK LTD, NO.27, TARAMANI VALACHERY LINK ROAD, CHENNAI, CHENNAI, TAMIL NADU</t>
  </si>
  <si>
    <t>HDFC BANK LTD, PLOT NO A 76,  OLD NO 15, NEW NO 37, 11TH AVENUE ASHOK NAGAR, CHENNAI, TAMIL NADU</t>
  </si>
  <si>
    <t>HDFC BANK LTD. , NO 6 MK PALAYAM ROAD, PEELAMEDU., COIMBATORE, TAMIL NADU</t>
  </si>
  <si>
    <t>HDFC BANK LTD, SEEPAT ROAD, OPP PNB, GRAM PANCHAYAT LIGIYADIH, BILASPUR, CHHATTISGARH</t>
  </si>
  <si>
    <t>HDFC BANK LTD,  GROUND FLOOR, 64/15,  MAHATMA GANDHI ROAD, NEAR SIRITY MORE, KOLKATA, WEST BENGAL</t>
  </si>
  <si>
    <t>NO 1, SHIVA NAGAR, KOVAI ROAD,  100 FT ROAD, KOVAIPUDUR, COIMBATORE, TAMIL NADU</t>
  </si>
  <si>
    <t>HDFC BANK LTD, S 19, 47, WARD, SIKROL, NADESAR,  VARANASI, VARANASI, UTTAR PRADESH</t>
  </si>
  <si>
    <t>HDFC BANK LTD, NO 289,  MRH ROAD, MADHAVARAM, CHENNAI, TAMIL NADU</t>
  </si>
  <si>
    <t>HDFC Bank Ltd, Ward # 5, Hotel Vimal, Near Bus Stand, Bhadra, Kotma, Anuppur, Madhya Pradesh - 484334</t>
  </si>
  <si>
    <t>HDFC BANK LTD, CHIRANJEEV MARKET, MALL, MALIHABAD, LUCKNOW, UTTAR PRADESH</t>
  </si>
  <si>
    <t>HDFC BANK LTD, A 30, 32, 33, VIDYA TOWER, AKHALIYA CIRCLE, JODHPUR, JODHPUR, RAJASTHAN</t>
  </si>
  <si>
    <t>HDFC BANK LTD, HATLI MORH KATHUA, ., KATHUA, JAMMU AND KASHMIR</t>
  </si>
  <si>
    <t>HDFC Bank Ltd, Main Chowk, Miran Sahib, Adjacent to Canara Bank, Jammu, Jammu &amp; Kashmir - 181101</t>
  </si>
  <si>
    <t>BUILDING NO 8/2351,  FRONT PORTION, ADJACENT TO UNION BANK, NEW PRATAP NAGAR,  RAIWALA          , SAHARANPUR, UTTAR PRADESH</t>
  </si>
  <si>
    <t>HDFC BANK LTD, 1336, 1115 C,  MALVIYA NAGAR, KALYANI DEVI,  PRAYAGRAJ, PRAYAGRAJ, UTTAR PRADESH</t>
  </si>
  <si>
    <t>GROUND FLOOR, HRIDYAM ARCADE, KOVILAKTHAMPADAM, THRISSUR 20 , THRISSUR, KERALA</t>
  </si>
  <si>
    <t>HDFC BANK LTD, SCF 46 GROUND AND FIRST FLOOR, PHASE 5 MOHALI, MOHALI, PUNJAB</t>
  </si>
  <si>
    <t>HDFC BANK LTD, GROUND FLOOR, PREMISES, RAMAN CINEMA ROAD, MANSA, MANSA, PUNJAB</t>
  </si>
  <si>
    <t>GROUND FLOOR,  V N GREENS, SHOP NO 1 TO 5,  BEHIND DREAM SQUARE, NR NIRNAYNAGAR UNDER BRIDGE,  VADAJ, AHMEDABAD, GUJARAT</t>
  </si>
  <si>
    <t>GROUND FLOOR,  SHOP NO 16, EMPIRE HEIGHTS,  OPP SAHAYADRI, BUNGALOWS,  TULSI KUNJ,  GHODASAR, AHMEDABAD, GUJARAT</t>
  </si>
  <si>
    <t>HDFC BANK LTD,  , GROUND FLOOR, 133A/351,  JAKHAN, RAJPUR ROAD, DEHRADUN, DEHRADUN, UTTARAKHAND</t>
  </si>
  <si>
    <t>HDFC BANK LTD, SHOWROOM NO 3, MAYFAIR TOWER CTS NO 28, MUMBAI, PUNE ROAD, SHIVAJINAGAR, PUNE, MAHARASHTRA</t>
  </si>
  <si>
    <t>HDFC BANK LTD, SKYLAR BUILDING, GR FL, OPP.PRAHLADNAGAR FIRE STATION, MAKARBA,  CORPORATE ROAD, AHMEDABAD, GUJARAT</t>
  </si>
  <si>
    <t>GROUND GLOOR,  SVY NO 114/C1, D.NO.12-456/1,  BY PASS ROAD, REVENUE WARD NO.12, TADEPALLI BYPASS, TADEPALLE, ANDHRA PRADESH</t>
  </si>
  <si>
    <t>HDFC BANK LTD, GROUND FLOOR,  PLOT NO.6, JYOTI ROAD, NEAR BUS STOP, GADCHANDUR, MAHARASHTRA</t>
  </si>
  <si>
    <t>HDFC Bank Ltd, Ground &amp; First Floor, Asha Tower, Near Bhurawav Chiwkdi, Lunawada Road, Godhra, Dist Panchmahal, Gujarat - 389001</t>
  </si>
  <si>
    <t>HDFC BANK LTD, PLOT NO 109 SAI BABA OFFICE COLONY, YAPRAL,  SECUNDERABAD, SECUNDERABAD, TELANGANA</t>
  </si>
  <si>
    <t>HDFC BANK LTD, 4-10-182-1,  DEVARAKONDA RD, NALGONDA, NALGONDA, TELANGANA</t>
  </si>
  <si>
    <t>HDFC BANK LTD,  GR FLOOR, SHOP NO 24-27,  LAXMI IN COMPLEX, NEAR ST BUS STAND,  DAHOD, DAHAD, GUJARAT</t>
  </si>
  <si>
    <t>GROUND FLOOR, SOCIETY BUILDING, YMCA CROSS ROAD, CALICUT, CALICUT, KERALA</t>
  </si>
  <si>
    <t>HDFC BANK LTD,  SHOP NO 320/26, NEW 01/19,  PART A,  BEAWAR ROAD, RAMGANJ,  AJMER, AJMER, RAJASTHAN</t>
  </si>
  <si>
    <t>GROUND FLOOR AND MEZZANINE, SHOP NO 3 AND 4, BLUE HILLS CO-OP, HOUSING SOCIETY, PUNE AHMADNAGAR RD, PUNE, MAHARASHTRA</t>
  </si>
  <si>
    <t>HDFC BANK LTD,  GROUND FLOOR, JUHI APARTMENT, VISVAKUNJ CROSS ROAD, SHANTIVAN,  PALDI, AHMEDABAD, GUJARAT</t>
  </si>
  <si>
    <t>HDFC BANK LTD,  PLOT NO LS-01, UNIT NO 44, 45, 46, 47, 48, 49,  BETA, PLAZA, SEC-BETA-1,  GAUTAM BUDH NAGAR, GREATER NOIDA, UTTAR PRADESH</t>
  </si>
  <si>
    <t>HDFC Bank Ltd, Ground Floor, Shop No 12A,14,15,16, City Square, Paramount Emotions, Greater Noida West, Noida Extention, Gautam Budh Nagar, Uttar Pradesh - 201305</t>
  </si>
  <si>
    <t>HDFC BANK LTD, BANK STREET, WARD NO 15, LACHHMANGARH, DIST SIKAR, LACHHMANGARH, RAJASTHAN</t>
  </si>
  <si>
    <t>HDFC BANK LTD, SAPATH 4,  GR FLOOR, NEAR RROWN PLAZA,  S G HIGHWAY, AHMEDABAD, GUJARAT</t>
  </si>
  <si>
    <t>HDFC BANK LTD,  ANUMAP ARCADE, SHOP NO 9-14,  1ST FLOOR, PALSANA CROSS ROAD,  SURAT, PALSANA, GUJARAT</t>
  </si>
  <si>
    <t>HDFC Bank Ltd, Ground &amp; First Floor, Shweta Tower, 1 A/122-C, The Mall, PPN market, Kanpur, Uttar Pradesh - 208001</t>
  </si>
  <si>
    <t>HDFC BANK LTD, GROUND FLOOR, MAIN ROAD, A P COLONYGAYA, BIHAR, GAYA, BIHAR</t>
  </si>
  <si>
    <t>HDFC Bank Ltd, Shop No 8,9,17,18,19,20 Capital Galleria, Manu Marg, Alwar, Rajasthan - 301001</t>
  </si>
  <si>
    <t>HDFC Bank Ltd., Samdariya Centre Point, New Bus Stand, Rewa, ( M.P.)</t>
  </si>
  <si>
    <t>HDFC Bank Ltd, Bodkhe Complex, 627/1, 628/2, Ward # 15, Main Nagpur Road, Sausar, Chhindwara, Madhya Pradesh - 480106</t>
  </si>
  <si>
    <t>HDFC BANK LTD, WARD NO 1, RISHIKESH ROAD NEAR POST OFFICE, DOIWALA DEHRADUN, DOIWALA, UTTARAKHAND</t>
  </si>
  <si>
    <t>HDFC BANK LTD, AYODHYA COMPLEX,  , GROUND FLOOR, SHRIVARDHAN, DIST RAIGARH, SHRIVARDHAN, MAHARASHTRA</t>
  </si>
  <si>
    <t>SY NO 1335, 1342, GROUND FLOOR, BANK COLONY,  AREPALLI MAIN ROAD, OPP R AND B QUARTERS,  KARIMNAGAR, KARIMNAGAR, TELANGANA</t>
  </si>
  <si>
    <t>HDFC BANK LTD, CHANDAMETA ROAD, NEAR LIC OFFICE PARASIA, PARASIA, MADHYA PRADESH</t>
  </si>
  <si>
    <t>HDFC BANK LTD, GROUND FLOOR,  MAIN ROAD, BHAGWAN BAZAR, CHHAPRA, BIHAR</t>
  </si>
  <si>
    <t>HDFC BANK LTD, WARD NO 7, NEAR LIC OFFICE, MAIN ROAD NIWARI M P, NIWARI, MADHYA PRADESH</t>
  </si>
  <si>
    <t>HDFC BANK LTD, GROUND FLOOR 55, BANDEL STATION ROAD, O BENDAL P.S. CHINSURA, BANDEL, WEST BENGAL</t>
  </si>
  <si>
    <t>HDFC BANK LTD, JAIPUR ROAD , MAHWA DIST DAUSA, RAJASTHAN, MAHWA, RAJASTHAN</t>
  </si>
  <si>
    <t>HDFC Bank Ltd, Ground Floor,  Keshav Kamal Complex, First Floor, RD Lodge, Main Road, Ahwa, Dang, Gujarat - 394710</t>
  </si>
  <si>
    <t>HDFC BANK LTD, GC- 3, I GH-3, SHOP NO -17, 18, 19, 8, 9, 9A, ADELLA RAJ, RESIDENCY GAUR CITY 2, SEC 16 C, NOIDA, UTTAR PRADESH</t>
  </si>
  <si>
    <t>HDFC BANK LTD,  , SHOP NO 314, SHREE GOPAL NAGAR, 80 FEET ROAD GOPALPURA BYEPASS, JAIPUR, RAJASTHAN</t>
  </si>
  <si>
    <t>HDFC BANK LTD, GROUND FLOOR PLOT NO 15, WARD NO 15, NEAR GARIMA MARBLES, STATION ROAD, SAKTI, CHHATTISGARH</t>
  </si>
  <si>
    <t>HDFC  BANK LTD, GROUND FLOOR,  HOTEL SANSKRITI, TEMPLE BAZAR ROAD,  SITABULDI, NAGPUR, MAHARASHTRA</t>
  </si>
  <si>
    <t>GROUND AND MEZZANINE FLOOR PLOT 14, BABA BUDDHAJI NAGAR SIDHARTH NAGAR , LAYOUT TEKA NAKA KAMPTEE ROAD, NAGPUR, MAHARASHTRA</t>
  </si>
  <si>
    <t>HDFC BANK LTD, GROUND FLOOR, DOOR NO 38, 2996, NH BYPASS ROAD, EDAPALLY, ERNAKULAM, KERALA, ERNAKULAM, KERALA</t>
  </si>
  <si>
    <t>HDFC BANK LTD,  GROUND FLOOR, VENUS SQUARE BUILDING, PAZHAVEEDU POST THIRUVAMBADI, ALAPPUZHA, KERALA</t>
  </si>
  <si>
    <t>PLOT NO 4,  SURVEY NO 366 B, GROUND AND FIRST FLOOR, NALLAGANDLA SERILINGAMPALLY MANDAL, HYDERABAD, TELANGANA</t>
  </si>
  <si>
    <t>HDFC BANK LTD, OPP INFOSYS, KAZHAKKOOTTAM BYPASS SERVICE ROAD, KULATHUR, TRIVANDRUM, KERALA, TRIVANDRUM, KERALA</t>
  </si>
  <si>
    <t>HDFC Bank Ltd, Ground Floor, Rashtrotthana Bhavan , Muncipal No3/1 , Ward No77 , Nrupathunga Road , Bangalore - 560019</t>
  </si>
  <si>
    <t>HDFC Bank Ltd, Plot No I-15, Sector 101, Alpha, Mohali IT City</t>
  </si>
  <si>
    <t>HDFC BANK HOUSE,  H.NO. 6-3-246, AND 6-3-244/A,  GROUND FLOOR,  , ROAD NO.1,  BANJARA HILLS, HYDERABAD, TELANGANA</t>
  </si>
  <si>
    <t>Branch Cod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000000"/>
      <name val="Calibri"/>
      <family val="2"/>
      <scheme val="minor"/>
    </font>
    <font>
      <sz val="11"/>
      <color rgb="FF201F1E"/>
      <name val="Calibri"/>
      <family val="2"/>
      <scheme val="minor"/>
    </font>
    <font>
      <sz val="11"/>
      <color indexed="63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3" tint="0.399975585192419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8">
    <xf numFmtId="0" fontId="0" fillId="0" borderId="0" xfId="0"/>
    <xf numFmtId="0" fontId="0" fillId="0" borderId="1" xfId="0" applyBorder="1" applyAlignment="1">
      <alignment horizontal="left" vertical="center"/>
    </xf>
    <xf numFmtId="0" fontId="1" fillId="2" borderId="1" xfId="0" applyFont="1" applyFill="1" applyBorder="1" applyAlignment="1">
      <alignment horizontal="left" vertical="center" wrapText="1"/>
    </xf>
    <xf numFmtId="0" fontId="0" fillId="0" borderId="0" xfId="0" applyAlignment="1">
      <alignment horizontal="left"/>
    </xf>
    <xf numFmtId="0" fontId="0" fillId="0" borderId="1" xfId="0" applyNumberFormat="1" applyBorder="1" applyAlignment="1">
      <alignment horizontal="left" vertical="center"/>
    </xf>
    <xf numFmtId="0" fontId="0" fillId="0" borderId="1" xfId="0" applyBorder="1" applyAlignment="1">
      <alignment horizontal="left"/>
    </xf>
    <xf numFmtId="1" fontId="0" fillId="0" borderId="1" xfId="0" applyNumberFormat="1" applyBorder="1" applyAlignment="1">
      <alignment horizontal="left" vertical="center"/>
    </xf>
    <xf numFmtId="1" fontId="2" fillId="0" borderId="1" xfId="0" applyNumberFormat="1" applyFont="1" applyBorder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26F0A8-3CB0-4829-B980-DBEC7085DCC3}">
  <dimension ref="A1:F6477"/>
  <sheetViews>
    <sheetView tabSelected="1" workbookViewId="0">
      <pane ySplit="1" topLeftCell="A2" activePane="bottomLeft" state="frozen"/>
      <selection pane="bottomLeft" activeCell="B21" sqref="B21"/>
    </sheetView>
  </sheetViews>
  <sheetFormatPr defaultRowHeight="15" x14ac:dyDescent="0.25"/>
  <cols>
    <col min="1" max="1" width="37.28515625" style="3" bestFit="1" customWidth="1"/>
    <col min="2" max="2" width="46.42578125" style="3" bestFit="1" customWidth="1"/>
    <col min="3" max="3" width="8.140625" style="3" bestFit="1" customWidth="1"/>
    <col min="4" max="4" width="43" style="3" bestFit="1" customWidth="1"/>
    <col min="5" max="5" width="184.7109375" style="3" bestFit="1" customWidth="1"/>
    <col min="6" max="6" width="7" style="3" bestFit="1" customWidth="1"/>
    <col min="7" max="16384" width="9.140625" style="3"/>
  </cols>
  <sheetData>
    <row r="1" spans="1:6" ht="30" x14ac:dyDescent="0.25">
      <c r="A1" s="2" t="s">
        <v>0</v>
      </c>
      <c r="B1" s="2" t="s">
        <v>3143</v>
      </c>
      <c r="C1" s="2" t="s">
        <v>3193</v>
      </c>
      <c r="D1" s="2" t="s">
        <v>7321</v>
      </c>
      <c r="E1" s="2" t="s">
        <v>11592</v>
      </c>
      <c r="F1" s="2" t="s">
        <v>18069</v>
      </c>
    </row>
    <row r="2" spans="1:6" x14ac:dyDescent="0.25">
      <c r="A2" s="4" t="s">
        <v>2813</v>
      </c>
      <c r="B2" s="1" t="s">
        <v>3161</v>
      </c>
      <c r="C2" s="5" t="s">
        <v>5900</v>
      </c>
      <c r="D2" s="1" t="s">
        <v>2813</v>
      </c>
      <c r="E2" s="5" t="s">
        <v>16920</v>
      </c>
      <c r="F2" s="6">
        <v>7282</v>
      </c>
    </row>
    <row r="3" spans="1:6" x14ac:dyDescent="0.25">
      <c r="A3" s="4" t="s">
        <v>499</v>
      </c>
      <c r="B3" s="1" t="s">
        <v>3152</v>
      </c>
      <c r="C3" s="5" t="s">
        <v>4127</v>
      </c>
      <c r="D3" s="1" t="s">
        <v>8332</v>
      </c>
      <c r="E3" s="5" t="s">
        <v>12751</v>
      </c>
      <c r="F3" s="6">
        <v>1348</v>
      </c>
    </row>
    <row r="4" spans="1:6" x14ac:dyDescent="0.25">
      <c r="A4" s="4" t="s">
        <v>499</v>
      </c>
      <c r="B4" s="1" t="s">
        <v>3152</v>
      </c>
      <c r="C4" s="5" t="s">
        <v>5536</v>
      </c>
      <c r="D4" s="1" t="s">
        <v>9648</v>
      </c>
      <c r="E4" s="5" t="s">
        <v>15516</v>
      </c>
      <c r="F4" s="6">
        <v>4254</v>
      </c>
    </row>
    <row r="5" spans="1:6" x14ac:dyDescent="0.25">
      <c r="A5" s="4" t="s">
        <v>499</v>
      </c>
      <c r="B5" s="1" t="s">
        <v>3152</v>
      </c>
      <c r="C5" s="5" t="s">
        <v>4127</v>
      </c>
      <c r="D5" s="1" t="s">
        <v>10486</v>
      </c>
      <c r="E5" s="5" t="s">
        <v>16649</v>
      </c>
      <c r="F5" s="6">
        <v>6473</v>
      </c>
    </row>
    <row r="6" spans="1:6" x14ac:dyDescent="0.25">
      <c r="A6" s="4" t="s">
        <v>1119</v>
      </c>
      <c r="B6" s="1" t="s">
        <v>3156</v>
      </c>
      <c r="C6" s="5" t="s">
        <v>4861</v>
      </c>
      <c r="D6" s="1" t="s">
        <v>1119</v>
      </c>
      <c r="E6" s="5" t="s">
        <v>13692</v>
      </c>
      <c r="F6" s="6">
        <v>2339</v>
      </c>
    </row>
    <row r="7" spans="1:6" x14ac:dyDescent="0.25">
      <c r="A7" s="4" t="s">
        <v>1238</v>
      </c>
      <c r="B7" s="1" t="s">
        <v>3144</v>
      </c>
      <c r="C7" s="5" t="s">
        <v>5009</v>
      </c>
      <c r="D7" s="1" t="s">
        <v>1238</v>
      </c>
      <c r="E7" s="5" t="s">
        <v>13871</v>
      </c>
      <c r="F7" s="6">
        <v>2521</v>
      </c>
    </row>
    <row r="8" spans="1:6" x14ac:dyDescent="0.25">
      <c r="A8" s="4" t="s">
        <v>2233</v>
      </c>
      <c r="B8" s="1" t="s">
        <v>3147</v>
      </c>
      <c r="C8" s="5" t="s">
        <v>5957</v>
      </c>
      <c r="D8" s="1" t="s">
        <v>9529</v>
      </c>
      <c r="E8" s="5" t="s">
        <v>15328</v>
      </c>
      <c r="F8" s="6">
        <v>4065</v>
      </c>
    </row>
    <row r="9" spans="1:6" x14ac:dyDescent="0.25">
      <c r="A9" s="4" t="s">
        <v>966</v>
      </c>
      <c r="B9" s="1" t="s">
        <v>3154</v>
      </c>
      <c r="C9" s="5" t="s">
        <v>4713</v>
      </c>
      <c r="D9" s="1" t="s">
        <v>8794</v>
      </c>
      <c r="E9" s="5" t="s">
        <v>13533</v>
      </c>
      <c r="F9" s="6">
        <v>2172</v>
      </c>
    </row>
    <row r="10" spans="1:6" x14ac:dyDescent="0.25">
      <c r="A10" s="4" t="s">
        <v>816</v>
      </c>
      <c r="B10" s="1" t="s">
        <v>3152</v>
      </c>
      <c r="C10" s="5" t="s">
        <v>4546</v>
      </c>
      <c r="D10" s="1" t="s">
        <v>8710</v>
      </c>
      <c r="E10" s="5" t="s">
        <v>13331</v>
      </c>
      <c r="F10" s="6">
        <v>1964</v>
      </c>
    </row>
    <row r="11" spans="1:6" x14ac:dyDescent="0.25">
      <c r="A11" s="4" t="s">
        <v>1874</v>
      </c>
      <c r="B11" s="1" t="s">
        <v>3152</v>
      </c>
      <c r="C11" s="5" t="s">
        <v>3393</v>
      </c>
      <c r="D11" s="1" t="s">
        <v>1874</v>
      </c>
      <c r="E11" s="5" t="s">
        <v>14706</v>
      </c>
      <c r="F11" s="6">
        <v>3411</v>
      </c>
    </row>
    <row r="12" spans="1:6" x14ac:dyDescent="0.25">
      <c r="A12" s="4" t="s">
        <v>2715</v>
      </c>
      <c r="B12" s="1" t="s">
        <v>3144</v>
      </c>
      <c r="C12" s="5" t="s">
        <v>6652</v>
      </c>
      <c r="D12" s="1" t="s">
        <v>2715</v>
      </c>
      <c r="E12" s="5" t="s">
        <v>16618</v>
      </c>
      <c r="F12" s="6">
        <v>6394</v>
      </c>
    </row>
    <row r="13" spans="1:6" x14ac:dyDescent="0.25">
      <c r="A13" s="4" t="s">
        <v>1783</v>
      </c>
      <c r="B13" s="1" t="s">
        <v>3155</v>
      </c>
      <c r="C13" s="5" t="s">
        <v>5563</v>
      </c>
      <c r="D13" s="1" t="s">
        <v>1783</v>
      </c>
      <c r="E13" s="5" t="s">
        <v>14602</v>
      </c>
      <c r="F13" s="6">
        <v>3297</v>
      </c>
    </row>
    <row r="14" spans="1:6" x14ac:dyDescent="0.25">
      <c r="A14" s="4" t="s">
        <v>607</v>
      </c>
      <c r="B14" s="1" t="s">
        <v>3151</v>
      </c>
      <c r="C14" s="5" t="s">
        <v>4281</v>
      </c>
      <c r="D14" s="1" t="s">
        <v>607</v>
      </c>
      <c r="E14" s="5" t="s">
        <v>12994</v>
      </c>
      <c r="F14" s="6">
        <v>1621</v>
      </c>
    </row>
    <row r="15" spans="1:6" x14ac:dyDescent="0.25">
      <c r="A15" s="4" t="s">
        <v>607</v>
      </c>
      <c r="B15" s="1" t="s">
        <v>3151</v>
      </c>
      <c r="C15" s="5" t="s">
        <v>4281</v>
      </c>
      <c r="D15" s="1" t="s">
        <v>10444</v>
      </c>
      <c r="E15" s="5" t="s">
        <v>16597</v>
      </c>
      <c r="F15" s="6">
        <v>6328</v>
      </c>
    </row>
    <row r="16" spans="1:6" x14ac:dyDescent="0.25">
      <c r="A16" s="4" t="s">
        <v>1217</v>
      </c>
      <c r="B16" s="1" t="s">
        <v>3159</v>
      </c>
      <c r="C16" s="5" t="s">
        <v>4980</v>
      </c>
      <c r="D16" s="1" t="s">
        <v>1217</v>
      </c>
      <c r="E16" s="5" t="s">
        <v>13834</v>
      </c>
      <c r="F16" s="6">
        <v>2484</v>
      </c>
    </row>
    <row r="17" spans="1:6" x14ac:dyDescent="0.25">
      <c r="A17" s="4" t="s">
        <v>793</v>
      </c>
      <c r="B17" s="1" t="s">
        <v>3155</v>
      </c>
      <c r="C17" s="5" t="s">
        <v>4522</v>
      </c>
      <c r="D17" s="1" t="s">
        <v>793</v>
      </c>
      <c r="E17" s="5" t="s">
        <v>13300</v>
      </c>
      <c r="F17" s="6">
        <v>1933</v>
      </c>
    </row>
    <row r="18" spans="1:6" x14ac:dyDescent="0.25">
      <c r="A18" s="4" t="s">
        <v>482</v>
      </c>
      <c r="B18" s="1" t="s">
        <v>3150</v>
      </c>
      <c r="C18" s="5" t="s">
        <v>4090</v>
      </c>
      <c r="D18" s="1" t="s">
        <v>8279</v>
      </c>
      <c r="E18" s="5" t="s">
        <v>12687</v>
      </c>
      <c r="F18" s="6">
        <v>1283</v>
      </c>
    </row>
    <row r="19" spans="1:6" x14ac:dyDescent="0.25">
      <c r="A19" s="4" t="s">
        <v>2313</v>
      </c>
      <c r="B19" s="1" t="s">
        <v>3153</v>
      </c>
      <c r="C19" s="5" t="s">
        <v>6082</v>
      </c>
      <c r="D19" s="1" t="s">
        <v>2313</v>
      </c>
      <c r="E19" s="5" t="s">
        <v>15514</v>
      </c>
      <c r="F19" s="6">
        <v>4252</v>
      </c>
    </row>
    <row r="20" spans="1:6" x14ac:dyDescent="0.25">
      <c r="A20" s="4" t="s">
        <v>366</v>
      </c>
      <c r="B20" s="1" t="s">
        <v>3168</v>
      </c>
      <c r="C20" s="5" t="s">
        <v>3874</v>
      </c>
      <c r="D20" s="1" t="s">
        <v>8041</v>
      </c>
      <c r="E20" s="5" t="s">
        <v>12376</v>
      </c>
      <c r="F20" s="6">
        <v>884</v>
      </c>
    </row>
    <row r="21" spans="1:6" x14ac:dyDescent="0.25">
      <c r="A21" s="4" t="s">
        <v>366</v>
      </c>
      <c r="B21" s="1" t="s">
        <v>3168</v>
      </c>
      <c r="C21" s="5">
        <v>799001</v>
      </c>
      <c r="D21" s="1" t="s">
        <v>9123</v>
      </c>
      <c r="E21" s="5" t="s">
        <v>14306</v>
      </c>
      <c r="F21" s="6">
        <v>2968</v>
      </c>
    </row>
    <row r="22" spans="1:6" x14ac:dyDescent="0.25">
      <c r="A22" s="4" t="s">
        <v>366</v>
      </c>
      <c r="B22" s="1" t="s">
        <v>3168</v>
      </c>
      <c r="C22" s="5" t="s">
        <v>3874</v>
      </c>
      <c r="D22" s="1" t="s">
        <v>9525</v>
      </c>
      <c r="E22" s="5" t="s">
        <v>15322</v>
      </c>
      <c r="F22" s="6">
        <v>4059</v>
      </c>
    </row>
    <row r="23" spans="1:6" x14ac:dyDescent="0.25">
      <c r="A23" s="4" t="s">
        <v>366</v>
      </c>
      <c r="B23" s="1" t="s">
        <v>3168</v>
      </c>
      <c r="C23" s="5" t="s">
        <v>3874</v>
      </c>
      <c r="D23" s="1" t="s">
        <v>10039</v>
      </c>
      <c r="E23" s="5" t="s">
        <v>16023</v>
      </c>
      <c r="F23" s="6">
        <v>5005</v>
      </c>
    </row>
    <row r="24" spans="1:6" x14ac:dyDescent="0.25">
      <c r="A24" s="4" t="s">
        <v>366</v>
      </c>
      <c r="B24" s="1" t="s">
        <v>3168</v>
      </c>
      <c r="C24" s="5" t="s">
        <v>6488</v>
      </c>
      <c r="D24" s="1" t="s">
        <v>10244</v>
      </c>
      <c r="E24" s="5" t="s">
        <v>16299</v>
      </c>
      <c r="F24" s="6">
        <v>5600</v>
      </c>
    </row>
    <row r="25" spans="1:6" x14ac:dyDescent="0.25">
      <c r="A25" s="4" t="s">
        <v>366</v>
      </c>
      <c r="B25" s="1" t="s">
        <v>3168</v>
      </c>
      <c r="C25" s="5" t="s">
        <v>7245</v>
      </c>
      <c r="D25" s="1" t="s">
        <v>11474</v>
      </c>
      <c r="E25" s="5" t="s">
        <v>17918</v>
      </c>
      <c r="F25" s="6">
        <v>9547</v>
      </c>
    </row>
    <row r="26" spans="1:6" x14ac:dyDescent="0.25">
      <c r="A26" s="4" t="s">
        <v>707</v>
      </c>
      <c r="B26" s="1" t="s">
        <v>3144</v>
      </c>
      <c r="C26" s="5" t="s">
        <v>4419</v>
      </c>
      <c r="D26" s="1" t="s">
        <v>8635</v>
      </c>
      <c r="E26" s="5" t="s">
        <v>13176</v>
      </c>
      <c r="F26" s="6">
        <v>1809</v>
      </c>
    </row>
    <row r="27" spans="1:6" x14ac:dyDescent="0.25">
      <c r="A27" s="4" t="s">
        <v>1676</v>
      </c>
      <c r="B27" s="1" t="s">
        <v>1147</v>
      </c>
      <c r="C27" s="5" t="s">
        <v>4077</v>
      </c>
      <c r="D27" s="1" t="s">
        <v>1676</v>
      </c>
      <c r="E27" s="5" t="s">
        <v>14466</v>
      </c>
      <c r="F27" s="6">
        <v>3151</v>
      </c>
    </row>
    <row r="28" spans="1:6" x14ac:dyDescent="0.25">
      <c r="A28" s="4" t="s">
        <v>2034</v>
      </c>
      <c r="B28" s="1" t="s">
        <v>3154</v>
      </c>
      <c r="C28" s="5" t="s">
        <v>5724</v>
      </c>
      <c r="D28" s="1" t="s">
        <v>2034</v>
      </c>
      <c r="E28" s="5" t="s">
        <v>14874</v>
      </c>
      <c r="F28" s="6">
        <v>3590</v>
      </c>
    </row>
    <row r="29" spans="1:6" x14ac:dyDescent="0.25">
      <c r="A29" s="4" t="s">
        <v>59</v>
      </c>
      <c r="B29" s="1" t="s">
        <v>3158</v>
      </c>
      <c r="C29" s="5" t="s">
        <v>3297</v>
      </c>
      <c r="D29" s="1" t="s">
        <v>7426</v>
      </c>
      <c r="E29" s="5" t="s">
        <v>11701</v>
      </c>
      <c r="F29" s="6">
        <v>121</v>
      </c>
    </row>
    <row r="30" spans="1:6" x14ac:dyDescent="0.25">
      <c r="A30" s="4" t="s">
        <v>59</v>
      </c>
      <c r="B30" s="1" t="s">
        <v>3158</v>
      </c>
      <c r="C30" s="5" t="s">
        <v>3447</v>
      </c>
      <c r="D30" s="1" t="s">
        <v>7579</v>
      </c>
      <c r="E30" s="5" t="s">
        <v>11865</v>
      </c>
      <c r="F30" s="6">
        <v>297</v>
      </c>
    </row>
    <row r="31" spans="1:6" x14ac:dyDescent="0.25">
      <c r="A31" s="4" t="s">
        <v>59</v>
      </c>
      <c r="B31" s="1" t="s">
        <v>3158</v>
      </c>
      <c r="C31" s="5" t="s">
        <v>3863</v>
      </c>
      <c r="D31" s="1" t="s">
        <v>8030</v>
      </c>
      <c r="E31" s="5" t="s">
        <v>12364</v>
      </c>
      <c r="F31" s="6">
        <v>870</v>
      </c>
    </row>
    <row r="32" spans="1:6" x14ac:dyDescent="0.25">
      <c r="A32" s="4" t="s">
        <v>59</v>
      </c>
      <c r="B32" s="1" t="s">
        <v>3158</v>
      </c>
      <c r="C32" s="5" t="s">
        <v>4177</v>
      </c>
      <c r="D32" s="1" t="s">
        <v>8693</v>
      </c>
      <c r="E32" s="5" t="s">
        <v>13301</v>
      </c>
      <c r="F32" s="6">
        <v>1934</v>
      </c>
    </row>
    <row r="33" spans="1:6" x14ac:dyDescent="0.25">
      <c r="A33" s="4" t="s">
        <v>59</v>
      </c>
      <c r="B33" s="1" t="s">
        <v>3158</v>
      </c>
      <c r="C33" s="5" t="s">
        <v>5764</v>
      </c>
      <c r="D33" s="1" t="s">
        <v>9280</v>
      </c>
      <c r="E33" s="5" t="s">
        <v>14956</v>
      </c>
      <c r="F33" s="6">
        <v>3679</v>
      </c>
    </row>
    <row r="34" spans="1:6" x14ac:dyDescent="0.25">
      <c r="A34" s="4" t="s">
        <v>59</v>
      </c>
      <c r="B34" s="1" t="s">
        <v>3158</v>
      </c>
      <c r="C34" s="5" t="s">
        <v>5772</v>
      </c>
      <c r="D34" s="1" t="s">
        <v>9293</v>
      </c>
      <c r="E34" s="5" t="s">
        <v>14973</v>
      </c>
      <c r="F34" s="6">
        <v>3696</v>
      </c>
    </row>
    <row r="35" spans="1:6" x14ac:dyDescent="0.25">
      <c r="A35" s="4" t="s">
        <v>59</v>
      </c>
      <c r="B35" s="1" t="s">
        <v>3158</v>
      </c>
      <c r="C35" s="5" t="s">
        <v>5799</v>
      </c>
      <c r="D35" s="1" t="s">
        <v>9568</v>
      </c>
      <c r="E35" s="5" t="s">
        <v>15397</v>
      </c>
      <c r="F35" s="6">
        <v>4134</v>
      </c>
    </row>
    <row r="36" spans="1:6" x14ac:dyDescent="0.25">
      <c r="A36" s="4" t="s">
        <v>59</v>
      </c>
      <c r="B36" s="1" t="s">
        <v>3158</v>
      </c>
      <c r="C36" s="5" t="s">
        <v>5799</v>
      </c>
      <c r="D36" s="1" t="s">
        <v>9716</v>
      </c>
      <c r="E36" s="5" t="s">
        <v>15608</v>
      </c>
      <c r="F36" s="6">
        <v>4350</v>
      </c>
    </row>
    <row r="37" spans="1:6" x14ac:dyDescent="0.25">
      <c r="A37" s="4" t="s">
        <v>59</v>
      </c>
      <c r="B37" s="1" t="s">
        <v>3158</v>
      </c>
      <c r="C37" s="5" t="s">
        <v>6147</v>
      </c>
      <c r="D37" s="1" t="s">
        <v>9718</v>
      </c>
      <c r="E37" s="5" t="s">
        <v>15613</v>
      </c>
      <c r="F37" s="6">
        <v>4355</v>
      </c>
    </row>
    <row r="38" spans="1:6" x14ac:dyDescent="0.25">
      <c r="A38" s="4" t="s">
        <v>59</v>
      </c>
      <c r="B38" s="1" t="s">
        <v>3158</v>
      </c>
      <c r="C38" s="5" t="s">
        <v>3863</v>
      </c>
      <c r="D38" s="1" t="s">
        <v>10695</v>
      </c>
      <c r="E38" s="5" t="s">
        <v>16922</v>
      </c>
      <c r="F38" s="6">
        <v>7289</v>
      </c>
    </row>
    <row r="39" spans="1:6" x14ac:dyDescent="0.25">
      <c r="A39" s="4" t="s">
        <v>59</v>
      </c>
      <c r="B39" s="1" t="s">
        <v>3158</v>
      </c>
      <c r="C39" s="5" t="s">
        <v>3297</v>
      </c>
      <c r="D39" s="1" t="s">
        <v>11428</v>
      </c>
      <c r="E39" s="5" t="s">
        <v>17861</v>
      </c>
      <c r="F39" s="6">
        <v>9490</v>
      </c>
    </row>
    <row r="40" spans="1:6" x14ac:dyDescent="0.25">
      <c r="A40" s="4" t="s">
        <v>1724</v>
      </c>
      <c r="B40" s="1" t="s">
        <v>3154</v>
      </c>
      <c r="C40" s="5" t="s">
        <v>5506</v>
      </c>
      <c r="D40" s="1" t="s">
        <v>1724</v>
      </c>
      <c r="E40" s="5" t="s">
        <v>14521</v>
      </c>
      <c r="F40" s="6">
        <v>3209</v>
      </c>
    </row>
    <row r="41" spans="1:6" x14ac:dyDescent="0.25">
      <c r="A41" s="4" t="s">
        <v>2959</v>
      </c>
      <c r="B41" s="1" t="s">
        <v>3161</v>
      </c>
      <c r="C41" s="5" t="s">
        <v>6980</v>
      </c>
      <c r="D41" s="1" t="s">
        <v>2959</v>
      </c>
      <c r="E41" s="5" t="s">
        <v>17382</v>
      </c>
      <c r="F41" s="6">
        <v>8945</v>
      </c>
    </row>
    <row r="42" spans="1:6" x14ac:dyDescent="0.25">
      <c r="A42" s="4" t="s">
        <v>2891</v>
      </c>
      <c r="B42" s="1" t="s">
        <v>3147</v>
      </c>
      <c r="C42" s="5">
        <v>380006</v>
      </c>
      <c r="D42" s="1" t="s">
        <v>10875</v>
      </c>
      <c r="E42" s="5" t="s">
        <v>17159</v>
      </c>
      <c r="F42" s="6">
        <v>8071</v>
      </c>
    </row>
    <row r="43" spans="1:6" x14ac:dyDescent="0.25">
      <c r="A43" s="4" t="s">
        <v>2159</v>
      </c>
      <c r="B43" s="1" t="s">
        <v>3144</v>
      </c>
      <c r="C43" s="5" t="s">
        <v>5862</v>
      </c>
      <c r="D43" s="1" t="s">
        <v>9401</v>
      </c>
      <c r="E43" s="5" t="s">
        <v>15146</v>
      </c>
      <c r="F43" s="6">
        <v>3877</v>
      </c>
    </row>
    <row r="44" spans="1:6" x14ac:dyDescent="0.25">
      <c r="A44" s="4" t="s">
        <v>4</v>
      </c>
      <c r="B44" s="1" t="s">
        <v>3147</v>
      </c>
      <c r="C44" s="5" t="s">
        <v>3199</v>
      </c>
      <c r="D44" s="1" t="s">
        <v>7327</v>
      </c>
      <c r="E44" s="5" t="s">
        <v>11598</v>
      </c>
      <c r="F44" s="6">
        <v>6</v>
      </c>
    </row>
    <row r="45" spans="1:6" x14ac:dyDescent="0.25">
      <c r="A45" s="4" t="s">
        <v>4</v>
      </c>
      <c r="B45" s="1" t="s">
        <v>3147</v>
      </c>
      <c r="C45" s="5" t="s">
        <v>3199</v>
      </c>
      <c r="D45" s="1" t="s">
        <v>7385</v>
      </c>
      <c r="E45" s="5" t="s">
        <v>11659</v>
      </c>
      <c r="F45" s="6">
        <v>69</v>
      </c>
    </row>
    <row r="46" spans="1:6" x14ac:dyDescent="0.25">
      <c r="A46" s="4" t="s">
        <v>4</v>
      </c>
      <c r="B46" s="1" t="s">
        <v>3147</v>
      </c>
      <c r="C46" s="5" t="s">
        <v>3399</v>
      </c>
      <c r="D46" s="1" t="s">
        <v>7524</v>
      </c>
      <c r="E46" s="5" t="s">
        <v>11809</v>
      </c>
      <c r="F46" s="6">
        <v>237</v>
      </c>
    </row>
    <row r="47" spans="1:6" x14ac:dyDescent="0.25">
      <c r="A47" s="4" t="s">
        <v>4</v>
      </c>
      <c r="B47" s="1" t="s">
        <v>3147</v>
      </c>
      <c r="C47" s="5" t="s">
        <v>3449</v>
      </c>
      <c r="D47" s="1" t="s">
        <v>1621</v>
      </c>
      <c r="E47" s="5" t="s">
        <v>11867</v>
      </c>
      <c r="F47" s="6">
        <v>299</v>
      </c>
    </row>
    <row r="48" spans="1:6" x14ac:dyDescent="0.25">
      <c r="A48" s="4" t="s">
        <v>4</v>
      </c>
      <c r="B48" s="1" t="s">
        <v>3147</v>
      </c>
      <c r="C48" s="5" t="s">
        <v>3450</v>
      </c>
      <c r="D48" s="1" t="s">
        <v>7581</v>
      </c>
      <c r="E48" s="5" t="s">
        <v>11868</v>
      </c>
      <c r="F48" s="6">
        <v>300</v>
      </c>
    </row>
    <row r="49" spans="1:6" x14ac:dyDescent="0.25">
      <c r="A49" s="4" t="s">
        <v>4</v>
      </c>
      <c r="B49" s="1" t="s">
        <v>3147</v>
      </c>
      <c r="C49" s="5" t="s">
        <v>3242</v>
      </c>
      <c r="D49" s="1" t="s">
        <v>7586</v>
      </c>
      <c r="E49" s="5" t="s">
        <v>11874</v>
      </c>
      <c r="F49" s="6">
        <v>306</v>
      </c>
    </row>
    <row r="50" spans="1:6" x14ac:dyDescent="0.25">
      <c r="A50" s="4" t="s">
        <v>4</v>
      </c>
      <c r="B50" s="1" t="s">
        <v>3147</v>
      </c>
      <c r="C50" s="5" t="s">
        <v>3524</v>
      </c>
      <c r="D50" s="1" t="s">
        <v>7660</v>
      </c>
      <c r="E50" s="5" t="s">
        <v>11950</v>
      </c>
      <c r="F50" s="6">
        <v>383</v>
      </c>
    </row>
    <row r="51" spans="1:6" x14ac:dyDescent="0.25">
      <c r="A51" s="4" t="s">
        <v>4</v>
      </c>
      <c r="B51" s="1" t="s">
        <v>3147</v>
      </c>
      <c r="C51" s="5" t="s">
        <v>3593</v>
      </c>
      <c r="D51" s="1" t="s">
        <v>7731</v>
      </c>
      <c r="E51" s="5" t="s">
        <v>12028</v>
      </c>
      <c r="F51" s="6">
        <v>461</v>
      </c>
    </row>
    <row r="52" spans="1:6" x14ac:dyDescent="0.25">
      <c r="A52" s="4" t="s">
        <v>4</v>
      </c>
      <c r="B52" s="1" t="s">
        <v>3147</v>
      </c>
      <c r="C52" s="5" t="s">
        <v>3241</v>
      </c>
      <c r="D52" s="1" t="s">
        <v>7765</v>
      </c>
      <c r="E52" s="5" t="s">
        <v>12064</v>
      </c>
      <c r="F52" s="6">
        <v>506</v>
      </c>
    </row>
    <row r="53" spans="1:6" x14ac:dyDescent="0.25">
      <c r="A53" s="4" t="s">
        <v>4</v>
      </c>
      <c r="B53" s="1" t="s">
        <v>3147</v>
      </c>
      <c r="C53" s="5" t="s">
        <v>3242</v>
      </c>
      <c r="D53" s="1" t="s">
        <v>7972</v>
      </c>
      <c r="E53" s="5" t="s">
        <v>12289</v>
      </c>
      <c r="F53" s="6">
        <v>783</v>
      </c>
    </row>
    <row r="54" spans="1:6" x14ac:dyDescent="0.25">
      <c r="A54" s="4" t="s">
        <v>4</v>
      </c>
      <c r="B54" s="1" t="s">
        <v>3147</v>
      </c>
      <c r="C54" s="5" t="s">
        <v>3241</v>
      </c>
      <c r="D54" s="1" t="s">
        <v>8044</v>
      </c>
      <c r="E54" s="5" t="s">
        <v>12380</v>
      </c>
      <c r="F54" s="6">
        <v>888</v>
      </c>
    </row>
    <row r="55" spans="1:6" x14ac:dyDescent="0.25">
      <c r="A55" s="4" t="s">
        <v>4</v>
      </c>
      <c r="B55" s="1" t="s">
        <v>3147</v>
      </c>
      <c r="C55" s="5" t="s">
        <v>3877</v>
      </c>
      <c r="D55" s="1" t="s">
        <v>8045</v>
      </c>
      <c r="E55" s="5" t="s">
        <v>12381</v>
      </c>
      <c r="F55" s="6">
        <v>889</v>
      </c>
    </row>
    <row r="56" spans="1:6" x14ac:dyDescent="0.25">
      <c r="A56" s="4" t="s">
        <v>4</v>
      </c>
      <c r="B56" s="1" t="s">
        <v>3147</v>
      </c>
      <c r="C56" s="5" t="s">
        <v>3241</v>
      </c>
      <c r="D56" s="1" t="s">
        <v>8046</v>
      </c>
      <c r="E56" s="5" t="s">
        <v>12382</v>
      </c>
      <c r="F56" s="6">
        <v>890</v>
      </c>
    </row>
    <row r="57" spans="1:6" x14ac:dyDescent="0.25">
      <c r="A57" s="4" t="s">
        <v>4</v>
      </c>
      <c r="B57" s="1" t="s">
        <v>3147</v>
      </c>
      <c r="C57" s="5" t="s">
        <v>3883</v>
      </c>
      <c r="D57" s="1" t="s">
        <v>8051</v>
      </c>
      <c r="E57" s="5" t="s">
        <v>12389</v>
      </c>
      <c r="F57" s="6">
        <v>901</v>
      </c>
    </row>
    <row r="58" spans="1:6" x14ac:dyDescent="0.25">
      <c r="A58" s="4" t="s">
        <v>4</v>
      </c>
      <c r="B58" s="1" t="s">
        <v>3147</v>
      </c>
      <c r="C58" s="5" t="s">
        <v>3922</v>
      </c>
      <c r="D58" s="1" t="s">
        <v>8078</v>
      </c>
      <c r="E58" s="5" t="s">
        <v>12442</v>
      </c>
      <c r="F58" s="6">
        <v>958</v>
      </c>
    </row>
    <row r="59" spans="1:6" x14ac:dyDescent="0.25">
      <c r="A59" s="4" t="s">
        <v>4</v>
      </c>
      <c r="B59" s="1" t="s">
        <v>3147</v>
      </c>
      <c r="C59" s="5" t="s">
        <v>3883</v>
      </c>
      <c r="D59" s="1" t="s">
        <v>8084</v>
      </c>
      <c r="E59" s="5" t="s">
        <v>12454</v>
      </c>
      <c r="F59" s="6">
        <v>970</v>
      </c>
    </row>
    <row r="60" spans="1:6" x14ac:dyDescent="0.25">
      <c r="A60" s="4" t="s">
        <v>4</v>
      </c>
      <c r="B60" s="1" t="s">
        <v>3147</v>
      </c>
      <c r="C60" s="5" t="s">
        <v>3933</v>
      </c>
      <c r="D60" s="1" t="s">
        <v>8085</v>
      </c>
      <c r="E60" s="5" t="s">
        <v>12455</v>
      </c>
      <c r="F60" s="6">
        <v>971</v>
      </c>
    </row>
    <row r="61" spans="1:6" x14ac:dyDescent="0.25">
      <c r="A61" s="4" t="s">
        <v>4</v>
      </c>
      <c r="B61" s="1" t="s">
        <v>3147</v>
      </c>
      <c r="C61" s="5" t="s">
        <v>4009</v>
      </c>
      <c r="D61" s="1" t="s">
        <v>8160</v>
      </c>
      <c r="E61" s="5" t="s">
        <v>12557</v>
      </c>
      <c r="F61" s="6">
        <v>1083</v>
      </c>
    </row>
    <row r="62" spans="1:6" x14ac:dyDescent="0.25">
      <c r="A62" s="4" t="s">
        <v>4</v>
      </c>
      <c r="B62" s="1" t="s">
        <v>3147</v>
      </c>
      <c r="C62" s="5" t="s">
        <v>4011</v>
      </c>
      <c r="D62" s="1" t="s">
        <v>8162</v>
      </c>
      <c r="E62" s="5" t="s">
        <v>12559</v>
      </c>
      <c r="F62" s="6">
        <v>1086</v>
      </c>
    </row>
    <row r="63" spans="1:6" x14ac:dyDescent="0.25">
      <c r="A63" s="4" t="s">
        <v>4</v>
      </c>
      <c r="B63" s="1" t="s">
        <v>3147</v>
      </c>
      <c r="C63" s="5" t="s">
        <v>3449</v>
      </c>
      <c r="D63" s="1" t="s">
        <v>8230</v>
      </c>
      <c r="E63" s="5" t="s">
        <v>12635</v>
      </c>
      <c r="F63" s="6">
        <v>1229</v>
      </c>
    </row>
    <row r="64" spans="1:6" x14ac:dyDescent="0.25">
      <c r="A64" s="4" t="s">
        <v>4</v>
      </c>
      <c r="B64" s="1" t="s">
        <v>3147</v>
      </c>
      <c r="C64" s="5" t="s">
        <v>3241</v>
      </c>
      <c r="D64" s="1" t="s">
        <v>8281</v>
      </c>
      <c r="E64" s="5" t="s">
        <v>12689</v>
      </c>
      <c r="F64" s="6">
        <v>1285</v>
      </c>
    </row>
    <row r="65" spans="1:6" x14ac:dyDescent="0.25">
      <c r="A65" s="4" t="s">
        <v>4</v>
      </c>
      <c r="B65" s="1" t="s">
        <v>3147</v>
      </c>
      <c r="C65" s="5" t="s">
        <v>4094</v>
      </c>
      <c r="D65" s="1" t="s">
        <v>8283</v>
      </c>
      <c r="E65" s="5" t="s">
        <v>12692</v>
      </c>
      <c r="F65" s="6">
        <v>1288</v>
      </c>
    </row>
    <row r="66" spans="1:6" x14ac:dyDescent="0.25">
      <c r="A66" s="4" t="s">
        <v>4</v>
      </c>
      <c r="B66" s="1" t="s">
        <v>3147</v>
      </c>
      <c r="C66" s="5" t="s">
        <v>4094</v>
      </c>
      <c r="D66" s="1" t="s">
        <v>8322</v>
      </c>
      <c r="E66" s="5" t="s">
        <v>12740</v>
      </c>
      <c r="F66" s="6">
        <v>1337</v>
      </c>
    </row>
    <row r="67" spans="1:6" x14ac:dyDescent="0.25">
      <c r="A67" s="4" t="s">
        <v>4</v>
      </c>
      <c r="B67" s="1" t="s">
        <v>3147</v>
      </c>
      <c r="C67" s="5" t="s">
        <v>4255</v>
      </c>
      <c r="D67" s="1" t="s">
        <v>8494</v>
      </c>
      <c r="E67" s="5" t="s">
        <v>12958</v>
      </c>
      <c r="F67" s="6">
        <v>1567</v>
      </c>
    </row>
    <row r="68" spans="1:6" x14ac:dyDescent="0.25">
      <c r="A68" s="4" t="s">
        <v>4</v>
      </c>
      <c r="B68" s="1" t="s">
        <v>3147</v>
      </c>
      <c r="C68" s="5" t="s">
        <v>3241</v>
      </c>
      <c r="D68" s="1" t="s">
        <v>8556</v>
      </c>
      <c r="E68" s="5" t="s">
        <v>13047</v>
      </c>
      <c r="F68" s="6">
        <v>1678</v>
      </c>
    </row>
    <row r="69" spans="1:6" x14ac:dyDescent="0.25">
      <c r="A69" s="4" t="s">
        <v>4</v>
      </c>
      <c r="B69" s="1" t="s">
        <v>3147</v>
      </c>
      <c r="C69" s="5" t="s">
        <v>4323</v>
      </c>
      <c r="D69" s="1" t="s">
        <v>8557</v>
      </c>
      <c r="E69" s="5" t="s">
        <v>13048</v>
      </c>
      <c r="F69" s="6">
        <v>1679</v>
      </c>
    </row>
    <row r="70" spans="1:6" x14ac:dyDescent="0.25">
      <c r="A70" s="4" t="s">
        <v>4</v>
      </c>
      <c r="B70" s="1" t="s">
        <v>3147</v>
      </c>
      <c r="C70" s="5" t="s">
        <v>3449</v>
      </c>
      <c r="D70" s="1" t="s">
        <v>8558</v>
      </c>
      <c r="E70" s="5" t="s">
        <v>13049</v>
      </c>
      <c r="F70" s="6">
        <v>1680</v>
      </c>
    </row>
    <row r="71" spans="1:6" x14ac:dyDescent="0.25">
      <c r="A71" s="4" t="s">
        <v>4</v>
      </c>
      <c r="B71" s="1" t="s">
        <v>3147</v>
      </c>
      <c r="C71" s="5" t="s">
        <v>3524</v>
      </c>
      <c r="D71" s="1" t="s">
        <v>8559</v>
      </c>
      <c r="E71" s="5" t="s">
        <v>13051</v>
      </c>
      <c r="F71" s="6">
        <v>1682</v>
      </c>
    </row>
    <row r="72" spans="1:6" x14ac:dyDescent="0.25">
      <c r="A72" s="4" t="s">
        <v>4</v>
      </c>
      <c r="B72" s="1" t="s">
        <v>3147</v>
      </c>
      <c r="C72" s="5" t="s">
        <v>3241</v>
      </c>
      <c r="D72" s="1" t="s">
        <v>8875</v>
      </c>
      <c r="E72" s="5" t="s">
        <v>13791</v>
      </c>
      <c r="F72" s="6">
        <v>2441</v>
      </c>
    </row>
    <row r="73" spans="1:6" x14ac:dyDescent="0.25">
      <c r="A73" s="4" t="s">
        <v>4</v>
      </c>
      <c r="B73" s="1" t="s">
        <v>3147</v>
      </c>
      <c r="C73" s="5" t="s">
        <v>4978</v>
      </c>
      <c r="D73" s="1" t="s">
        <v>8896</v>
      </c>
      <c r="E73" s="5" t="s">
        <v>13830</v>
      </c>
      <c r="F73" s="6">
        <v>2480</v>
      </c>
    </row>
    <row r="74" spans="1:6" x14ac:dyDescent="0.25">
      <c r="A74" s="4" t="s">
        <v>4</v>
      </c>
      <c r="B74" s="1" t="s">
        <v>3147</v>
      </c>
      <c r="C74" s="5" t="s">
        <v>4979</v>
      </c>
      <c r="D74" s="1" t="s">
        <v>8897</v>
      </c>
      <c r="E74" s="5" t="s">
        <v>13831</v>
      </c>
      <c r="F74" s="6">
        <v>2481</v>
      </c>
    </row>
    <row r="75" spans="1:6" x14ac:dyDescent="0.25">
      <c r="A75" s="4" t="s">
        <v>4</v>
      </c>
      <c r="B75" s="1" t="s">
        <v>3147</v>
      </c>
      <c r="C75" s="5" t="s">
        <v>5017</v>
      </c>
      <c r="D75" s="1" t="s">
        <v>8923</v>
      </c>
      <c r="E75" s="5" t="s">
        <v>13883</v>
      </c>
      <c r="F75" s="6">
        <v>2534</v>
      </c>
    </row>
    <row r="76" spans="1:6" x14ac:dyDescent="0.25">
      <c r="A76" s="4" t="s">
        <v>4</v>
      </c>
      <c r="B76" s="1" t="s">
        <v>3147</v>
      </c>
      <c r="C76" s="5" t="s">
        <v>3450</v>
      </c>
      <c r="D76" s="1" t="s">
        <v>8948</v>
      </c>
      <c r="E76" s="5" t="s">
        <v>13927</v>
      </c>
      <c r="F76" s="6">
        <v>2579</v>
      </c>
    </row>
    <row r="77" spans="1:6" x14ac:dyDescent="0.25">
      <c r="A77" s="4" t="s">
        <v>4</v>
      </c>
      <c r="B77" s="1" t="s">
        <v>3147</v>
      </c>
      <c r="C77" s="5" t="s">
        <v>3450</v>
      </c>
      <c r="D77" s="1" t="s">
        <v>9333</v>
      </c>
      <c r="E77" s="5" t="s">
        <v>15040</v>
      </c>
      <c r="F77" s="6">
        <v>3768</v>
      </c>
    </row>
    <row r="78" spans="1:6" x14ac:dyDescent="0.25">
      <c r="A78" s="4" t="s">
        <v>4</v>
      </c>
      <c r="B78" s="1" t="s">
        <v>3147</v>
      </c>
      <c r="C78" s="5" t="s">
        <v>4321</v>
      </c>
      <c r="D78" s="1" t="s">
        <v>9341</v>
      </c>
      <c r="E78" s="5" t="s">
        <v>15051</v>
      </c>
      <c r="F78" s="6">
        <v>3779</v>
      </c>
    </row>
    <row r="79" spans="1:6" x14ac:dyDescent="0.25">
      <c r="A79" s="4" t="s">
        <v>4</v>
      </c>
      <c r="B79" s="1" t="s">
        <v>3147</v>
      </c>
      <c r="C79" s="5" t="s">
        <v>3524</v>
      </c>
      <c r="D79" s="1" t="s">
        <v>9420</v>
      </c>
      <c r="E79" s="5" t="s">
        <v>15172</v>
      </c>
      <c r="F79" s="6">
        <v>3904</v>
      </c>
    </row>
    <row r="80" spans="1:6" x14ac:dyDescent="0.25">
      <c r="A80" s="4" t="s">
        <v>4</v>
      </c>
      <c r="B80" s="1" t="s">
        <v>3147</v>
      </c>
      <c r="C80" s="5" t="s">
        <v>3199</v>
      </c>
      <c r="D80" s="1" t="s">
        <v>9421</v>
      </c>
      <c r="E80" s="5" t="s">
        <v>15173</v>
      </c>
      <c r="F80" s="6">
        <v>3905</v>
      </c>
    </row>
    <row r="81" spans="1:6" x14ac:dyDescent="0.25">
      <c r="A81" s="4" t="s">
        <v>4</v>
      </c>
      <c r="B81" s="1" t="s">
        <v>3147</v>
      </c>
      <c r="C81" s="5" t="s">
        <v>5879</v>
      </c>
      <c r="D81" s="1" t="s">
        <v>9431</v>
      </c>
      <c r="E81" s="5" t="s">
        <v>15187</v>
      </c>
      <c r="F81" s="6">
        <v>3920</v>
      </c>
    </row>
    <row r="82" spans="1:6" x14ac:dyDescent="0.25">
      <c r="A82" s="4" t="s">
        <v>4</v>
      </c>
      <c r="B82" s="1" t="s">
        <v>3147</v>
      </c>
      <c r="C82" s="5" t="s">
        <v>3242</v>
      </c>
      <c r="D82" s="1" t="s">
        <v>9463</v>
      </c>
      <c r="E82" s="5" t="s">
        <v>15230</v>
      </c>
      <c r="F82" s="6">
        <v>3964</v>
      </c>
    </row>
    <row r="83" spans="1:6" x14ac:dyDescent="0.25">
      <c r="A83" s="4" t="s">
        <v>4</v>
      </c>
      <c r="B83" s="1" t="s">
        <v>3147</v>
      </c>
      <c r="C83" s="5" t="s">
        <v>5993</v>
      </c>
      <c r="D83" s="1" t="s">
        <v>9555</v>
      </c>
      <c r="E83" s="5" t="s">
        <v>15378</v>
      </c>
      <c r="F83" s="6">
        <v>4115</v>
      </c>
    </row>
    <row r="84" spans="1:6" x14ac:dyDescent="0.25">
      <c r="A84" s="4" t="s">
        <v>4</v>
      </c>
      <c r="B84" s="1" t="s">
        <v>3147</v>
      </c>
      <c r="C84" s="5" t="s">
        <v>3449</v>
      </c>
      <c r="D84" s="1" t="s">
        <v>9631</v>
      </c>
      <c r="E84" s="5" t="s">
        <v>15489</v>
      </c>
      <c r="F84" s="6">
        <v>4227</v>
      </c>
    </row>
    <row r="85" spans="1:6" x14ac:dyDescent="0.25">
      <c r="A85" s="4" t="s">
        <v>4</v>
      </c>
      <c r="B85" s="1" t="s">
        <v>3147</v>
      </c>
      <c r="C85" s="5" t="s">
        <v>6103</v>
      </c>
      <c r="D85" s="1" t="s">
        <v>9671</v>
      </c>
      <c r="E85" s="5" t="s">
        <v>15548</v>
      </c>
      <c r="F85" s="6">
        <v>4289</v>
      </c>
    </row>
    <row r="86" spans="1:6" x14ac:dyDescent="0.25">
      <c r="A86" s="4" t="s">
        <v>4</v>
      </c>
      <c r="B86" s="1" t="s">
        <v>3147</v>
      </c>
      <c r="C86" s="5" t="s">
        <v>3593</v>
      </c>
      <c r="D86" s="1" t="s">
        <v>9905</v>
      </c>
      <c r="E86" s="5" t="s">
        <v>15842</v>
      </c>
      <c r="F86" s="6">
        <v>4755</v>
      </c>
    </row>
    <row r="87" spans="1:6" x14ac:dyDescent="0.25">
      <c r="A87" s="4" t="s">
        <v>4</v>
      </c>
      <c r="B87" s="1" t="s">
        <v>3147</v>
      </c>
      <c r="C87" s="5" t="s">
        <v>4011</v>
      </c>
      <c r="D87" s="1" t="s">
        <v>10004</v>
      </c>
      <c r="E87" s="5" t="s">
        <v>15975</v>
      </c>
      <c r="F87" s="6">
        <v>4894</v>
      </c>
    </row>
    <row r="88" spans="1:6" x14ac:dyDescent="0.25">
      <c r="A88" s="4" t="s">
        <v>4</v>
      </c>
      <c r="B88" s="1" t="s">
        <v>3147</v>
      </c>
      <c r="C88" s="5" t="s">
        <v>3455</v>
      </c>
      <c r="D88" s="1" t="s">
        <v>10053</v>
      </c>
      <c r="E88" s="5" t="s">
        <v>16042</v>
      </c>
      <c r="F88" s="6">
        <v>5041</v>
      </c>
    </row>
    <row r="89" spans="1:6" x14ac:dyDescent="0.25">
      <c r="A89" s="4" t="s">
        <v>4</v>
      </c>
      <c r="B89" s="1" t="s">
        <v>3147</v>
      </c>
      <c r="C89" s="5" t="s">
        <v>6364</v>
      </c>
      <c r="D89" s="1" t="s">
        <v>10054</v>
      </c>
      <c r="E89" s="5" t="s">
        <v>16044</v>
      </c>
      <c r="F89" s="6">
        <v>5046</v>
      </c>
    </row>
    <row r="90" spans="1:6" x14ac:dyDescent="0.25">
      <c r="A90" s="4" t="s">
        <v>4</v>
      </c>
      <c r="B90" s="1" t="s">
        <v>3147</v>
      </c>
      <c r="C90" s="5" t="s">
        <v>4011</v>
      </c>
      <c r="D90" s="1" t="s">
        <v>10062</v>
      </c>
      <c r="E90" s="5" t="s">
        <v>16052</v>
      </c>
      <c r="F90" s="6">
        <v>5064</v>
      </c>
    </row>
    <row r="91" spans="1:6" x14ac:dyDescent="0.25">
      <c r="A91" s="4" t="s">
        <v>4</v>
      </c>
      <c r="B91" s="1" t="s">
        <v>3147</v>
      </c>
      <c r="C91" s="5" t="s">
        <v>3922</v>
      </c>
      <c r="D91" s="1" t="s">
        <v>10068</v>
      </c>
      <c r="E91" s="5" t="s">
        <v>16060</v>
      </c>
      <c r="F91" s="6">
        <v>5084</v>
      </c>
    </row>
    <row r="92" spans="1:6" x14ac:dyDescent="0.25">
      <c r="A92" s="4" t="s">
        <v>4</v>
      </c>
      <c r="B92" s="1" t="s">
        <v>3147</v>
      </c>
      <c r="C92" s="5" t="s">
        <v>4094</v>
      </c>
      <c r="D92" s="1" t="s">
        <v>10101</v>
      </c>
      <c r="E92" s="5" t="s">
        <v>16100</v>
      </c>
      <c r="F92" s="6">
        <v>5154</v>
      </c>
    </row>
    <row r="93" spans="1:6" x14ac:dyDescent="0.25">
      <c r="A93" s="4" t="s">
        <v>4</v>
      </c>
      <c r="B93" s="1" t="s">
        <v>3147</v>
      </c>
      <c r="C93" s="5" t="s">
        <v>6381</v>
      </c>
      <c r="D93" s="1" t="s">
        <v>10102</v>
      </c>
      <c r="E93" s="5" t="s">
        <v>16101</v>
      </c>
      <c r="F93" s="6">
        <v>5155</v>
      </c>
    </row>
    <row r="94" spans="1:6" x14ac:dyDescent="0.25">
      <c r="A94" s="4" t="s">
        <v>4</v>
      </c>
      <c r="B94" s="1" t="s">
        <v>3147</v>
      </c>
      <c r="C94" s="5" t="s">
        <v>6383</v>
      </c>
      <c r="D94" s="1" t="s">
        <v>10104</v>
      </c>
      <c r="E94" s="5" t="s">
        <v>16103</v>
      </c>
      <c r="F94" s="6">
        <v>5157</v>
      </c>
    </row>
    <row r="95" spans="1:6" x14ac:dyDescent="0.25">
      <c r="A95" s="4" t="s">
        <v>4</v>
      </c>
      <c r="B95" s="1" t="s">
        <v>3147</v>
      </c>
      <c r="C95" s="5" t="s">
        <v>4323</v>
      </c>
      <c r="D95" s="1" t="s">
        <v>10123</v>
      </c>
      <c r="E95" s="5" t="s">
        <v>16125</v>
      </c>
      <c r="F95" s="6">
        <v>5198</v>
      </c>
    </row>
    <row r="96" spans="1:6" x14ac:dyDescent="0.25">
      <c r="A96" s="4" t="s">
        <v>4</v>
      </c>
      <c r="B96" s="1" t="s">
        <v>3147</v>
      </c>
      <c r="C96" s="5" t="s">
        <v>6364</v>
      </c>
      <c r="D96" s="1" t="s">
        <v>10162</v>
      </c>
      <c r="E96" s="5" t="s">
        <v>16173</v>
      </c>
      <c r="F96" s="6">
        <v>5294</v>
      </c>
    </row>
    <row r="97" spans="1:6" x14ac:dyDescent="0.25">
      <c r="A97" s="4" t="s">
        <v>4</v>
      </c>
      <c r="B97" s="1" t="s">
        <v>3147</v>
      </c>
      <c r="C97" s="5" t="s">
        <v>6421</v>
      </c>
      <c r="D97" s="1" t="s">
        <v>10165</v>
      </c>
      <c r="E97" s="5" t="s">
        <v>16179</v>
      </c>
      <c r="F97" s="6">
        <v>5303</v>
      </c>
    </row>
    <row r="98" spans="1:6" x14ac:dyDescent="0.25">
      <c r="A98" s="4" t="s">
        <v>4</v>
      </c>
      <c r="B98" s="1" t="s">
        <v>3147</v>
      </c>
      <c r="C98" s="5" t="s">
        <v>6578</v>
      </c>
      <c r="D98" s="1" t="s">
        <v>10352</v>
      </c>
      <c r="E98" s="5" t="s">
        <v>16467</v>
      </c>
      <c r="F98" s="6">
        <v>5987</v>
      </c>
    </row>
    <row r="99" spans="1:6" x14ac:dyDescent="0.25">
      <c r="A99" s="4" t="s">
        <v>4</v>
      </c>
      <c r="B99" s="1" t="s">
        <v>3147</v>
      </c>
      <c r="C99" s="5" t="s">
        <v>5720</v>
      </c>
      <c r="D99" s="1" t="s">
        <v>10407</v>
      </c>
      <c r="E99" s="5" t="s">
        <v>16548</v>
      </c>
      <c r="F99" s="6">
        <v>6200</v>
      </c>
    </row>
    <row r="100" spans="1:6" x14ac:dyDescent="0.25">
      <c r="A100" s="4" t="s">
        <v>4</v>
      </c>
      <c r="B100" s="1" t="s">
        <v>3147</v>
      </c>
      <c r="C100" s="5" t="s">
        <v>6668</v>
      </c>
      <c r="D100" s="1" t="s">
        <v>10488</v>
      </c>
      <c r="E100" s="5" t="s">
        <v>16651</v>
      </c>
      <c r="F100" s="6">
        <v>6476</v>
      </c>
    </row>
    <row r="101" spans="1:6" x14ac:dyDescent="0.25">
      <c r="A101" s="4" t="s">
        <v>4</v>
      </c>
      <c r="B101" s="1" t="s">
        <v>3147</v>
      </c>
      <c r="C101" s="5" t="s">
        <v>3242</v>
      </c>
      <c r="D101" s="1" t="s">
        <v>10503</v>
      </c>
      <c r="E101" s="5" t="s">
        <v>16671</v>
      </c>
      <c r="F101" s="6">
        <v>6536</v>
      </c>
    </row>
    <row r="102" spans="1:6" x14ac:dyDescent="0.25">
      <c r="A102" s="4" t="s">
        <v>4</v>
      </c>
      <c r="B102" s="1" t="s">
        <v>3147</v>
      </c>
      <c r="C102" s="5" t="s">
        <v>6750</v>
      </c>
      <c r="D102" s="1" t="s">
        <v>10599</v>
      </c>
      <c r="E102" s="5" t="s">
        <v>16802</v>
      </c>
      <c r="F102" s="6">
        <v>6988</v>
      </c>
    </row>
    <row r="103" spans="1:6" x14ac:dyDescent="0.25">
      <c r="A103" s="4" t="s">
        <v>4</v>
      </c>
      <c r="B103" s="1" t="s">
        <v>3147</v>
      </c>
      <c r="C103" s="5" t="s">
        <v>3455</v>
      </c>
      <c r="D103" s="1" t="s">
        <v>10662</v>
      </c>
      <c r="E103" s="5" t="s">
        <v>16879</v>
      </c>
      <c r="F103" s="6">
        <v>7153</v>
      </c>
    </row>
    <row r="104" spans="1:6" x14ac:dyDescent="0.25">
      <c r="A104" s="4" t="s">
        <v>4</v>
      </c>
      <c r="B104" s="1" t="s">
        <v>3147</v>
      </c>
      <c r="C104" s="5" t="s">
        <v>3455</v>
      </c>
      <c r="D104" s="1" t="s">
        <v>10669</v>
      </c>
      <c r="E104" s="5" t="s">
        <v>16889</v>
      </c>
      <c r="F104" s="6">
        <v>7182</v>
      </c>
    </row>
    <row r="105" spans="1:6" x14ac:dyDescent="0.25">
      <c r="A105" s="4" t="s">
        <v>4</v>
      </c>
      <c r="B105" s="1" t="s">
        <v>3147</v>
      </c>
      <c r="C105" s="5" t="s">
        <v>6824</v>
      </c>
      <c r="D105" s="1" t="s">
        <v>10723</v>
      </c>
      <c r="E105" s="5" t="s">
        <v>16958</v>
      </c>
      <c r="F105" s="6">
        <v>7411</v>
      </c>
    </row>
    <row r="106" spans="1:6" x14ac:dyDescent="0.25">
      <c r="A106" s="4" t="s">
        <v>4</v>
      </c>
      <c r="B106" s="1" t="s">
        <v>3147</v>
      </c>
      <c r="C106" s="5">
        <v>380060</v>
      </c>
      <c r="D106" s="1" t="s">
        <v>10821</v>
      </c>
      <c r="E106" s="5" t="s">
        <v>17092</v>
      </c>
      <c r="F106" s="6">
        <v>7832</v>
      </c>
    </row>
    <row r="107" spans="1:6" x14ac:dyDescent="0.25">
      <c r="A107" s="4" t="s">
        <v>4</v>
      </c>
      <c r="B107" s="1" t="s">
        <v>3147</v>
      </c>
      <c r="C107" s="5" t="s">
        <v>3399</v>
      </c>
      <c r="D107" s="1" t="s">
        <v>10856</v>
      </c>
      <c r="E107" s="5" t="s">
        <v>17137</v>
      </c>
      <c r="F107" s="6">
        <v>8026</v>
      </c>
    </row>
    <row r="108" spans="1:6" x14ac:dyDescent="0.25">
      <c r="A108" s="4" t="s">
        <v>4</v>
      </c>
      <c r="B108" s="1" t="s">
        <v>3147</v>
      </c>
      <c r="C108" s="5" t="s">
        <v>3455</v>
      </c>
      <c r="D108" s="1" t="s">
        <v>10859</v>
      </c>
      <c r="E108" s="5" t="s">
        <v>17140</v>
      </c>
      <c r="F108" s="6">
        <v>8031</v>
      </c>
    </row>
    <row r="109" spans="1:6" x14ac:dyDescent="0.25">
      <c r="A109" s="4" t="s">
        <v>4</v>
      </c>
      <c r="B109" s="1" t="s">
        <v>3147</v>
      </c>
      <c r="C109" s="5">
        <v>382213</v>
      </c>
      <c r="D109" s="1" t="s">
        <v>10998</v>
      </c>
      <c r="E109" s="5" t="s">
        <v>17312</v>
      </c>
      <c r="F109" s="6">
        <v>8684</v>
      </c>
    </row>
    <row r="110" spans="1:6" x14ac:dyDescent="0.25">
      <c r="A110" s="4" t="s">
        <v>4</v>
      </c>
      <c r="B110" s="1" t="s">
        <v>3147</v>
      </c>
      <c r="C110" s="5" t="s">
        <v>3241</v>
      </c>
      <c r="D110" s="1" t="s">
        <v>11128</v>
      </c>
      <c r="E110" s="5" t="s">
        <v>17486</v>
      </c>
      <c r="F110" s="6">
        <v>9098</v>
      </c>
    </row>
    <row r="111" spans="1:6" x14ac:dyDescent="0.25">
      <c r="A111" s="4" t="s">
        <v>4</v>
      </c>
      <c r="B111" s="1" t="s">
        <v>3147</v>
      </c>
      <c r="C111" s="5" t="s">
        <v>3455</v>
      </c>
      <c r="D111" s="1" t="s">
        <v>11140</v>
      </c>
      <c r="E111" s="5" t="s">
        <v>17500</v>
      </c>
      <c r="F111" s="6">
        <v>9112</v>
      </c>
    </row>
    <row r="112" spans="1:6" x14ac:dyDescent="0.25">
      <c r="A112" s="4" t="s">
        <v>4</v>
      </c>
      <c r="B112" s="1" t="s">
        <v>3147</v>
      </c>
      <c r="C112" s="5" t="s">
        <v>3933</v>
      </c>
      <c r="D112" s="1" t="s">
        <v>11149</v>
      </c>
      <c r="E112" s="5" t="s">
        <v>17510</v>
      </c>
      <c r="F112" s="6">
        <v>9122</v>
      </c>
    </row>
    <row r="113" spans="1:6" x14ac:dyDescent="0.25">
      <c r="A113" s="4" t="s">
        <v>4</v>
      </c>
      <c r="B113" s="1" t="s">
        <v>3147</v>
      </c>
      <c r="C113" s="5" t="s">
        <v>3241</v>
      </c>
      <c r="D113" s="1" t="s">
        <v>11175</v>
      </c>
      <c r="E113" s="5" t="s">
        <v>17551</v>
      </c>
      <c r="F113" s="6">
        <v>9165</v>
      </c>
    </row>
    <row r="114" spans="1:6" x14ac:dyDescent="0.25">
      <c r="A114" s="4" t="s">
        <v>4</v>
      </c>
      <c r="B114" s="1" t="s">
        <v>3147</v>
      </c>
      <c r="C114" s="5" t="s">
        <v>3241</v>
      </c>
      <c r="D114" s="1" t="s">
        <v>11181</v>
      </c>
      <c r="E114" s="5" t="s">
        <v>17559</v>
      </c>
      <c r="F114" s="6">
        <v>9173</v>
      </c>
    </row>
    <row r="115" spans="1:6" x14ac:dyDescent="0.25">
      <c r="A115" s="4" t="s">
        <v>4</v>
      </c>
      <c r="B115" s="1" t="s">
        <v>3147</v>
      </c>
      <c r="C115" s="5" t="s">
        <v>7117</v>
      </c>
      <c r="D115" s="1" t="s">
        <v>11217</v>
      </c>
      <c r="E115" s="5" t="s">
        <v>17609</v>
      </c>
      <c r="F115" s="6">
        <v>9225</v>
      </c>
    </row>
    <row r="116" spans="1:6" x14ac:dyDescent="0.25">
      <c r="A116" s="4" t="s">
        <v>4</v>
      </c>
      <c r="B116" s="1" t="s">
        <v>3147</v>
      </c>
      <c r="C116" s="5" t="s">
        <v>3883</v>
      </c>
      <c r="D116" s="1" t="s">
        <v>11218</v>
      </c>
      <c r="E116" s="5" t="s">
        <v>17610</v>
      </c>
      <c r="F116" s="6">
        <v>9226</v>
      </c>
    </row>
    <row r="117" spans="1:6" x14ac:dyDescent="0.25">
      <c r="A117" s="4" t="s">
        <v>4</v>
      </c>
      <c r="B117" s="1" t="s">
        <v>3147</v>
      </c>
      <c r="C117" s="5" t="s">
        <v>3241</v>
      </c>
      <c r="D117" s="1" t="s">
        <v>11226</v>
      </c>
      <c r="E117" s="5" t="s">
        <v>17620</v>
      </c>
      <c r="F117" s="6">
        <v>9237</v>
      </c>
    </row>
    <row r="118" spans="1:6" x14ac:dyDescent="0.25">
      <c r="A118" s="4" t="s">
        <v>4</v>
      </c>
      <c r="B118" s="1" t="s">
        <v>3147</v>
      </c>
      <c r="C118" s="5" t="s">
        <v>3199</v>
      </c>
      <c r="D118" s="1" t="s">
        <v>11239</v>
      </c>
      <c r="E118" s="5" t="s">
        <v>17636</v>
      </c>
      <c r="F118" s="6">
        <v>9254</v>
      </c>
    </row>
    <row r="119" spans="1:6" x14ac:dyDescent="0.25">
      <c r="A119" s="4" t="s">
        <v>4</v>
      </c>
      <c r="B119" s="1" t="s">
        <v>3147</v>
      </c>
      <c r="C119" s="5" t="s">
        <v>3199</v>
      </c>
      <c r="D119" s="1" t="s">
        <v>11272</v>
      </c>
      <c r="E119" s="5" t="s">
        <v>17679</v>
      </c>
      <c r="F119" s="6">
        <v>9297</v>
      </c>
    </row>
    <row r="120" spans="1:6" x14ac:dyDescent="0.25">
      <c r="A120" s="4" t="s">
        <v>4</v>
      </c>
      <c r="B120" s="1" t="s">
        <v>3147</v>
      </c>
      <c r="C120" s="5" t="s">
        <v>3593</v>
      </c>
      <c r="D120" s="1" t="s">
        <v>11276</v>
      </c>
      <c r="E120" s="5" t="s">
        <v>17684</v>
      </c>
      <c r="F120" s="6">
        <v>9302</v>
      </c>
    </row>
    <row r="121" spans="1:6" x14ac:dyDescent="0.25">
      <c r="A121" s="4" t="s">
        <v>4</v>
      </c>
      <c r="B121" s="1" t="s">
        <v>3147</v>
      </c>
      <c r="C121" s="5" t="s">
        <v>4321</v>
      </c>
      <c r="D121" s="1" t="s">
        <v>11293</v>
      </c>
      <c r="E121" s="5" t="s">
        <v>17706</v>
      </c>
      <c r="F121" s="6">
        <v>9326</v>
      </c>
    </row>
    <row r="122" spans="1:6" x14ac:dyDescent="0.25">
      <c r="A122" s="4" t="s">
        <v>4</v>
      </c>
      <c r="B122" s="1" t="s">
        <v>3147</v>
      </c>
      <c r="C122" s="5" t="s">
        <v>3242</v>
      </c>
      <c r="D122" s="1" t="s">
        <v>11335</v>
      </c>
      <c r="E122" s="5" t="s">
        <v>17757</v>
      </c>
      <c r="F122" s="6">
        <v>9379</v>
      </c>
    </row>
    <row r="123" spans="1:6" x14ac:dyDescent="0.25">
      <c r="A123" s="4" t="s">
        <v>4</v>
      </c>
      <c r="B123" s="1" t="s">
        <v>3147</v>
      </c>
      <c r="C123" s="5" t="s">
        <v>6668</v>
      </c>
      <c r="D123" s="1" t="s">
        <v>11349</v>
      </c>
      <c r="E123" s="5" t="s">
        <v>17772</v>
      </c>
      <c r="F123" s="6">
        <v>9394</v>
      </c>
    </row>
    <row r="124" spans="1:6" x14ac:dyDescent="0.25">
      <c r="A124" s="4" t="s">
        <v>4</v>
      </c>
      <c r="B124" s="1" t="s">
        <v>3147</v>
      </c>
      <c r="C124" s="5" t="s">
        <v>5717</v>
      </c>
      <c r="D124" s="1" t="s">
        <v>11363</v>
      </c>
      <c r="E124" s="5" t="s">
        <v>17787</v>
      </c>
      <c r="F124" s="6">
        <v>9409</v>
      </c>
    </row>
    <row r="125" spans="1:6" x14ac:dyDescent="0.25">
      <c r="A125" s="4" t="s">
        <v>4</v>
      </c>
      <c r="B125" s="1" t="s">
        <v>3147</v>
      </c>
      <c r="C125" s="5" t="s">
        <v>3242</v>
      </c>
      <c r="D125" s="1" t="s">
        <v>11392</v>
      </c>
      <c r="E125" s="5" t="s">
        <v>17818</v>
      </c>
      <c r="F125" s="6">
        <v>9444</v>
      </c>
    </row>
    <row r="126" spans="1:6" x14ac:dyDescent="0.25">
      <c r="A126" s="4" t="s">
        <v>4</v>
      </c>
      <c r="B126" s="1" t="s">
        <v>3147</v>
      </c>
      <c r="C126" s="5" t="s">
        <v>3241</v>
      </c>
      <c r="D126" s="1" t="s">
        <v>11404</v>
      </c>
      <c r="E126" s="5" t="s">
        <v>17831</v>
      </c>
      <c r="F126" s="6">
        <v>9457</v>
      </c>
    </row>
    <row r="127" spans="1:6" x14ac:dyDescent="0.25">
      <c r="A127" s="4" t="s">
        <v>4</v>
      </c>
      <c r="B127" s="1" t="s">
        <v>3147</v>
      </c>
      <c r="C127" s="5" t="s">
        <v>7223</v>
      </c>
      <c r="D127" s="1" t="s">
        <v>11429</v>
      </c>
      <c r="E127" s="5" t="s">
        <v>17862</v>
      </c>
      <c r="F127" s="6">
        <v>9491</v>
      </c>
    </row>
    <row r="128" spans="1:6" x14ac:dyDescent="0.25">
      <c r="A128" s="4" t="s">
        <v>4</v>
      </c>
      <c r="B128" s="1" t="s">
        <v>3147</v>
      </c>
      <c r="C128" s="5" t="s">
        <v>3524</v>
      </c>
      <c r="D128" s="1" t="s">
        <v>11553</v>
      </c>
      <c r="E128" s="5" t="s">
        <v>18023</v>
      </c>
      <c r="F128" s="6">
        <v>9655</v>
      </c>
    </row>
    <row r="129" spans="1:6" x14ac:dyDescent="0.25">
      <c r="A129" s="4" t="s">
        <v>4</v>
      </c>
      <c r="B129" s="1" t="s">
        <v>3147</v>
      </c>
      <c r="C129" s="5" t="s">
        <v>7305</v>
      </c>
      <c r="D129" s="1" t="s">
        <v>11554</v>
      </c>
      <c r="E129" s="5" t="s">
        <v>18024</v>
      </c>
      <c r="F129" s="6">
        <v>9656</v>
      </c>
    </row>
    <row r="130" spans="1:6" x14ac:dyDescent="0.25">
      <c r="A130" s="4" t="s">
        <v>4</v>
      </c>
      <c r="B130" s="1" t="s">
        <v>3147</v>
      </c>
      <c r="C130" s="5" t="s">
        <v>5879</v>
      </c>
      <c r="D130" s="1" t="s">
        <v>11557</v>
      </c>
      <c r="E130" s="5" t="s">
        <v>18027</v>
      </c>
      <c r="F130" s="6">
        <v>9659</v>
      </c>
    </row>
    <row r="131" spans="1:6" x14ac:dyDescent="0.25">
      <c r="A131" s="4" t="s">
        <v>4</v>
      </c>
      <c r="B131" s="1" t="s">
        <v>3147</v>
      </c>
      <c r="C131" s="5" t="s">
        <v>3449</v>
      </c>
      <c r="D131" s="1" t="s">
        <v>11566</v>
      </c>
      <c r="E131" s="5" t="s">
        <v>18037</v>
      </c>
      <c r="F131" s="6">
        <v>9670</v>
      </c>
    </row>
    <row r="132" spans="1:6" x14ac:dyDescent="0.25">
      <c r="A132" s="4" t="s">
        <v>4</v>
      </c>
      <c r="B132" s="1" t="s">
        <v>3147</v>
      </c>
      <c r="C132" s="5" t="s">
        <v>3241</v>
      </c>
      <c r="D132" s="1" t="s">
        <v>11569</v>
      </c>
      <c r="E132" s="5" t="s">
        <v>18041</v>
      </c>
      <c r="F132" s="6">
        <v>9674</v>
      </c>
    </row>
    <row r="133" spans="1:6" x14ac:dyDescent="0.25">
      <c r="A133" s="4" t="s">
        <v>729</v>
      </c>
      <c r="B133" s="1" t="s">
        <v>3152</v>
      </c>
      <c r="C133" s="5" t="s">
        <v>4440</v>
      </c>
      <c r="D133" s="1" t="s">
        <v>729</v>
      </c>
      <c r="E133" s="5" t="s">
        <v>13203</v>
      </c>
      <c r="F133" s="6">
        <v>1836</v>
      </c>
    </row>
    <row r="134" spans="1:6" x14ac:dyDescent="0.25">
      <c r="A134" s="4" t="s">
        <v>96</v>
      </c>
      <c r="B134" s="1" t="s">
        <v>3144</v>
      </c>
      <c r="C134" s="5" t="s">
        <v>3352</v>
      </c>
      <c r="D134" s="1" t="s">
        <v>7478</v>
      </c>
      <c r="E134" s="5" t="s">
        <v>11760</v>
      </c>
      <c r="F134" s="6">
        <v>181</v>
      </c>
    </row>
    <row r="135" spans="1:6" x14ac:dyDescent="0.25">
      <c r="A135" s="4" t="s">
        <v>96</v>
      </c>
      <c r="B135" s="1" t="s">
        <v>3144</v>
      </c>
      <c r="C135" s="5" t="s">
        <v>3595</v>
      </c>
      <c r="D135" s="1" t="s">
        <v>2594</v>
      </c>
      <c r="E135" s="5" t="s">
        <v>12030</v>
      </c>
      <c r="F135" s="6">
        <v>463</v>
      </c>
    </row>
    <row r="136" spans="1:6" x14ac:dyDescent="0.25">
      <c r="A136" s="4" t="s">
        <v>96</v>
      </c>
      <c r="B136" s="1" t="s">
        <v>3144</v>
      </c>
      <c r="C136" s="5" t="s">
        <v>3352</v>
      </c>
      <c r="D136" s="1" t="s">
        <v>8616</v>
      </c>
      <c r="E136" s="5" t="s">
        <v>13150</v>
      </c>
      <c r="F136" s="6">
        <v>1783</v>
      </c>
    </row>
    <row r="137" spans="1:6" x14ac:dyDescent="0.25">
      <c r="A137" s="4" t="s">
        <v>96</v>
      </c>
      <c r="B137" s="1" t="s">
        <v>3144</v>
      </c>
      <c r="C137" s="5" t="s">
        <v>6039</v>
      </c>
      <c r="D137" s="1" t="s">
        <v>9600</v>
      </c>
      <c r="E137" s="5" t="s">
        <v>15447</v>
      </c>
      <c r="F137" s="6">
        <v>4185</v>
      </c>
    </row>
    <row r="138" spans="1:6" x14ac:dyDescent="0.25">
      <c r="A138" s="4" t="s">
        <v>96</v>
      </c>
      <c r="B138" s="1" t="s">
        <v>3144</v>
      </c>
      <c r="C138" s="5" t="s">
        <v>6051</v>
      </c>
      <c r="D138" s="1" t="s">
        <v>9613</v>
      </c>
      <c r="E138" s="5" t="s">
        <v>15464</v>
      </c>
      <c r="F138" s="6">
        <v>4202</v>
      </c>
    </row>
    <row r="139" spans="1:6" x14ac:dyDescent="0.25">
      <c r="A139" s="4" t="s">
        <v>96</v>
      </c>
      <c r="B139" s="1" t="s">
        <v>3144</v>
      </c>
      <c r="C139" s="5" t="s">
        <v>6108</v>
      </c>
      <c r="D139" s="1" t="s">
        <v>9675</v>
      </c>
      <c r="E139" s="5" t="s">
        <v>15554</v>
      </c>
      <c r="F139" s="6">
        <v>4295</v>
      </c>
    </row>
    <row r="140" spans="1:6" x14ac:dyDescent="0.25">
      <c r="A140" s="4" t="s">
        <v>96</v>
      </c>
      <c r="B140" s="1" t="s">
        <v>3144</v>
      </c>
      <c r="C140" s="5" t="s">
        <v>6759</v>
      </c>
      <c r="D140" s="1" t="s">
        <v>10617</v>
      </c>
      <c r="E140" s="5" t="s">
        <v>16824</v>
      </c>
      <c r="F140" s="6">
        <v>7043</v>
      </c>
    </row>
    <row r="141" spans="1:6" x14ac:dyDescent="0.25">
      <c r="A141" s="4" t="s">
        <v>2424</v>
      </c>
      <c r="B141" s="1" t="s">
        <v>3156</v>
      </c>
      <c r="C141" s="5" t="s">
        <v>6272</v>
      </c>
      <c r="D141" s="1" t="s">
        <v>2424</v>
      </c>
      <c r="E141" s="5" t="s">
        <v>15857</v>
      </c>
      <c r="F141" s="6">
        <v>4770</v>
      </c>
    </row>
    <row r="142" spans="1:6" x14ac:dyDescent="0.25">
      <c r="A142" s="4" t="s">
        <v>1927</v>
      </c>
      <c r="B142" s="1" t="s">
        <v>3154</v>
      </c>
      <c r="C142" s="5" t="s">
        <v>4190</v>
      </c>
      <c r="D142" s="1" t="s">
        <v>1927</v>
      </c>
      <c r="E142" s="5" t="s">
        <v>14760</v>
      </c>
      <c r="F142" s="6">
        <v>3471</v>
      </c>
    </row>
    <row r="143" spans="1:6" x14ac:dyDescent="0.25">
      <c r="A143" s="4" t="s">
        <v>3141</v>
      </c>
      <c r="B143" s="1" t="s">
        <v>3147</v>
      </c>
      <c r="C143" s="5" t="s">
        <v>7317</v>
      </c>
      <c r="D143" s="1" t="s">
        <v>11579</v>
      </c>
      <c r="E143" s="5" t="s">
        <v>18056</v>
      </c>
      <c r="F143" s="6">
        <v>9690</v>
      </c>
    </row>
    <row r="144" spans="1:6" x14ac:dyDescent="0.25">
      <c r="A144" s="4" t="s">
        <v>2215</v>
      </c>
      <c r="B144" s="1" t="s">
        <v>3144</v>
      </c>
      <c r="C144" s="5" t="s">
        <v>3725</v>
      </c>
      <c r="D144" s="1" t="s">
        <v>9503</v>
      </c>
      <c r="E144" s="5" t="s">
        <v>15289</v>
      </c>
      <c r="F144" s="6">
        <v>4024</v>
      </c>
    </row>
    <row r="145" spans="1:6" x14ac:dyDescent="0.25">
      <c r="A145" s="4" t="s">
        <v>712</v>
      </c>
      <c r="B145" s="1" t="s">
        <v>3173</v>
      </c>
      <c r="C145" s="5" t="s">
        <v>4423</v>
      </c>
      <c r="D145" s="1" t="s">
        <v>8637</v>
      </c>
      <c r="E145" s="5" t="s">
        <v>13181</v>
      </c>
      <c r="F145" s="6">
        <v>1814</v>
      </c>
    </row>
    <row r="146" spans="1:6" x14ac:dyDescent="0.25">
      <c r="A146" s="4" t="s">
        <v>712</v>
      </c>
      <c r="B146" s="1" t="s">
        <v>3173</v>
      </c>
      <c r="C146" s="5" t="s">
        <v>4423</v>
      </c>
      <c r="D146" s="1" t="s">
        <v>9161</v>
      </c>
      <c r="E146" s="5" t="s">
        <v>14512</v>
      </c>
      <c r="F146" s="6">
        <v>3199</v>
      </c>
    </row>
    <row r="147" spans="1:6" x14ac:dyDescent="0.25">
      <c r="A147" s="4" t="s">
        <v>712</v>
      </c>
      <c r="B147" s="1" t="s">
        <v>3173</v>
      </c>
      <c r="C147" s="5" t="s">
        <v>4423</v>
      </c>
      <c r="D147" s="1" t="s">
        <v>9884</v>
      </c>
      <c r="E147" s="5" t="s">
        <v>15818</v>
      </c>
      <c r="F147" s="6">
        <v>4728</v>
      </c>
    </row>
    <row r="148" spans="1:6" x14ac:dyDescent="0.25">
      <c r="A148" s="4" t="s">
        <v>712</v>
      </c>
      <c r="B148" s="1" t="s">
        <v>3173</v>
      </c>
      <c r="C148" s="5" t="s">
        <v>6398</v>
      </c>
      <c r="D148" s="1" t="s">
        <v>10131</v>
      </c>
      <c r="E148" s="5" t="s">
        <v>16136</v>
      </c>
      <c r="F148" s="6">
        <v>5227</v>
      </c>
    </row>
    <row r="149" spans="1:6" x14ac:dyDescent="0.25">
      <c r="A149" s="4" t="s">
        <v>712</v>
      </c>
      <c r="B149" s="1" t="s">
        <v>3173</v>
      </c>
      <c r="C149" s="5" t="s">
        <v>7206</v>
      </c>
      <c r="D149" s="1" t="s">
        <v>11403</v>
      </c>
      <c r="E149" s="5" t="s">
        <v>17830</v>
      </c>
      <c r="F149" s="6">
        <v>9456</v>
      </c>
    </row>
    <row r="150" spans="1:6" x14ac:dyDescent="0.25">
      <c r="A150" s="4" t="s">
        <v>3050</v>
      </c>
      <c r="B150" s="1" t="s">
        <v>3144</v>
      </c>
      <c r="C150" s="5" t="s">
        <v>7158</v>
      </c>
      <c r="D150" s="1" t="s">
        <v>3050</v>
      </c>
      <c r="E150" s="5" t="s">
        <v>17689</v>
      </c>
      <c r="F150" s="6">
        <v>9307</v>
      </c>
    </row>
    <row r="151" spans="1:6" x14ac:dyDescent="0.25">
      <c r="A151" s="4" t="s">
        <v>2111</v>
      </c>
      <c r="B151" s="1" t="s">
        <v>3156</v>
      </c>
      <c r="C151" s="5" t="s">
        <v>5812</v>
      </c>
      <c r="D151" s="1" t="s">
        <v>2111</v>
      </c>
      <c r="E151" s="5" t="s">
        <v>15038</v>
      </c>
      <c r="F151" s="6">
        <v>3766</v>
      </c>
    </row>
    <row r="152" spans="1:6" x14ac:dyDescent="0.25">
      <c r="A152" s="4" t="s">
        <v>1462</v>
      </c>
      <c r="B152" s="1" t="s">
        <v>3152</v>
      </c>
      <c r="C152" s="5" t="s">
        <v>5276</v>
      </c>
      <c r="D152" s="1" t="s">
        <v>1462</v>
      </c>
      <c r="E152" s="5" t="s">
        <v>14232</v>
      </c>
      <c r="F152" s="6">
        <v>2893</v>
      </c>
    </row>
    <row r="153" spans="1:6" x14ac:dyDescent="0.25">
      <c r="A153" s="4" t="s">
        <v>2720</v>
      </c>
      <c r="B153" s="1" t="s">
        <v>3158</v>
      </c>
      <c r="C153" s="5" t="s">
        <v>6658</v>
      </c>
      <c r="D153" s="1" t="s">
        <v>10467</v>
      </c>
      <c r="E153" s="5" t="s">
        <v>16627</v>
      </c>
      <c r="F153" s="6">
        <v>6412</v>
      </c>
    </row>
    <row r="154" spans="1:6" x14ac:dyDescent="0.25">
      <c r="A154" s="4" t="s">
        <v>112</v>
      </c>
      <c r="B154" s="1" t="s">
        <v>3156</v>
      </c>
      <c r="C154" s="5" t="s">
        <v>3371</v>
      </c>
      <c r="D154" s="1" t="s">
        <v>7496</v>
      </c>
      <c r="E154" s="5" t="s">
        <v>11780</v>
      </c>
      <c r="F154" s="6">
        <v>205</v>
      </c>
    </row>
    <row r="155" spans="1:6" x14ac:dyDescent="0.25">
      <c r="A155" s="4" t="s">
        <v>112</v>
      </c>
      <c r="B155" s="1" t="s">
        <v>3156</v>
      </c>
      <c r="C155" s="5" t="s">
        <v>3371</v>
      </c>
      <c r="D155" s="1" t="s">
        <v>8956</v>
      </c>
      <c r="E155" s="5" t="s">
        <v>13935</v>
      </c>
      <c r="F155" s="6">
        <v>2587</v>
      </c>
    </row>
    <row r="156" spans="1:6" x14ac:dyDescent="0.25">
      <c r="A156" s="4" t="s">
        <v>112</v>
      </c>
      <c r="B156" s="1" t="s">
        <v>3156</v>
      </c>
      <c r="C156" s="5">
        <v>305001</v>
      </c>
      <c r="D156" s="1" t="s">
        <v>10122</v>
      </c>
      <c r="E156" s="5" t="s">
        <v>16124</v>
      </c>
      <c r="F156" s="6">
        <v>5195</v>
      </c>
    </row>
    <row r="157" spans="1:6" x14ac:dyDescent="0.25">
      <c r="A157" s="4" t="s">
        <v>112</v>
      </c>
      <c r="B157" s="1" t="s">
        <v>3156</v>
      </c>
      <c r="C157" s="5" t="s">
        <v>6684</v>
      </c>
      <c r="D157" s="1" t="s">
        <v>10520</v>
      </c>
      <c r="E157" s="5" t="s">
        <v>16691</v>
      </c>
      <c r="F157" s="6">
        <v>6598</v>
      </c>
    </row>
    <row r="158" spans="1:6" x14ac:dyDescent="0.25">
      <c r="A158" s="4" t="s">
        <v>112</v>
      </c>
      <c r="B158" s="1" t="s">
        <v>3156</v>
      </c>
      <c r="C158" s="5" t="s">
        <v>3371</v>
      </c>
      <c r="D158" s="1" t="s">
        <v>10583</v>
      </c>
      <c r="E158" s="5" t="s">
        <v>16780</v>
      </c>
      <c r="F158" s="6">
        <v>6929</v>
      </c>
    </row>
    <row r="159" spans="1:6" x14ac:dyDescent="0.25">
      <c r="A159" s="4" t="s">
        <v>112</v>
      </c>
      <c r="B159" s="1" t="s">
        <v>3156</v>
      </c>
      <c r="C159" s="5" t="s">
        <v>6951</v>
      </c>
      <c r="D159" s="1" t="s">
        <v>10992</v>
      </c>
      <c r="E159" s="5" t="s">
        <v>17302</v>
      </c>
      <c r="F159" s="6">
        <v>8624</v>
      </c>
    </row>
    <row r="160" spans="1:6" x14ac:dyDescent="0.25">
      <c r="A160" s="4" t="s">
        <v>112</v>
      </c>
      <c r="B160" s="1" t="s">
        <v>3156</v>
      </c>
      <c r="C160" s="5" t="s">
        <v>3371</v>
      </c>
      <c r="D160" s="1" t="s">
        <v>11195</v>
      </c>
      <c r="E160" s="5" t="s">
        <v>17578</v>
      </c>
      <c r="F160" s="6">
        <v>9193</v>
      </c>
    </row>
    <row r="161" spans="1:6" x14ac:dyDescent="0.25">
      <c r="A161" s="4" t="s">
        <v>112</v>
      </c>
      <c r="B161" s="1" t="s">
        <v>3156</v>
      </c>
      <c r="C161" s="5" t="s">
        <v>6684</v>
      </c>
      <c r="D161" s="1" t="s">
        <v>11564</v>
      </c>
      <c r="E161" s="5" t="s">
        <v>18035</v>
      </c>
      <c r="F161" s="6">
        <v>9668</v>
      </c>
    </row>
    <row r="162" spans="1:6" x14ac:dyDescent="0.25">
      <c r="A162" s="4" t="s">
        <v>794</v>
      </c>
      <c r="B162" s="1" t="s">
        <v>3152</v>
      </c>
      <c r="C162" s="5" t="s">
        <v>4523</v>
      </c>
      <c r="D162" s="1" t="s">
        <v>8694</v>
      </c>
      <c r="E162" s="5" t="s">
        <v>13302</v>
      </c>
      <c r="F162" s="6">
        <v>1935</v>
      </c>
    </row>
    <row r="163" spans="1:6" x14ac:dyDescent="0.25">
      <c r="A163" s="4" t="s">
        <v>794</v>
      </c>
      <c r="B163" s="1" t="s">
        <v>3152</v>
      </c>
      <c r="C163" s="5">
        <v>143102</v>
      </c>
      <c r="D163" s="1" t="s">
        <v>10806</v>
      </c>
      <c r="E163" s="5" t="s">
        <v>17073</v>
      </c>
      <c r="F163" s="6">
        <v>7783</v>
      </c>
    </row>
    <row r="164" spans="1:6" x14ac:dyDescent="0.25">
      <c r="A164" s="4" t="s">
        <v>1610</v>
      </c>
      <c r="B164" s="1" t="s">
        <v>3147</v>
      </c>
      <c r="C164" s="5" t="s">
        <v>5426</v>
      </c>
      <c r="D164" s="1" t="s">
        <v>1610</v>
      </c>
      <c r="E164" s="5" t="s">
        <v>14397</v>
      </c>
      <c r="F164" s="6">
        <v>3069</v>
      </c>
    </row>
    <row r="165" spans="1:6" x14ac:dyDescent="0.25">
      <c r="A165" s="4" t="s">
        <v>2066</v>
      </c>
      <c r="B165" s="1" t="s">
        <v>3147</v>
      </c>
      <c r="C165" s="5" t="s">
        <v>4674</v>
      </c>
      <c r="D165" s="1" t="s">
        <v>2066</v>
      </c>
      <c r="E165" s="5" t="s">
        <v>14908</v>
      </c>
      <c r="F165" s="6">
        <v>3626</v>
      </c>
    </row>
    <row r="166" spans="1:6" x14ac:dyDescent="0.25">
      <c r="A166" s="4" t="s">
        <v>2351</v>
      </c>
      <c r="B166" s="1" t="s">
        <v>3161</v>
      </c>
      <c r="C166" s="5" t="s">
        <v>6143</v>
      </c>
      <c r="D166" s="1" t="s">
        <v>2351</v>
      </c>
      <c r="E166" s="5" t="s">
        <v>15609</v>
      </c>
      <c r="F166" s="6">
        <v>4351</v>
      </c>
    </row>
    <row r="167" spans="1:6" x14ac:dyDescent="0.25">
      <c r="A167" s="4" t="s">
        <v>758</v>
      </c>
      <c r="B167" s="1" t="s">
        <v>3158</v>
      </c>
      <c r="C167" s="5" t="s">
        <v>4479</v>
      </c>
      <c r="D167" s="1" t="s">
        <v>758</v>
      </c>
      <c r="E167" s="5" t="s">
        <v>13249</v>
      </c>
      <c r="F167" s="6">
        <v>1882</v>
      </c>
    </row>
    <row r="168" spans="1:6" x14ac:dyDescent="0.25">
      <c r="A168" s="4" t="s">
        <v>758</v>
      </c>
      <c r="B168" s="1" t="s">
        <v>3158</v>
      </c>
      <c r="C168" s="5" t="s">
        <v>4699</v>
      </c>
      <c r="D168" s="1" t="s">
        <v>9773</v>
      </c>
      <c r="E168" s="5" t="s">
        <v>15681</v>
      </c>
      <c r="F168" s="6">
        <v>4428</v>
      </c>
    </row>
    <row r="169" spans="1:6" x14ac:dyDescent="0.25">
      <c r="A169" s="4" t="s">
        <v>758</v>
      </c>
      <c r="B169" s="1" t="s">
        <v>3158</v>
      </c>
      <c r="C169" s="5" t="s">
        <v>4479</v>
      </c>
      <c r="D169" s="1" t="s">
        <v>10402</v>
      </c>
      <c r="E169" s="5" t="s">
        <v>16542</v>
      </c>
      <c r="F169" s="6">
        <v>6194</v>
      </c>
    </row>
    <row r="170" spans="1:6" x14ac:dyDescent="0.25">
      <c r="A170" s="4" t="s">
        <v>2181</v>
      </c>
      <c r="B170" s="1" t="s">
        <v>3148</v>
      </c>
      <c r="C170" s="5" t="s">
        <v>5889</v>
      </c>
      <c r="D170" s="1" t="s">
        <v>9438</v>
      </c>
      <c r="E170" s="5" t="s">
        <v>15199</v>
      </c>
      <c r="F170" s="6">
        <v>3933</v>
      </c>
    </row>
    <row r="171" spans="1:6" x14ac:dyDescent="0.25">
      <c r="A171" s="4" t="s">
        <v>1008</v>
      </c>
      <c r="B171" s="1" t="s">
        <v>3163</v>
      </c>
      <c r="C171" s="5" t="s">
        <v>4752</v>
      </c>
      <c r="D171" s="1" t="s">
        <v>1008</v>
      </c>
      <c r="E171" s="5" t="s">
        <v>13575</v>
      </c>
      <c r="F171" s="6">
        <v>2215</v>
      </c>
    </row>
    <row r="172" spans="1:6" x14ac:dyDescent="0.25">
      <c r="A172" s="4" t="s">
        <v>2348</v>
      </c>
      <c r="B172" s="1" t="s">
        <v>3155</v>
      </c>
      <c r="C172" s="5" t="s">
        <v>6135</v>
      </c>
      <c r="D172" s="1" t="s">
        <v>2348</v>
      </c>
      <c r="E172" s="5" t="s">
        <v>15591</v>
      </c>
      <c r="F172" s="6">
        <v>4333</v>
      </c>
    </row>
    <row r="173" spans="1:6" x14ac:dyDescent="0.25">
      <c r="A173" s="4" t="s">
        <v>2802</v>
      </c>
      <c r="B173" s="1" t="s">
        <v>3144</v>
      </c>
      <c r="C173" s="5" t="s">
        <v>6789</v>
      </c>
      <c r="D173" s="1" t="s">
        <v>2802</v>
      </c>
      <c r="E173" s="5" t="s">
        <v>16887</v>
      </c>
      <c r="F173" s="6">
        <v>7176</v>
      </c>
    </row>
    <row r="174" spans="1:6" x14ac:dyDescent="0.25">
      <c r="A174" s="4" t="s">
        <v>2255</v>
      </c>
      <c r="B174" s="1" t="s">
        <v>3144</v>
      </c>
      <c r="C174" s="5" t="s">
        <v>5986</v>
      </c>
      <c r="D174" s="1" t="s">
        <v>2255</v>
      </c>
      <c r="E174" s="5" t="s">
        <v>15362</v>
      </c>
      <c r="F174" s="6">
        <v>4099</v>
      </c>
    </row>
    <row r="175" spans="1:6" x14ac:dyDescent="0.25">
      <c r="A175" s="4" t="s">
        <v>2292</v>
      </c>
      <c r="B175" s="1" t="s">
        <v>3144</v>
      </c>
      <c r="C175" s="5" t="s">
        <v>6049</v>
      </c>
      <c r="D175" s="1" t="s">
        <v>2292</v>
      </c>
      <c r="E175" s="5" t="s">
        <v>15462</v>
      </c>
      <c r="F175" s="6">
        <v>4200</v>
      </c>
    </row>
    <row r="176" spans="1:6" x14ac:dyDescent="0.25">
      <c r="A176" s="4" t="s">
        <v>121</v>
      </c>
      <c r="B176" s="1" t="s">
        <v>3144</v>
      </c>
      <c r="C176" s="5" t="s">
        <v>3386</v>
      </c>
      <c r="D176" s="1" t="s">
        <v>7511</v>
      </c>
      <c r="E176" s="5" t="s">
        <v>11795</v>
      </c>
      <c r="F176" s="6">
        <v>221</v>
      </c>
    </row>
    <row r="177" spans="1:6" x14ac:dyDescent="0.25">
      <c r="A177" s="4" t="s">
        <v>121</v>
      </c>
      <c r="B177" s="1" t="s">
        <v>3144</v>
      </c>
      <c r="C177" s="5" t="s">
        <v>3386</v>
      </c>
      <c r="D177" s="1" t="s">
        <v>8918</v>
      </c>
      <c r="E177" s="5" t="s">
        <v>13870</v>
      </c>
      <c r="F177" s="6">
        <v>2520</v>
      </c>
    </row>
    <row r="178" spans="1:6" x14ac:dyDescent="0.25">
      <c r="A178" s="4" t="s">
        <v>2547</v>
      </c>
      <c r="B178" s="1" t="s">
        <v>3171</v>
      </c>
      <c r="C178" s="5">
        <v>422601</v>
      </c>
      <c r="D178" s="1" t="s">
        <v>2547</v>
      </c>
      <c r="E178" s="5" t="s">
        <v>16249</v>
      </c>
      <c r="F178" s="6">
        <v>5484</v>
      </c>
    </row>
    <row r="179" spans="1:6" x14ac:dyDescent="0.25">
      <c r="A179" s="4" t="s">
        <v>1362</v>
      </c>
      <c r="B179" s="1" t="s">
        <v>3144</v>
      </c>
      <c r="C179" s="5" t="s">
        <v>5157</v>
      </c>
      <c r="D179" s="1" t="s">
        <v>1362</v>
      </c>
      <c r="E179" s="5" t="s">
        <v>14061</v>
      </c>
      <c r="F179" s="6">
        <v>2716</v>
      </c>
    </row>
    <row r="180" spans="1:6" x14ac:dyDescent="0.25">
      <c r="A180" s="4" t="s">
        <v>1600</v>
      </c>
      <c r="B180" s="1" t="s">
        <v>3151</v>
      </c>
      <c r="C180" s="5" t="s">
        <v>5420</v>
      </c>
      <c r="D180" s="1" t="s">
        <v>9138</v>
      </c>
      <c r="E180" s="5" t="s">
        <v>14386</v>
      </c>
      <c r="F180" s="6">
        <v>3052</v>
      </c>
    </row>
    <row r="181" spans="1:6" x14ac:dyDescent="0.25">
      <c r="A181" s="4" t="s">
        <v>1600</v>
      </c>
      <c r="B181" s="1" t="s">
        <v>3158</v>
      </c>
      <c r="C181" s="5" t="s">
        <v>5705</v>
      </c>
      <c r="D181" s="1" t="s">
        <v>1600</v>
      </c>
      <c r="E181" s="5" t="s">
        <v>14832</v>
      </c>
      <c r="F181" s="6">
        <v>3544</v>
      </c>
    </row>
    <row r="182" spans="1:6" x14ac:dyDescent="0.25">
      <c r="A182" s="4" t="s">
        <v>269</v>
      </c>
      <c r="B182" s="1" t="s">
        <v>3150</v>
      </c>
      <c r="C182" s="5" t="s">
        <v>3722</v>
      </c>
      <c r="D182" s="1" t="s">
        <v>7898</v>
      </c>
      <c r="E182" s="5" t="s">
        <v>12206</v>
      </c>
      <c r="F182" s="6">
        <v>682</v>
      </c>
    </row>
    <row r="183" spans="1:6" x14ac:dyDescent="0.25">
      <c r="A183" s="4" t="s">
        <v>269</v>
      </c>
      <c r="B183" s="1" t="s">
        <v>3150</v>
      </c>
      <c r="C183" s="5" t="s">
        <v>7319</v>
      </c>
      <c r="D183" s="1" t="s">
        <v>11586</v>
      </c>
      <c r="E183" s="5" t="s">
        <v>18063</v>
      </c>
      <c r="F183" s="6">
        <v>9697</v>
      </c>
    </row>
    <row r="184" spans="1:6" x14ac:dyDescent="0.25">
      <c r="A184" s="4" t="s">
        <v>1702</v>
      </c>
      <c r="B184" s="1" t="s">
        <v>3144</v>
      </c>
      <c r="C184" s="5" t="s">
        <v>5486</v>
      </c>
      <c r="D184" s="1" t="s">
        <v>1702</v>
      </c>
      <c r="E184" s="5" t="s">
        <v>14496</v>
      </c>
      <c r="F184" s="6">
        <v>3181</v>
      </c>
    </row>
    <row r="185" spans="1:6" x14ac:dyDescent="0.25">
      <c r="A185" s="4" t="s">
        <v>580</v>
      </c>
      <c r="B185" s="1" t="s">
        <v>3150</v>
      </c>
      <c r="C185" s="5" t="s">
        <v>4231</v>
      </c>
      <c r="D185" s="1" t="s">
        <v>8463</v>
      </c>
      <c r="E185" s="5" t="s">
        <v>12922</v>
      </c>
      <c r="F185" s="6">
        <v>1527</v>
      </c>
    </row>
    <row r="186" spans="1:6" x14ac:dyDescent="0.25">
      <c r="A186" s="4" t="s">
        <v>795</v>
      </c>
      <c r="B186" s="1" t="s">
        <v>1147</v>
      </c>
      <c r="C186" s="5" t="s">
        <v>4524</v>
      </c>
      <c r="D186" s="1" t="s">
        <v>795</v>
      </c>
      <c r="E186" s="5" t="s">
        <v>13303</v>
      </c>
      <c r="F186" s="6">
        <v>1936</v>
      </c>
    </row>
    <row r="187" spans="1:6" x14ac:dyDescent="0.25">
      <c r="A187" s="4" t="s">
        <v>2624</v>
      </c>
      <c r="B187" s="1" t="s">
        <v>3152</v>
      </c>
      <c r="C187" s="5" t="s">
        <v>5549</v>
      </c>
      <c r="D187" s="1" t="s">
        <v>10300</v>
      </c>
      <c r="E187" s="5" t="s">
        <v>16384</v>
      </c>
      <c r="F187" s="6">
        <v>5800</v>
      </c>
    </row>
    <row r="188" spans="1:6" x14ac:dyDescent="0.25">
      <c r="A188" s="4" t="s">
        <v>1617</v>
      </c>
      <c r="B188" s="1" t="s">
        <v>3147</v>
      </c>
      <c r="C188" s="5" t="s">
        <v>4717</v>
      </c>
      <c r="D188" s="1" t="s">
        <v>1617</v>
      </c>
      <c r="E188" s="5" t="s">
        <v>14404</v>
      </c>
      <c r="F188" s="6">
        <v>3077</v>
      </c>
    </row>
    <row r="189" spans="1:6" x14ac:dyDescent="0.25">
      <c r="A189" s="4" t="s">
        <v>2652</v>
      </c>
      <c r="B189" s="1" t="s">
        <v>3144</v>
      </c>
      <c r="C189" s="5">
        <v>402208</v>
      </c>
      <c r="D189" s="1" t="s">
        <v>10336</v>
      </c>
      <c r="E189" s="5" t="s">
        <v>16442</v>
      </c>
      <c r="F189" s="6">
        <v>5920</v>
      </c>
    </row>
    <row r="190" spans="1:6" x14ac:dyDescent="0.25">
      <c r="A190" s="4" t="s">
        <v>2652</v>
      </c>
      <c r="B190" s="1" t="s">
        <v>3144</v>
      </c>
      <c r="C190" s="5" t="s">
        <v>6600</v>
      </c>
      <c r="D190" s="1" t="s">
        <v>10381</v>
      </c>
      <c r="E190" s="5" t="s">
        <v>16512</v>
      </c>
      <c r="F190" s="6">
        <v>6114</v>
      </c>
    </row>
    <row r="191" spans="1:6" x14ac:dyDescent="0.25">
      <c r="A191" s="4" t="s">
        <v>2719</v>
      </c>
      <c r="B191" s="1" t="s">
        <v>3158</v>
      </c>
      <c r="C191" s="5" t="s">
        <v>6657</v>
      </c>
      <c r="D191" s="1" t="s">
        <v>2719</v>
      </c>
      <c r="E191" s="5" t="s">
        <v>16626</v>
      </c>
      <c r="F191" s="6">
        <v>6411</v>
      </c>
    </row>
    <row r="192" spans="1:6" x14ac:dyDescent="0.25">
      <c r="A192" s="4" t="s">
        <v>190</v>
      </c>
      <c r="B192" s="1" t="s">
        <v>3158</v>
      </c>
      <c r="C192" s="5" t="s">
        <v>3521</v>
      </c>
      <c r="D192" s="1" t="s">
        <v>7657</v>
      </c>
      <c r="E192" s="5" t="s">
        <v>11947</v>
      </c>
      <c r="F192" s="6">
        <v>380</v>
      </c>
    </row>
    <row r="193" spans="1:6" x14ac:dyDescent="0.25">
      <c r="A193" s="4" t="s">
        <v>190</v>
      </c>
      <c r="B193" s="1" t="s">
        <v>3158</v>
      </c>
      <c r="C193" s="5" t="s">
        <v>3521</v>
      </c>
      <c r="D193" s="1" t="s">
        <v>8695</v>
      </c>
      <c r="E193" s="5" t="s">
        <v>13304</v>
      </c>
      <c r="F193" s="6">
        <v>1937</v>
      </c>
    </row>
    <row r="194" spans="1:6" x14ac:dyDescent="0.25">
      <c r="A194" s="4" t="s">
        <v>190</v>
      </c>
      <c r="B194" s="1" t="s">
        <v>3158</v>
      </c>
      <c r="C194" s="5" t="s">
        <v>3521</v>
      </c>
      <c r="D194" s="1" t="s">
        <v>9289</v>
      </c>
      <c r="E194" s="5" t="s">
        <v>14968</v>
      </c>
      <c r="F194" s="6">
        <v>3691</v>
      </c>
    </row>
    <row r="195" spans="1:6" x14ac:dyDescent="0.25">
      <c r="A195" s="4" t="s">
        <v>190</v>
      </c>
      <c r="B195" s="1" t="s">
        <v>3158</v>
      </c>
      <c r="C195" s="5" t="s">
        <v>3521</v>
      </c>
      <c r="D195" s="1" t="s">
        <v>9514</v>
      </c>
      <c r="E195" s="5" t="s">
        <v>15303</v>
      </c>
      <c r="F195" s="6">
        <v>4040</v>
      </c>
    </row>
    <row r="196" spans="1:6" x14ac:dyDescent="0.25">
      <c r="A196" s="4" t="s">
        <v>190</v>
      </c>
      <c r="B196" s="1" t="s">
        <v>3158</v>
      </c>
      <c r="C196" s="5" t="s">
        <v>3521</v>
      </c>
      <c r="D196" s="1" t="s">
        <v>9949</v>
      </c>
      <c r="E196" s="5" t="s">
        <v>15902</v>
      </c>
      <c r="F196" s="6">
        <v>4818</v>
      </c>
    </row>
    <row r="197" spans="1:6" x14ac:dyDescent="0.25">
      <c r="A197" s="4" t="s">
        <v>190</v>
      </c>
      <c r="B197" s="1" t="s">
        <v>3158</v>
      </c>
      <c r="C197" s="5" t="s">
        <v>3521</v>
      </c>
      <c r="D197" s="1" t="s">
        <v>11063</v>
      </c>
      <c r="E197" s="5" t="s">
        <v>17399</v>
      </c>
      <c r="F197" s="6">
        <v>9006</v>
      </c>
    </row>
    <row r="198" spans="1:6" x14ac:dyDescent="0.25">
      <c r="A198" s="4" t="s">
        <v>2978</v>
      </c>
      <c r="B198" s="1" t="s">
        <v>3152</v>
      </c>
      <c r="C198" s="5" t="s">
        <v>4773</v>
      </c>
      <c r="D198" s="1" t="s">
        <v>11095</v>
      </c>
      <c r="E198" s="5" t="s">
        <v>17443</v>
      </c>
      <c r="F198" s="6">
        <v>9053</v>
      </c>
    </row>
    <row r="199" spans="1:6" x14ac:dyDescent="0.25">
      <c r="A199" s="4" t="s">
        <v>1203</v>
      </c>
      <c r="B199" s="1" t="s">
        <v>3148</v>
      </c>
      <c r="C199" s="5" t="s">
        <v>4961</v>
      </c>
      <c r="D199" s="1" t="s">
        <v>1203</v>
      </c>
      <c r="E199" s="5" t="s">
        <v>13813</v>
      </c>
      <c r="F199" s="6">
        <v>2463</v>
      </c>
    </row>
    <row r="200" spans="1:6" x14ac:dyDescent="0.25">
      <c r="A200" s="4" t="s">
        <v>904</v>
      </c>
      <c r="B200" s="1" t="s">
        <v>3153</v>
      </c>
      <c r="C200" s="5" t="s">
        <v>4652</v>
      </c>
      <c r="D200" s="1" t="s">
        <v>904</v>
      </c>
      <c r="E200" s="5" t="s">
        <v>13470</v>
      </c>
      <c r="F200" s="6">
        <v>2107</v>
      </c>
    </row>
    <row r="201" spans="1:6" x14ac:dyDescent="0.25">
      <c r="A201" s="4" t="s">
        <v>796</v>
      </c>
      <c r="B201" s="1" t="s">
        <v>3155</v>
      </c>
      <c r="C201" s="5" t="s">
        <v>4525</v>
      </c>
      <c r="D201" s="1" t="s">
        <v>8696</v>
      </c>
      <c r="E201" s="5" t="s">
        <v>13305</v>
      </c>
      <c r="F201" s="6">
        <v>1938</v>
      </c>
    </row>
    <row r="202" spans="1:6" x14ac:dyDescent="0.25">
      <c r="A202" s="4" t="s">
        <v>2930</v>
      </c>
      <c r="B202" s="1" t="s">
        <v>3158</v>
      </c>
      <c r="C202" s="5" t="s">
        <v>6753</v>
      </c>
      <c r="D202" s="1" t="s">
        <v>10986</v>
      </c>
      <c r="E202" s="5" t="s">
        <v>17295</v>
      </c>
      <c r="F202" s="6">
        <v>8579</v>
      </c>
    </row>
    <row r="203" spans="1:6" x14ac:dyDescent="0.25">
      <c r="A203" s="4" t="s">
        <v>785</v>
      </c>
      <c r="B203" s="1" t="s">
        <v>3162</v>
      </c>
      <c r="C203" s="5" t="s">
        <v>4510</v>
      </c>
      <c r="D203" s="1" t="s">
        <v>785</v>
      </c>
      <c r="E203" s="5" t="s">
        <v>13286</v>
      </c>
      <c r="F203" s="6">
        <v>1919</v>
      </c>
    </row>
    <row r="204" spans="1:6" x14ac:dyDescent="0.25">
      <c r="A204" s="4" t="s">
        <v>2660</v>
      </c>
      <c r="B204" s="1" t="s">
        <v>3153</v>
      </c>
      <c r="C204" s="5" t="s">
        <v>6575</v>
      </c>
      <c r="D204" s="1" t="s">
        <v>2660</v>
      </c>
      <c r="E204" s="5" t="s">
        <v>16460</v>
      </c>
      <c r="F204" s="6">
        <v>5968</v>
      </c>
    </row>
    <row r="205" spans="1:6" x14ac:dyDescent="0.25">
      <c r="A205" s="4" t="s">
        <v>165</v>
      </c>
      <c r="B205" s="1" t="s">
        <v>3150</v>
      </c>
      <c r="C205" s="5" t="s">
        <v>3459</v>
      </c>
      <c r="D205" s="1" t="s">
        <v>165</v>
      </c>
      <c r="E205" s="5" t="s">
        <v>11878</v>
      </c>
      <c r="F205" s="6">
        <v>310</v>
      </c>
    </row>
    <row r="206" spans="1:6" x14ac:dyDescent="0.25">
      <c r="A206" s="4" t="s">
        <v>200</v>
      </c>
      <c r="B206" s="1" t="s">
        <v>3156</v>
      </c>
      <c r="C206" s="5" t="s">
        <v>3545</v>
      </c>
      <c r="D206" s="1" t="s">
        <v>7684</v>
      </c>
      <c r="E206" s="5" t="s">
        <v>11976</v>
      </c>
      <c r="F206" s="6">
        <v>409</v>
      </c>
    </row>
    <row r="207" spans="1:6" x14ac:dyDescent="0.25">
      <c r="A207" s="4" t="s">
        <v>200</v>
      </c>
      <c r="B207" s="1" t="s">
        <v>3156</v>
      </c>
      <c r="C207" s="5" t="s">
        <v>5250</v>
      </c>
      <c r="D207" s="1" t="s">
        <v>9090</v>
      </c>
      <c r="E207" s="5" t="s">
        <v>14198</v>
      </c>
      <c r="F207" s="6">
        <v>2857</v>
      </c>
    </row>
    <row r="208" spans="1:6" x14ac:dyDescent="0.25">
      <c r="A208" s="4" t="s">
        <v>200</v>
      </c>
      <c r="B208" s="1" t="s">
        <v>3156</v>
      </c>
      <c r="C208" s="5" t="s">
        <v>3545</v>
      </c>
      <c r="D208" s="1" t="s">
        <v>10529</v>
      </c>
      <c r="E208" s="5" t="s">
        <v>16703</v>
      </c>
      <c r="F208" s="6">
        <v>6632</v>
      </c>
    </row>
    <row r="209" spans="1:6" x14ac:dyDescent="0.25">
      <c r="A209" s="4" t="s">
        <v>200</v>
      </c>
      <c r="B209" s="1" t="s">
        <v>3156</v>
      </c>
      <c r="C209" s="5" t="s">
        <v>6014</v>
      </c>
      <c r="D209" s="1" t="s">
        <v>11075</v>
      </c>
      <c r="E209" s="5" t="s">
        <v>17417</v>
      </c>
      <c r="F209" s="6">
        <v>9025</v>
      </c>
    </row>
    <row r="210" spans="1:6" x14ac:dyDescent="0.25">
      <c r="A210" s="4" t="s">
        <v>200</v>
      </c>
      <c r="B210" s="1" t="s">
        <v>3156</v>
      </c>
      <c r="C210" s="5" t="s">
        <v>3545</v>
      </c>
      <c r="D210" s="1" t="s">
        <v>11572</v>
      </c>
      <c r="E210" s="5" t="s">
        <v>18045</v>
      </c>
      <c r="F210" s="6">
        <v>9678</v>
      </c>
    </row>
    <row r="211" spans="1:6" x14ac:dyDescent="0.25">
      <c r="A211" s="4" t="s">
        <v>916</v>
      </c>
      <c r="B211" s="1" t="s">
        <v>3155</v>
      </c>
      <c r="C211" s="5" t="s">
        <v>4664</v>
      </c>
      <c r="D211" s="1" t="s">
        <v>916</v>
      </c>
      <c r="E211" s="5" t="s">
        <v>13482</v>
      </c>
      <c r="F211" s="6">
        <v>2119</v>
      </c>
    </row>
    <row r="212" spans="1:6" x14ac:dyDescent="0.25">
      <c r="A212" s="4" t="s">
        <v>916</v>
      </c>
      <c r="B212" s="1" t="s">
        <v>3155</v>
      </c>
      <c r="C212" s="5" t="s">
        <v>4664</v>
      </c>
      <c r="D212" s="1" t="s">
        <v>9489</v>
      </c>
      <c r="E212" s="5" t="s">
        <v>15266</v>
      </c>
      <c r="F212" s="6">
        <v>4001</v>
      </c>
    </row>
    <row r="213" spans="1:6" x14ac:dyDescent="0.25">
      <c r="A213" s="4" t="s">
        <v>868</v>
      </c>
      <c r="B213" s="1" t="s">
        <v>3144</v>
      </c>
      <c r="C213" s="5" t="s">
        <v>4611</v>
      </c>
      <c r="D213" s="1" t="s">
        <v>868</v>
      </c>
      <c r="E213" s="5" t="s">
        <v>13415</v>
      </c>
      <c r="F213" s="6">
        <v>2049</v>
      </c>
    </row>
    <row r="214" spans="1:6" x14ac:dyDescent="0.25">
      <c r="A214" s="4" t="s">
        <v>2527</v>
      </c>
      <c r="B214" s="1" t="s">
        <v>3153</v>
      </c>
      <c r="C214" s="5">
        <v>488441</v>
      </c>
      <c r="D214" s="1" t="s">
        <v>2527</v>
      </c>
      <c r="E214" s="5" t="s">
        <v>16184</v>
      </c>
      <c r="F214" s="6">
        <v>5312</v>
      </c>
    </row>
    <row r="215" spans="1:6" x14ac:dyDescent="0.25">
      <c r="A215" s="4" t="s">
        <v>1125</v>
      </c>
      <c r="B215" s="1" t="s">
        <v>3152</v>
      </c>
      <c r="C215" s="5" t="s">
        <v>4867</v>
      </c>
      <c r="D215" s="1" t="s">
        <v>1125</v>
      </c>
      <c r="E215" s="5" t="s">
        <v>13698</v>
      </c>
      <c r="F215" s="6">
        <v>2345</v>
      </c>
    </row>
    <row r="216" spans="1:6" x14ac:dyDescent="0.25">
      <c r="A216" s="4" t="s">
        <v>1764</v>
      </c>
      <c r="B216" s="1" t="s">
        <v>3152</v>
      </c>
      <c r="C216" s="5" t="s">
        <v>5549</v>
      </c>
      <c r="D216" s="1" t="s">
        <v>1764</v>
      </c>
      <c r="E216" s="5" t="s">
        <v>14581</v>
      </c>
      <c r="F216" s="6">
        <v>3273</v>
      </c>
    </row>
    <row r="217" spans="1:6" x14ac:dyDescent="0.25">
      <c r="A217" s="4" t="s">
        <v>2673</v>
      </c>
      <c r="B217" s="1" t="s">
        <v>3153</v>
      </c>
      <c r="C217" s="5" t="s">
        <v>6591</v>
      </c>
      <c r="D217" s="1" t="s">
        <v>2673</v>
      </c>
      <c r="E217" s="5" t="s">
        <v>16501</v>
      </c>
      <c r="F217" s="6">
        <v>6068</v>
      </c>
    </row>
    <row r="218" spans="1:6" x14ac:dyDescent="0.25">
      <c r="A218" s="4" t="s">
        <v>2603</v>
      </c>
      <c r="B218" s="1" t="s">
        <v>3153</v>
      </c>
      <c r="C218" s="5" t="s">
        <v>6515</v>
      </c>
      <c r="D218" s="1" t="s">
        <v>2603</v>
      </c>
      <c r="E218" s="5" t="s">
        <v>16341</v>
      </c>
      <c r="F218" s="6">
        <v>5686</v>
      </c>
    </row>
    <row r="219" spans="1:6" x14ac:dyDescent="0.25">
      <c r="A219" s="4" t="s">
        <v>1468</v>
      </c>
      <c r="B219" s="1" t="s">
        <v>3165</v>
      </c>
      <c r="C219" s="5" t="s">
        <v>5282</v>
      </c>
      <c r="D219" s="1" t="s">
        <v>1468</v>
      </c>
      <c r="E219" s="5" t="s">
        <v>14238</v>
      </c>
      <c r="F219" s="6">
        <v>2899</v>
      </c>
    </row>
    <row r="220" spans="1:6" x14ac:dyDescent="0.25">
      <c r="A220" s="4" t="s">
        <v>2849</v>
      </c>
      <c r="B220" s="1" t="s">
        <v>3144</v>
      </c>
      <c r="C220" s="5" t="s">
        <v>6851</v>
      </c>
      <c r="D220" s="1" t="s">
        <v>2849</v>
      </c>
      <c r="E220" s="5" t="s">
        <v>17016</v>
      </c>
      <c r="F220" s="6">
        <v>7588</v>
      </c>
    </row>
    <row r="221" spans="1:6" x14ac:dyDescent="0.25">
      <c r="A221" s="4" t="s">
        <v>2838</v>
      </c>
      <c r="B221" s="1" t="s">
        <v>3153</v>
      </c>
      <c r="C221" s="5" t="s">
        <v>6838</v>
      </c>
      <c r="D221" s="1" t="s">
        <v>2838</v>
      </c>
      <c r="E221" s="5" t="s">
        <v>16984</v>
      </c>
      <c r="F221" s="6">
        <v>7499</v>
      </c>
    </row>
    <row r="222" spans="1:6" x14ac:dyDescent="0.25">
      <c r="A222" s="4" t="s">
        <v>65</v>
      </c>
      <c r="B222" s="1" t="s">
        <v>3154</v>
      </c>
      <c r="C222" s="5" t="s">
        <v>3306</v>
      </c>
      <c r="D222" s="1" t="s">
        <v>7432</v>
      </c>
      <c r="E222" s="5" t="s">
        <v>11710</v>
      </c>
      <c r="F222" s="6">
        <v>131</v>
      </c>
    </row>
    <row r="223" spans="1:6" x14ac:dyDescent="0.25">
      <c r="A223" s="4" t="s">
        <v>65</v>
      </c>
      <c r="B223" s="1" t="s">
        <v>3154</v>
      </c>
      <c r="C223" s="5" t="s">
        <v>3701</v>
      </c>
      <c r="D223" s="1" t="s">
        <v>7874</v>
      </c>
      <c r="E223" s="5" t="s">
        <v>12180</v>
      </c>
      <c r="F223" s="6">
        <v>654</v>
      </c>
    </row>
    <row r="224" spans="1:6" x14ac:dyDescent="0.25">
      <c r="A224" s="4" t="s">
        <v>65</v>
      </c>
      <c r="B224" s="1" t="s">
        <v>3154</v>
      </c>
      <c r="C224" s="5" t="s">
        <v>3306</v>
      </c>
      <c r="D224" s="1" t="s">
        <v>8936</v>
      </c>
      <c r="E224" s="5" t="s">
        <v>13910</v>
      </c>
      <c r="F224" s="6">
        <v>2562</v>
      </c>
    </row>
    <row r="225" spans="1:6" x14ac:dyDescent="0.25">
      <c r="A225" s="4" t="s">
        <v>65</v>
      </c>
      <c r="B225" s="1" t="s">
        <v>3154</v>
      </c>
      <c r="C225" s="5" t="s">
        <v>5509</v>
      </c>
      <c r="D225" s="1" t="s">
        <v>9165</v>
      </c>
      <c r="E225" s="5" t="s">
        <v>14524</v>
      </c>
      <c r="F225" s="6">
        <v>3212</v>
      </c>
    </row>
    <row r="226" spans="1:6" x14ac:dyDescent="0.25">
      <c r="A226" s="4" t="s">
        <v>65</v>
      </c>
      <c r="B226" s="1" t="s">
        <v>3154</v>
      </c>
      <c r="C226" s="5" t="s">
        <v>5512</v>
      </c>
      <c r="D226" s="1" t="s">
        <v>9169</v>
      </c>
      <c r="E226" s="5" t="s">
        <v>14530</v>
      </c>
      <c r="F226" s="6">
        <v>3218</v>
      </c>
    </row>
    <row r="227" spans="1:6" x14ac:dyDescent="0.25">
      <c r="A227" s="4" t="s">
        <v>65</v>
      </c>
      <c r="B227" s="1" t="s">
        <v>3154</v>
      </c>
      <c r="C227" s="5" t="s">
        <v>3701</v>
      </c>
      <c r="D227" s="1" t="s">
        <v>9211</v>
      </c>
      <c r="E227" s="5" t="s">
        <v>14676</v>
      </c>
      <c r="F227" s="6">
        <v>3378</v>
      </c>
    </row>
    <row r="228" spans="1:6" x14ac:dyDescent="0.25">
      <c r="A228" s="4" t="s">
        <v>65</v>
      </c>
      <c r="B228" s="1" t="s">
        <v>3154</v>
      </c>
      <c r="C228" s="5" t="s">
        <v>3701</v>
      </c>
      <c r="D228" s="1" t="s">
        <v>9233</v>
      </c>
      <c r="E228" s="5" t="s">
        <v>14865</v>
      </c>
      <c r="F228" s="6">
        <v>3581</v>
      </c>
    </row>
    <row r="229" spans="1:6" x14ac:dyDescent="0.25">
      <c r="A229" s="4" t="s">
        <v>65</v>
      </c>
      <c r="B229" s="1" t="s">
        <v>3154</v>
      </c>
      <c r="C229" s="5" t="s">
        <v>3701</v>
      </c>
      <c r="D229" s="1" t="s">
        <v>9250</v>
      </c>
      <c r="E229" s="5" t="s">
        <v>14924</v>
      </c>
      <c r="F229" s="6">
        <v>3645</v>
      </c>
    </row>
    <row r="230" spans="1:6" x14ac:dyDescent="0.25">
      <c r="A230" s="4" t="s">
        <v>65</v>
      </c>
      <c r="B230" s="1" t="s">
        <v>3154</v>
      </c>
      <c r="C230" s="5" t="s">
        <v>3701</v>
      </c>
      <c r="D230" s="1" t="s">
        <v>9479</v>
      </c>
      <c r="E230" s="5" t="s">
        <v>15253</v>
      </c>
      <c r="F230" s="6">
        <v>3988</v>
      </c>
    </row>
    <row r="231" spans="1:6" x14ac:dyDescent="0.25">
      <c r="A231" s="4" t="s">
        <v>65</v>
      </c>
      <c r="B231" s="1" t="s">
        <v>3154</v>
      </c>
      <c r="C231" s="5" t="s">
        <v>5915</v>
      </c>
      <c r="D231" s="1" t="s">
        <v>9483</v>
      </c>
      <c r="E231" s="5" t="s">
        <v>15258</v>
      </c>
      <c r="F231" s="6">
        <v>3993</v>
      </c>
    </row>
    <row r="232" spans="1:6" x14ac:dyDescent="0.25">
      <c r="A232" s="4" t="s">
        <v>65</v>
      </c>
      <c r="B232" s="1" t="s">
        <v>3154</v>
      </c>
      <c r="C232" s="5" t="s">
        <v>3306</v>
      </c>
      <c r="D232" s="1" t="s">
        <v>9575</v>
      </c>
      <c r="E232" s="5" t="s">
        <v>15411</v>
      </c>
      <c r="F232" s="6">
        <v>4148</v>
      </c>
    </row>
    <row r="233" spans="1:6" x14ac:dyDescent="0.25">
      <c r="A233" s="4" t="s">
        <v>65</v>
      </c>
      <c r="B233" s="1" t="s">
        <v>3154</v>
      </c>
      <c r="C233" s="5" t="s">
        <v>7194</v>
      </c>
      <c r="D233" s="1" t="s">
        <v>11356</v>
      </c>
      <c r="E233" s="5" t="s">
        <v>17780</v>
      </c>
      <c r="F233" s="6">
        <v>9402</v>
      </c>
    </row>
    <row r="234" spans="1:6" x14ac:dyDescent="0.25">
      <c r="A234" s="4" t="s">
        <v>2443</v>
      </c>
      <c r="B234" s="1" t="s">
        <v>3150</v>
      </c>
      <c r="C234" s="5" t="s">
        <v>6316</v>
      </c>
      <c r="D234" s="1" t="s">
        <v>2443</v>
      </c>
      <c r="E234" s="5" t="s">
        <v>15929</v>
      </c>
      <c r="F234" s="6">
        <v>4847</v>
      </c>
    </row>
    <row r="235" spans="1:6" x14ac:dyDescent="0.25">
      <c r="A235" s="4" t="s">
        <v>1260</v>
      </c>
      <c r="B235" s="1" t="s">
        <v>3144</v>
      </c>
      <c r="C235" s="5" t="s">
        <v>5035</v>
      </c>
      <c r="D235" s="1" t="s">
        <v>8933</v>
      </c>
      <c r="E235" s="5" t="s">
        <v>13904</v>
      </c>
      <c r="F235" s="6">
        <v>2555</v>
      </c>
    </row>
    <row r="236" spans="1:6" x14ac:dyDescent="0.25">
      <c r="A236" s="4" t="s">
        <v>1374</v>
      </c>
      <c r="B236" s="1" t="s">
        <v>1147</v>
      </c>
      <c r="C236" s="5" t="s">
        <v>5175</v>
      </c>
      <c r="D236" s="1" t="s">
        <v>1374</v>
      </c>
      <c r="E236" s="5" t="s">
        <v>14083</v>
      </c>
      <c r="F236" s="6">
        <v>2738</v>
      </c>
    </row>
    <row r="237" spans="1:6" x14ac:dyDescent="0.25">
      <c r="A237" s="4" t="s">
        <v>2692</v>
      </c>
      <c r="B237" s="1" t="s">
        <v>3144</v>
      </c>
      <c r="C237" s="5" t="s">
        <v>6616</v>
      </c>
      <c r="D237" s="1" t="s">
        <v>10395</v>
      </c>
      <c r="E237" s="5" t="s">
        <v>16535</v>
      </c>
      <c r="F237" s="6">
        <v>6184</v>
      </c>
    </row>
    <row r="238" spans="1:6" x14ac:dyDescent="0.25">
      <c r="A238" s="4" t="s">
        <v>382</v>
      </c>
      <c r="B238" s="1" t="s">
        <v>3161</v>
      </c>
      <c r="C238" s="5" t="s">
        <v>3896</v>
      </c>
      <c r="D238" s="1" t="s">
        <v>382</v>
      </c>
      <c r="E238" s="5" t="s">
        <v>12404</v>
      </c>
      <c r="F238" s="6">
        <v>917</v>
      </c>
    </row>
    <row r="239" spans="1:6" x14ac:dyDescent="0.25">
      <c r="A239" s="4" t="s">
        <v>382</v>
      </c>
      <c r="B239" s="1" t="s">
        <v>3161</v>
      </c>
      <c r="C239" s="5" t="s">
        <v>3896</v>
      </c>
      <c r="D239" s="1" t="s">
        <v>11433</v>
      </c>
      <c r="E239" s="5" t="s">
        <v>17866</v>
      </c>
      <c r="F239" s="6">
        <v>9495</v>
      </c>
    </row>
    <row r="240" spans="1:6" x14ac:dyDescent="0.25">
      <c r="A240" s="4" t="s">
        <v>488</v>
      </c>
      <c r="B240" s="1" t="s">
        <v>3146</v>
      </c>
      <c r="C240" s="5" t="s">
        <v>4107</v>
      </c>
      <c r="D240" s="1" t="s">
        <v>488</v>
      </c>
      <c r="E240" s="5" t="s">
        <v>12707</v>
      </c>
      <c r="F240" s="6">
        <v>1304</v>
      </c>
    </row>
    <row r="241" spans="1:6" x14ac:dyDescent="0.25">
      <c r="A241" s="4" t="s">
        <v>1859</v>
      </c>
      <c r="B241" s="1" t="s">
        <v>3147</v>
      </c>
      <c r="C241" s="5" t="s">
        <v>5627</v>
      </c>
      <c r="D241" s="1" t="s">
        <v>1859</v>
      </c>
      <c r="E241" s="5" t="s">
        <v>14690</v>
      </c>
      <c r="F241" s="6">
        <v>3393</v>
      </c>
    </row>
    <row r="242" spans="1:6" x14ac:dyDescent="0.25">
      <c r="A242" s="4" t="s">
        <v>1932</v>
      </c>
      <c r="B242" s="1" t="s">
        <v>3158</v>
      </c>
      <c r="C242" s="5" t="s">
        <v>5668</v>
      </c>
      <c r="D242" s="1" t="s">
        <v>1932</v>
      </c>
      <c r="E242" s="5" t="s">
        <v>14766</v>
      </c>
      <c r="F242" s="6">
        <v>3477</v>
      </c>
    </row>
    <row r="243" spans="1:6" x14ac:dyDescent="0.25">
      <c r="A243" s="4" t="s">
        <v>1932</v>
      </c>
      <c r="B243" s="1" t="s">
        <v>3158</v>
      </c>
      <c r="C243" s="5" t="s">
        <v>6072</v>
      </c>
      <c r="D243" s="1" t="s">
        <v>9640</v>
      </c>
      <c r="E243" s="5" t="s">
        <v>15501</v>
      </c>
      <c r="F243" s="6">
        <v>4239</v>
      </c>
    </row>
    <row r="244" spans="1:6" x14ac:dyDescent="0.25">
      <c r="A244" s="4" t="s">
        <v>2495</v>
      </c>
      <c r="B244" s="1" t="s">
        <v>3153</v>
      </c>
      <c r="C244" s="5" t="s">
        <v>6367</v>
      </c>
      <c r="D244" s="1" t="s">
        <v>10069</v>
      </c>
      <c r="E244" s="5" t="s">
        <v>16062</v>
      </c>
      <c r="F244" s="6">
        <v>5092</v>
      </c>
    </row>
    <row r="245" spans="1:6" x14ac:dyDescent="0.25">
      <c r="A245" s="4" t="s">
        <v>2079</v>
      </c>
      <c r="B245" s="1" t="s">
        <v>3148</v>
      </c>
      <c r="C245" s="5" t="s">
        <v>5769</v>
      </c>
      <c r="D245" s="1" t="s">
        <v>9284</v>
      </c>
      <c r="E245" s="5" t="s">
        <v>14963</v>
      </c>
      <c r="F245" s="6">
        <v>3686</v>
      </c>
    </row>
    <row r="246" spans="1:6" x14ac:dyDescent="0.25">
      <c r="A246" s="4" t="s">
        <v>2153</v>
      </c>
      <c r="B246" s="1" t="s">
        <v>3147</v>
      </c>
      <c r="C246" s="5" t="s">
        <v>5857</v>
      </c>
      <c r="D246" s="1" t="s">
        <v>2153</v>
      </c>
      <c r="E246" s="5" t="s">
        <v>15132</v>
      </c>
      <c r="F246" s="6">
        <v>3863</v>
      </c>
    </row>
    <row r="247" spans="1:6" x14ac:dyDescent="0.25">
      <c r="A247" s="4" t="s">
        <v>142</v>
      </c>
      <c r="B247" s="1" t="s">
        <v>3144</v>
      </c>
      <c r="C247" s="5" t="s">
        <v>3414</v>
      </c>
      <c r="D247" s="1" t="s">
        <v>7540</v>
      </c>
      <c r="E247" s="5" t="s">
        <v>11826</v>
      </c>
      <c r="F247" s="6">
        <v>257</v>
      </c>
    </row>
    <row r="248" spans="1:6" x14ac:dyDescent="0.25">
      <c r="A248" s="4" t="s">
        <v>142</v>
      </c>
      <c r="B248" s="1" t="s">
        <v>3144</v>
      </c>
      <c r="C248" s="5" t="s">
        <v>5168</v>
      </c>
      <c r="D248" s="1" t="s">
        <v>9020</v>
      </c>
      <c r="E248" s="5" t="s">
        <v>14076</v>
      </c>
      <c r="F248" s="6">
        <v>2731</v>
      </c>
    </row>
    <row r="249" spans="1:6" x14ac:dyDescent="0.25">
      <c r="A249" s="4" t="s">
        <v>142</v>
      </c>
      <c r="B249" s="1" t="s">
        <v>3144</v>
      </c>
      <c r="C249" s="5" t="s">
        <v>5778</v>
      </c>
      <c r="D249" s="1" t="s">
        <v>9303</v>
      </c>
      <c r="E249" s="5" t="s">
        <v>14987</v>
      </c>
      <c r="F249" s="6">
        <v>3712</v>
      </c>
    </row>
    <row r="250" spans="1:6" x14ac:dyDescent="0.25">
      <c r="A250" s="4" t="s">
        <v>142</v>
      </c>
      <c r="B250" s="1" t="s">
        <v>3144</v>
      </c>
      <c r="C250" s="5" t="s">
        <v>6171</v>
      </c>
      <c r="D250" s="1" t="s">
        <v>9771</v>
      </c>
      <c r="E250" s="5" t="s">
        <v>15679</v>
      </c>
      <c r="F250" s="6">
        <v>4426</v>
      </c>
    </row>
    <row r="251" spans="1:6" x14ac:dyDescent="0.25">
      <c r="A251" s="4" t="s">
        <v>142</v>
      </c>
      <c r="B251" s="1" t="s">
        <v>3144</v>
      </c>
      <c r="C251" s="5" t="s">
        <v>6389</v>
      </c>
      <c r="D251" s="1" t="s">
        <v>10118</v>
      </c>
      <c r="E251" s="5" t="s">
        <v>16120</v>
      </c>
      <c r="F251" s="6">
        <v>5191</v>
      </c>
    </row>
    <row r="252" spans="1:6" x14ac:dyDescent="0.25">
      <c r="A252" s="4" t="s">
        <v>241</v>
      </c>
      <c r="B252" s="1" t="s">
        <v>3147</v>
      </c>
      <c r="C252" s="5" t="s">
        <v>3666</v>
      </c>
      <c r="D252" s="1" t="s">
        <v>7829</v>
      </c>
      <c r="E252" s="5" t="s">
        <v>12132</v>
      </c>
      <c r="F252" s="6">
        <v>595</v>
      </c>
    </row>
    <row r="253" spans="1:6" x14ac:dyDescent="0.25">
      <c r="A253" s="4" t="s">
        <v>241</v>
      </c>
      <c r="B253" s="1" t="s">
        <v>3147</v>
      </c>
      <c r="C253" s="5" t="s">
        <v>3666</v>
      </c>
      <c r="D253" s="1" t="s">
        <v>10306</v>
      </c>
      <c r="E253" s="5" t="s">
        <v>16392</v>
      </c>
      <c r="F253" s="6">
        <v>5812</v>
      </c>
    </row>
    <row r="254" spans="1:6" x14ac:dyDescent="0.25">
      <c r="A254" s="4" t="s">
        <v>55</v>
      </c>
      <c r="B254" s="1" t="s">
        <v>3152</v>
      </c>
      <c r="C254" s="5" t="s">
        <v>3291</v>
      </c>
      <c r="D254" s="1" t="s">
        <v>7420</v>
      </c>
      <c r="E254" s="5" t="s">
        <v>11695</v>
      </c>
      <c r="F254" s="6">
        <v>115</v>
      </c>
    </row>
    <row r="255" spans="1:6" x14ac:dyDescent="0.25">
      <c r="A255" s="4" t="s">
        <v>55</v>
      </c>
      <c r="B255" s="1" t="s">
        <v>3152</v>
      </c>
      <c r="C255" s="5" t="s">
        <v>3291</v>
      </c>
      <c r="D255" s="1" t="s">
        <v>7546</v>
      </c>
      <c r="E255" s="5" t="s">
        <v>11832</v>
      </c>
      <c r="F255" s="6">
        <v>263</v>
      </c>
    </row>
    <row r="256" spans="1:6" x14ac:dyDescent="0.25">
      <c r="A256" s="4" t="s">
        <v>55</v>
      </c>
      <c r="B256" s="1" t="s">
        <v>3152</v>
      </c>
      <c r="C256" s="5" t="s">
        <v>3291</v>
      </c>
      <c r="D256" s="1" t="s">
        <v>7743</v>
      </c>
      <c r="E256" s="5" t="s">
        <v>12042</v>
      </c>
      <c r="F256" s="6">
        <v>476</v>
      </c>
    </row>
    <row r="257" spans="1:6" x14ac:dyDescent="0.25">
      <c r="A257" s="4" t="s">
        <v>55</v>
      </c>
      <c r="B257" s="1" t="s">
        <v>3152</v>
      </c>
      <c r="C257" s="5" t="s">
        <v>3850</v>
      </c>
      <c r="D257" s="1" t="s">
        <v>8024</v>
      </c>
      <c r="E257" s="5" t="s">
        <v>12351</v>
      </c>
      <c r="F257" s="6">
        <v>856</v>
      </c>
    </row>
    <row r="258" spans="1:6" x14ac:dyDescent="0.25">
      <c r="A258" s="4" t="s">
        <v>55</v>
      </c>
      <c r="B258" s="1" t="s">
        <v>3152</v>
      </c>
      <c r="C258" s="5" t="s">
        <v>3291</v>
      </c>
      <c r="D258" s="1" t="s">
        <v>8300</v>
      </c>
      <c r="E258" s="5" t="s">
        <v>12716</v>
      </c>
      <c r="F258" s="6">
        <v>1313</v>
      </c>
    </row>
    <row r="259" spans="1:6" x14ac:dyDescent="0.25">
      <c r="A259" s="4" t="s">
        <v>55</v>
      </c>
      <c r="B259" s="1" t="s">
        <v>3152</v>
      </c>
      <c r="C259" s="5" t="s">
        <v>3850</v>
      </c>
      <c r="D259" s="1" t="s">
        <v>8319</v>
      </c>
      <c r="E259" s="5" t="s">
        <v>12737</v>
      </c>
      <c r="F259" s="6">
        <v>1334</v>
      </c>
    </row>
    <row r="260" spans="1:6" x14ac:dyDescent="0.25">
      <c r="A260" s="4" t="s">
        <v>55</v>
      </c>
      <c r="B260" s="1" t="s">
        <v>3152</v>
      </c>
      <c r="C260" s="5" t="s">
        <v>3291</v>
      </c>
      <c r="D260" s="1" t="s">
        <v>8342</v>
      </c>
      <c r="E260" s="5" t="s">
        <v>12762</v>
      </c>
      <c r="F260" s="6">
        <v>1359</v>
      </c>
    </row>
    <row r="261" spans="1:6" x14ac:dyDescent="0.25">
      <c r="A261" s="4" t="s">
        <v>55</v>
      </c>
      <c r="B261" s="1" t="s">
        <v>3152</v>
      </c>
      <c r="C261" s="5" t="s">
        <v>3291</v>
      </c>
      <c r="D261" s="1" t="s">
        <v>8350</v>
      </c>
      <c r="E261" s="5" t="s">
        <v>12770</v>
      </c>
      <c r="F261" s="6">
        <v>1367</v>
      </c>
    </row>
    <row r="262" spans="1:6" x14ac:dyDescent="0.25">
      <c r="A262" s="4" t="s">
        <v>55</v>
      </c>
      <c r="B262" s="1" t="s">
        <v>3152</v>
      </c>
      <c r="C262" s="5" t="s">
        <v>3291</v>
      </c>
      <c r="D262" s="1" t="s">
        <v>8380</v>
      </c>
      <c r="E262" s="5" t="s">
        <v>12808</v>
      </c>
      <c r="F262" s="6">
        <v>1407</v>
      </c>
    </row>
    <row r="263" spans="1:6" x14ac:dyDescent="0.25">
      <c r="A263" s="4" t="s">
        <v>55</v>
      </c>
      <c r="B263" s="1" t="s">
        <v>3152</v>
      </c>
      <c r="C263" s="5" t="s">
        <v>3291</v>
      </c>
      <c r="D263" s="1" t="s">
        <v>8506</v>
      </c>
      <c r="E263" s="5" t="s">
        <v>12970</v>
      </c>
      <c r="F263" s="6">
        <v>1580</v>
      </c>
    </row>
    <row r="264" spans="1:6" x14ac:dyDescent="0.25">
      <c r="A264" s="4" t="s">
        <v>55</v>
      </c>
      <c r="B264" s="1" t="s">
        <v>3152</v>
      </c>
      <c r="C264" s="5" t="s">
        <v>3291</v>
      </c>
      <c r="D264" s="1" t="s">
        <v>8638</v>
      </c>
      <c r="E264" s="5" t="s">
        <v>13189</v>
      </c>
      <c r="F264" s="6">
        <v>1822</v>
      </c>
    </row>
    <row r="265" spans="1:6" x14ac:dyDescent="0.25">
      <c r="A265" s="4" t="s">
        <v>55</v>
      </c>
      <c r="B265" s="1" t="s">
        <v>3152</v>
      </c>
      <c r="C265" s="5" t="s">
        <v>5189</v>
      </c>
      <c r="D265" s="1" t="s">
        <v>9032</v>
      </c>
      <c r="E265" s="5" t="s">
        <v>14102</v>
      </c>
      <c r="F265" s="6">
        <v>2759</v>
      </c>
    </row>
    <row r="266" spans="1:6" x14ac:dyDescent="0.25">
      <c r="A266" s="4" t="s">
        <v>55</v>
      </c>
      <c r="B266" s="1" t="s">
        <v>3152</v>
      </c>
      <c r="C266" s="5" t="s">
        <v>3291</v>
      </c>
      <c r="D266" s="1" t="s">
        <v>9188</v>
      </c>
      <c r="E266" s="5" t="s">
        <v>14571</v>
      </c>
      <c r="F266" s="6">
        <v>3263</v>
      </c>
    </row>
    <row r="267" spans="1:6" x14ac:dyDescent="0.25">
      <c r="A267" s="4" t="s">
        <v>55</v>
      </c>
      <c r="B267" s="1" t="s">
        <v>3152</v>
      </c>
      <c r="C267" s="5" t="s">
        <v>5626</v>
      </c>
      <c r="D267" s="1" t="s">
        <v>9212</v>
      </c>
      <c r="E267" s="5" t="s">
        <v>14689</v>
      </c>
      <c r="F267" s="6">
        <v>3392</v>
      </c>
    </row>
    <row r="268" spans="1:6" x14ac:dyDescent="0.25">
      <c r="A268" s="4" t="s">
        <v>55</v>
      </c>
      <c r="B268" s="1" t="s">
        <v>3152</v>
      </c>
      <c r="C268" s="5" t="s">
        <v>6197</v>
      </c>
      <c r="D268" s="1" t="s">
        <v>9802</v>
      </c>
      <c r="E268" s="5" t="s">
        <v>15719</v>
      </c>
      <c r="F268" s="6">
        <v>4488</v>
      </c>
    </row>
    <row r="269" spans="1:6" x14ac:dyDescent="0.25">
      <c r="A269" s="4" t="s">
        <v>55</v>
      </c>
      <c r="B269" s="1" t="s">
        <v>3152</v>
      </c>
      <c r="C269" s="5" t="s">
        <v>6205</v>
      </c>
      <c r="D269" s="1" t="s">
        <v>9812</v>
      </c>
      <c r="E269" s="5" t="s">
        <v>15730</v>
      </c>
      <c r="F269" s="6">
        <v>4499</v>
      </c>
    </row>
    <row r="270" spans="1:6" x14ac:dyDescent="0.25">
      <c r="A270" s="4" t="s">
        <v>55</v>
      </c>
      <c r="B270" s="1" t="s">
        <v>3152</v>
      </c>
      <c r="C270" s="5" t="s">
        <v>4523</v>
      </c>
      <c r="D270" s="1" t="s">
        <v>9985</v>
      </c>
      <c r="E270" s="5" t="s">
        <v>15950</v>
      </c>
      <c r="F270" s="6">
        <v>4869</v>
      </c>
    </row>
    <row r="271" spans="1:6" x14ac:dyDescent="0.25">
      <c r="A271" s="4" t="s">
        <v>55</v>
      </c>
      <c r="B271" s="1" t="s">
        <v>3152</v>
      </c>
      <c r="C271" s="5" t="s">
        <v>5626</v>
      </c>
      <c r="D271" s="1" t="s">
        <v>10243</v>
      </c>
      <c r="E271" s="5" t="s">
        <v>16298</v>
      </c>
      <c r="F271" s="6">
        <v>5598</v>
      </c>
    </row>
    <row r="272" spans="1:6" x14ac:dyDescent="0.25">
      <c r="A272" s="4" t="s">
        <v>55</v>
      </c>
      <c r="B272" s="1" t="s">
        <v>3152</v>
      </c>
      <c r="C272" s="5" t="s">
        <v>6758</v>
      </c>
      <c r="D272" s="1" t="s">
        <v>10613</v>
      </c>
      <c r="E272" s="5" t="s">
        <v>16820</v>
      </c>
      <c r="F272" s="6">
        <v>7030</v>
      </c>
    </row>
    <row r="273" spans="1:6" x14ac:dyDescent="0.25">
      <c r="A273" s="4" t="s">
        <v>55</v>
      </c>
      <c r="B273" s="1" t="s">
        <v>3152</v>
      </c>
      <c r="C273" s="5" t="s">
        <v>5460</v>
      </c>
      <c r="D273" s="1" t="s">
        <v>10782</v>
      </c>
      <c r="E273" s="5" t="s">
        <v>17043</v>
      </c>
      <c r="F273" s="6">
        <v>7663</v>
      </c>
    </row>
    <row r="274" spans="1:6" x14ac:dyDescent="0.25">
      <c r="A274" s="4" t="s">
        <v>55</v>
      </c>
      <c r="B274" s="1" t="s">
        <v>3152</v>
      </c>
      <c r="C274" s="5">
        <v>143001</v>
      </c>
      <c r="D274" s="1" t="s">
        <v>10816</v>
      </c>
      <c r="E274" s="5" t="s">
        <v>17087</v>
      </c>
      <c r="F274" s="6">
        <v>7820</v>
      </c>
    </row>
    <row r="275" spans="1:6" x14ac:dyDescent="0.25">
      <c r="A275" s="4" t="s">
        <v>55</v>
      </c>
      <c r="B275" s="1" t="s">
        <v>3152</v>
      </c>
      <c r="C275" s="5" t="s">
        <v>3291</v>
      </c>
      <c r="D275" s="1" t="s">
        <v>10824</v>
      </c>
      <c r="E275" s="5" t="s">
        <v>17096</v>
      </c>
      <c r="F275" s="6">
        <v>7851</v>
      </c>
    </row>
    <row r="276" spans="1:6" x14ac:dyDescent="0.25">
      <c r="A276" s="4" t="s">
        <v>55</v>
      </c>
      <c r="B276" s="1" t="s">
        <v>3152</v>
      </c>
      <c r="C276" s="5">
        <v>143001</v>
      </c>
      <c r="D276" s="1" t="s">
        <v>10991</v>
      </c>
      <c r="E276" s="5" t="s">
        <v>17301</v>
      </c>
      <c r="F276" s="6">
        <v>8615</v>
      </c>
    </row>
    <row r="277" spans="1:6" x14ac:dyDescent="0.25">
      <c r="A277" s="4" t="s">
        <v>55</v>
      </c>
      <c r="B277" s="1" t="s">
        <v>3152</v>
      </c>
      <c r="C277" s="5" t="s">
        <v>4523</v>
      </c>
      <c r="D277" s="1" t="s">
        <v>11064</v>
      </c>
      <c r="E277" s="5" t="s">
        <v>17400</v>
      </c>
      <c r="F277" s="6">
        <v>9007</v>
      </c>
    </row>
    <row r="278" spans="1:6" x14ac:dyDescent="0.25">
      <c r="A278" s="4" t="s">
        <v>3120</v>
      </c>
      <c r="B278" s="1" t="s">
        <v>3158</v>
      </c>
      <c r="C278" s="5" t="s">
        <v>7292</v>
      </c>
      <c r="D278" s="1" t="s">
        <v>3120</v>
      </c>
      <c r="E278" s="5" t="s">
        <v>17998</v>
      </c>
      <c r="F278" s="6">
        <v>9630</v>
      </c>
    </row>
    <row r="279" spans="1:6" x14ac:dyDescent="0.25">
      <c r="A279" s="4" t="s">
        <v>640</v>
      </c>
      <c r="B279" s="1" t="s">
        <v>3147</v>
      </c>
      <c r="C279" s="5" t="s">
        <v>4325</v>
      </c>
      <c r="D279" s="1" t="s">
        <v>8560</v>
      </c>
      <c r="E279" s="5" t="s">
        <v>13052</v>
      </c>
      <c r="F279" s="6">
        <v>1684</v>
      </c>
    </row>
    <row r="280" spans="1:6" x14ac:dyDescent="0.25">
      <c r="A280" s="4" t="s">
        <v>792</v>
      </c>
      <c r="B280" s="1" t="s">
        <v>3148</v>
      </c>
      <c r="C280" s="5" t="s">
        <v>4521</v>
      </c>
      <c r="D280" s="1" t="s">
        <v>792</v>
      </c>
      <c r="E280" s="5" t="s">
        <v>13299</v>
      </c>
      <c r="F280" s="6">
        <v>1932</v>
      </c>
    </row>
    <row r="281" spans="1:6" x14ac:dyDescent="0.25">
      <c r="A281" s="4" t="s">
        <v>2785</v>
      </c>
      <c r="B281" s="1" t="s">
        <v>3146</v>
      </c>
      <c r="C281" s="5" t="s">
        <v>6755</v>
      </c>
      <c r="D281" s="1" t="s">
        <v>2785</v>
      </c>
      <c r="E281" s="5" t="s">
        <v>16812</v>
      </c>
      <c r="F281" s="6">
        <v>7011</v>
      </c>
    </row>
    <row r="282" spans="1:6" x14ac:dyDescent="0.25">
      <c r="A282" s="4" t="s">
        <v>97</v>
      </c>
      <c r="B282" s="1" t="s">
        <v>3147</v>
      </c>
      <c r="C282" s="5" t="s">
        <v>3354</v>
      </c>
      <c r="D282" s="1" t="s">
        <v>7480</v>
      </c>
      <c r="E282" s="5" t="s">
        <v>11762</v>
      </c>
      <c r="F282" s="6">
        <v>183</v>
      </c>
    </row>
    <row r="283" spans="1:6" x14ac:dyDescent="0.25">
      <c r="A283" s="4" t="s">
        <v>97</v>
      </c>
      <c r="B283" s="1" t="s">
        <v>3147</v>
      </c>
      <c r="C283" s="5" t="s">
        <v>3354</v>
      </c>
      <c r="D283" s="1" t="s">
        <v>8864</v>
      </c>
      <c r="E283" s="5" t="s">
        <v>13766</v>
      </c>
      <c r="F283" s="6">
        <v>2415</v>
      </c>
    </row>
    <row r="284" spans="1:6" x14ac:dyDescent="0.25">
      <c r="A284" s="4" t="s">
        <v>97</v>
      </c>
      <c r="B284" s="1" t="s">
        <v>3147</v>
      </c>
      <c r="C284" s="5" t="s">
        <v>4064</v>
      </c>
      <c r="D284" s="1" t="s">
        <v>11438</v>
      </c>
      <c r="E284" s="5" t="s">
        <v>17871</v>
      </c>
      <c r="F284" s="6">
        <v>9500</v>
      </c>
    </row>
    <row r="285" spans="1:6" x14ac:dyDescent="0.25">
      <c r="A285" s="4" t="s">
        <v>2222</v>
      </c>
      <c r="B285" s="1" t="s">
        <v>3158</v>
      </c>
      <c r="C285" s="5" t="s">
        <v>5945</v>
      </c>
      <c r="D285" s="1" t="s">
        <v>2222</v>
      </c>
      <c r="E285" s="5" t="s">
        <v>15307</v>
      </c>
      <c r="F285" s="6">
        <v>4044</v>
      </c>
    </row>
    <row r="286" spans="1:6" x14ac:dyDescent="0.25">
      <c r="A286" s="4" t="s">
        <v>1821</v>
      </c>
      <c r="B286" s="1" t="s">
        <v>3160</v>
      </c>
      <c r="C286" s="5" t="s">
        <v>5593</v>
      </c>
      <c r="D286" s="1" t="s">
        <v>1821</v>
      </c>
      <c r="E286" s="5" t="s">
        <v>14645</v>
      </c>
      <c r="F286" s="6">
        <v>3343</v>
      </c>
    </row>
    <row r="287" spans="1:6" x14ac:dyDescent="0.25">
      <c r="A287" s="4" t="s">
        <v>275</v>
      </c>
      <c r="B287" s="1" t="s">
        <v>3155</v>
      </c>
      <c r="C287" s="5" t="s">
        <v>3736</v>
      </c>
      <c r="D287" s="1" t="s">
        <v>7910</v>
      </c>
      <c r="E287" s="5" t="s">
        <v>12220</v>
      </c>
      <c r="F287" s="6">
        <v>705</v>
      </c>
    </row>
    <row r="288" spans="1:6" x14ac:dyDescent="0.25">
      <c r="A288" s="4" t="s">
        <v>275</v>
      </c>
      <c r="B288" s="1" t="s">
        <v>3155</v>
      </c>
      <c r="C288" s="5" t="s">
        <v>3736</v>
      </c>
      <c r="D288" s="1" t="s">
        <v>9641</v>
      </c>
      <c r="E288" s="5" t="s">
        <v>15508</v>
      </c>
      <c r="F288" s="6">
        <v>4246</v>
      </c>
    </row>
    <row r="289" spans="1:6" x14ac:dyDescent="0.25">
      <c r="A289" s="4" t="s">
        <v>275</v>
      </c>
      <c r="B289" s="1" t="s">
        <v>3155</v>
      </c>
      <c r="C289" s="5">
        <v>515004</v>
      </c>
      <c r="D289" s="1" t="s">
        <v>9822</v>
      </c>
      <c r="E289" s="5" t="s">
        <v>15741</v>
      </c>
      <c r="F289" s="6">
        <v>4519</v>
      </c>
    </row>
    <row r="290" spans="1:6" x14ac:dyDescent="0.25">
      <c r="A290" s="4" t="s">
        <v>275</v>
      </c>
      <c r="B290" s="1" t="s">
        <v>3155</v>
      </c>
      <c r="C290" s="5" t="s">
        <v>3736</v>
      </c>
      <c r="D290" s="1" t="s">
        <v>10966</v>
      </c>
      <c r="E290" s="5" t="s">
        <v>17268</v>
      </c>
      <c r="F290" s="6">
        <v>8366</v>
      </c>
    </row>
    <row r="291" spans="1:6" x14ac:dyDescent="0.25">
      <c r="A291" s="4" t="s">
        <v>275</v>
      </c>
      <c r="B291" s="1" t="s">
        <v>3155</v>
      </c>
      <c r="C291" s="5">
        <v>515812</v>
      </c>
      <c r="D291" s="1" t="s">
        <v>10970</v>
      </c>
      <c r="E291" s="5" t="s">
        <v>17273</v>
      </c>
      <c r="F291" s="6">
        <v>8380</v>
      </c>
    </row>
    <row r="292" spans="1:6" x14ac:dyDescent="0.25">
      <c r="A292" s="4" t="s">
        <v>354</v>
      </c>
      <c r="B292" s="1" t="s">
        <v>3163</v>
      </c>
      <c r="C292" s="5" t="s">
        <v>3852</v>
      </c>
      <c r="D292" s="1" t="s">
        <v>354</v>
      </c>
      <c r="E292" s="5" t="s">
        <v>12353</v>
      </c>
      <c r="F292" s="6">
        <v>858</v>
      </c>
    </row>
    <row r="293" spans="1:6" x14ac:dyDescent="0.25">
      <c r="A293" s="4" t="s">
        <v>354</v>
      </c>
      <c r="B293" s="1" t="s">
        <v>3163</v>
      </c>
      <c r="C293" s="5" t="s">
        <v>3852</v>
      </c>
      <c r="D293" s="1" t="s">
        <v>8938</v>
      </c>
      <c r="E293" s="5" t="s">
        <v>13912</v>
      </c>
      <c r="F293" s="6">
        <v>2564</v>
      </c>
    </row>
    <row r="294" spans="1:6" x14ac:dyDescent="0.25">
      <c r="A294" s="4" t="s">
        <v>1944</v>
      </c>
      <c r="B294" s="1" t="s">
        <v>3160</v>
      </c>
      <c r="C294" s="5" t="s">
        <v>5678</v>
      </c>
      <c r="D294" s="1" t="s">
        <v>1944</v>
      </c>
      <c r="E294" s="5" t="s">
        <v>14778</v>
      </c>
      <c r="F294" s="6">
        <v>3489</v>
      </c>
    </row>
    <row r="295" spans="1:6" x14ac:dyDescent="0.25">
      <c r="A295" s="4" t="s">
        <v>2374</v>
      </c>
      <c r="B295" s="1" t="s">
        <v>3150</v>
      </c>
      <c r="C295" s="5" t="s">
        <v>6176</v>
      </c>
      <c r="D295" s="1" t="s">
        <v>9777</v>
      </c>
      <c r="E295" s="5" t="s">
        <v>15686</v>
      </c>
      <c r="F295" s="6">
        <v>4434</v>
      </c>
    </row>
    <row r="296" spans="1:6" x14ac:dyDescent="0.25">
      <c r="A296" s="4" t="s">
        <v>1708</v>
      </c>
      <c r="B296" s="1" t="s">
        <v>3148</v>
      </c>
      <c r="C296" s="5" t="s">
        <v>5491</v>
      </c>
      <c r="D296" s="1" t="s">
        <v>1708</v>
      </c>
      <c r="E296" s="5" t="s">
        <v>14502</v>
      </c>
      <c r="F296" s="6">
        <v>3188</v>
      </c>
    </row>
    <row r="297" spans="1:6" x14ac:dyDescent="0.25">
      <c r="A297" s="4" t="s">
        <v>398</v>
      </c>
      <c r="B297" s="1" t="s">
        <v>3148</v>
      </c>
      <c r="C297" s="5" t="s">
        <v>3915</v>
      </c>
      <c r="D297" s="1" t="s">
        <v>8073</v>
      </c>
      <c r="E297" s="5" t="s">
        <v>12434</v>
      </c>
      <c r="F297" s="6">
        <v>950</v>
      </c>
    </row>
    <row r="298" spans="1:6" x14ac:dyDescent="0.25">
      <c r="A298" s="4" t="s">
        <v>570</v>
      </c>
      <c r="B298" s="1" t="s">
        <v>3150</v>
      </c>
      <c r="C298" s="5" t="s">
        <v>4220</v>
      </c>
      <c r="D298" s="1" t="s">
        <v>8458</v>
      </c>
      <c r="E298" s="5" t="s">
        <v>12911</v>
      </c>
      <c r="F298" s="6">
        <v>1514</v>
      </c>
    </row>
    <row r="299" spans="1:6" x14ac:dyDescent="0.25">
      <c r="A299" s="4" t="s">
        <v>303</v>
      </c>
      <c r="B299" s="1" t="s">
        <v>3160</v>
      </c>
      <c r="C299" s="5" t="s">
        <v>3778</v>
      </c>
      <c r="D299" s="1" t="s">
        <v>7957</v>
      </c>
      <c r="E299" s="5" t="s">
        <v>12272</v>
      </c>
      <c r="F299" s="6">
        <v>764</v>
      </c>
    </row>
    <row r="300" spans="1:6" x14ac:dyDescent="0.25">
      <c r="A300" s="4" t="s">
        <v>303</v>
      </c>
      <c r="B300" s="1" t="s">
        <v>3160</v>
      </c>
      <c r="C300" s="5" t="s">
        <v>6255</v>
      </c>
      <c r="D300" s="1" t="s">
        <v>9891</v>
      </c>
      <c r="E300" s="5" t="s">
        <v>15827</v>
      </c>
      <c r="F300" s="6">
        <v>4738</v>
      </c>
    </row>
    <row r="301" spans="1:6" x14ac:dyDescent="0.25">
      <c r="A301" s="4" t="s">
        <v>2455</v>
      </c>
      <c r="B301" s="1" t="s">
        <v>3153</v>
      </c>
      <c r="C301" s="5" t="s">
        <v>6335</v>
      </c>
      <c r="D301" s="1" t="s">
        <v>2455</v>
      </c>
      <c r="E301" s="5" t="s">
        <v>15963</v>
      </c>
      <c r="F301" s="6">
        <v>4882</v>
      </c>
    </row>
    <row r="302" spans="1:6" x14ac:dyDescent="0.25">
      <c r="A302" s="4" t="s">
        <v>3037</v>
      </c>
      <c r="B302" s="1" t="s">
        <v>3144</v>
      </c>
      <c r="C302" s="5" t="s">
        <v>7133</v>
      </c>
      <c r="D302" s="1" t="s">
        <v>3037</v>
      </c>
      <c r="E302" s="5" t="s">
        <v>17641</v>
      </c>
      <c r="F302" s="6">
        <v>9259</v>
      </c>
    </row>
    <row r="303" spans="1:6" x14ac:dyDescent="0.25">
      <c r="A303" s="4" t="s">
        <v>531</v>
      </c>
      <c r="B303" s="1" t="s">
        <v>3147</v>
      </c>
      <c r="C303" s="5" t="s">
        <v>4169</v>
      </c>
      <c r="D303" s="1" t="s">
        <v>8411</v>
      </c>
      <c r="E303" s="5" t="s">
        <v>12847</v>
      </c>
      <c r="F303" s="6">
        <v>1447</v>
      </c>
    </row>
    <row r="304" spans="1:6" x14ac:dyDescent="0.25">
      <c r="A304" s="4" t="s">
        <v>1356</v>
      </c>
      <c r="B304" s="1" t="s">
        <v>1147</v>
      </c>
      <c r="C304" s="5" t="s">
        <v>5150</v>
      </c>
      <c r="D304" s="1" t="s">
        <v>1356</v>
      </c>
      <c r="E304" s="5" t="s">
        <v>14048</v>
      </c>
      <c r="F304" s="6">
        <v>2702</v>
      </c>
    </row>
    <row r="305" spans="1:6" x14ac:dyDescent="0.25">
      <c r="A305" s="4" t="s">
        <v>140</v>
      </c>
      <c r="B305" s="1" t="s">
        <v>3147</v>
      </c>
      <c r="C305" s="5" t="s">
        <v>3412</v>
      </c>
      <c r="D305" s="1" t="s">
        <v>7538</v>
      </c>
      <c r="E305" s="5" t="s">
        <v>11824</v>
      </c>
      <c r="F305" s="6">
        <v>255</v>
      </c>
    </row>
    <row r="306" spans="1:6" x14ac:dyDescent="0.25">
      <c r="A306" s="4" t="s">
        <v>140</v>
      </c>
      <c r="B306" s="1" t="s">
        <v>3147</v>
      </c>
      <c r="C306" s="5" t="s">
        <v>5130</v>
      </c>
      <c r="D306" s="1" t="s">
        <v>8994</v>
      </c>
      <c r="E306" s="5" t="s">
        <v>14023</v>
      </c>
      <c r="F306" s="6">
        <v>2677</v>
      </c>
    </row>
    <row r="307" spans="1:6" x14ac:dyDescent="0.25">
      <c r="A307" s="4" t="s">
        <v>140</v>
      </c>
      <c r="B307" s="1" t="s">
        <v>3147</v>
      </c>
      <c r="C307" s="5" t="s">
        <v>5130</v>
      </c>
      <c r="D307" s="1" t="s">
        <v>9997</v>
      </c>
      <c r="E307" s="5" t="s">
        <v>15964</v>
      </c>
      <c r="F307" s="6">
        <v>4883</v>
      </c>
    </row>
    <row r="308" spans="1:6" x14ac:dyDescent="0.25">
      <c r="A308" s="4" t="s">
        <v>2504</v>
      </c>
      <c r="B308" s="1" t="s">
        <v>3155</v>
      </c>
      <c r="C308" s="5" t="s">
        <v>6378</v>
      </c>
      <c r="D308" s="1" t="s">
        <v>10094</v>
      </c>
      <c r="E308" s="5" t="s">
        <v>16093</v>
      </c>
      <c r="F308" s="6">
        <v>5140</v>
      </c>
    </row>
    <row r="309" spans="1:6" x14ac:dyDescent="0.25">
      <c r="A309" s="4" t="s">
        <v>2924</v>
      </c>
      <c r="B309" s="1" t="s">
        <v>3165</v>
      </c>
      <c r="C309" s="5" t="s">
        <v>6940</v>
      </c>
      <c r="D309" s="1" t="s">
        <v>10973</v>
      </c>
      <c r="E309" s="5" t="s">
        <v>17278</v>
      </c>
      <c r="F309" s="6">
        <v>8451</v>
      </c>
    </row>
    <row r="310" spans="1:6" x14ac:dyDescent="0.25">
      <c r="A310" s="4" t="s">
        <v>2508</v>
      </c>
      <c r="B310" s="1" t="s">
        <v>3158</v>
      </c>
      <c r="C310" s="5" t="s">
        <v>6386</v>
      </c>
      <c r="D310" s="1" t="s">
        <v>2508</v>
      </c>
      <c r="E310" s="5" t="s">
        <v>16107</v>
      </c>
      <c r="F310" s="6">
        <v>5167</v>
      </c>
    </row>
    <row r="311" spans="1:6" x14ac:dyDescent="0.25">
      <c r="A311" s="4" t="s">
        <v>2972</v>
      </c>
      <c r="B311" s="1" t="s">
        <v>3156</v>
      </c>
      <c r="C311" s="5" t="s">
        <v>7002</v>
      </c>
      <c r="D311" s="1" t="s">
        <v>2972</v>
      </c>
      <c r="E311" s="5" t="s">
        <v>17416</v>
      </c>
      <c r="F311" s="6">
        <v>9024</v>
      </c>
    </row>
    <row r="312" spans="1:6" x14ac:dyDescent="0.25">
      <c r="A312" s="4" t="s">
        <v>1640</v>
      </c>
      <c r="B312" s="1" t="s">
        <v>3147</v>
      </c>
      <c r="C312" s="5" t="s">
        <v>4084</v>
      </c>
      <c r="D312" s="1" t="s">
        <v>9147</v>
      </c>
      <c r="E312" s="5" t="s">
        <v>14429</v>
      </c>
      <c r="F312" s="6">
        <v>3111</v>
      </c>
    </row>
    <row r="313" spans="1:6" x14ac:dyDescent="0.25">
      <c r="A313" s="4" t="s">
        <v>2464</v>
      </c>
      <c r="B313" s="1" t="s">
        <v>3146</v>
      </c>
      <c r="C313" s="5">
        <v>638501</v>
      </c>
      <c r="D313" s="1" t="s">
        <v>2464</v>
      </c>
      <c r="E313" s="5" t="s">
        <v>15981</v>
      </c>
      <c r="F313" s="6">
        <v>4901</v>
      </c>
    </row>
    <row r="314" spans="1:6" x14ac:dyDescent="0.25">
      <c r="A314" s="4" t="s">
        <v>1956</v>
      </c>
      <c r="B314" s="1" t="s">
        <v>3148</v>
      </c>
      <c r="C314" s="5" t="s">
        <v>5686</v>
      </c>
      <c r="D314" s="1" t="s">
        <v>1956</v>
      </c>
      <c r="E314" s="5" t="s">
        <v>14791</v>
      </c>
      <c r="F314" s="6">
        <v>3502</v>
      </c>
    </row>
    <row r="315" spans="1:6" x14ac:dyDescent="0.25">
      <c r="A315" s="4" t="s">
        <v>1832</v>
      </c>
      <c r="B315" s="1" t="s">
        <v>3156</v>
      </c>
      <c r="C315" s="5" t="s">
        <v>5605</v>
      </c>
      <c r="D315" s="1" t="s">
        <v>1832</v>
      </c>
      <c r="E315" s="5" t="s">
        <v>14661</v>
      </c>
      <c r="F315" s="6">
        <v>3359</v>
      </c>
    </row>
    <row r="316" spans="1:6" x14ac:dyDescent="0.25">
      <c r="A316" s="4" t="s">
        <v>2266</v>
      </c>
      <c r="B316" s="1" t="s">
        <v>3153</v>
      </c>
      <c r="C316" s="5" t="s">
        <v>6004</v>
      </c>
      <c r="D316" s="1" t="s">
        <v>2266</v>
      </c>
      <c r="E316" s="5" t="s">
        <v>15398</v>
      </c>
      <c r="F316" s="6">
        <v>4135</v>
      </c>
    </row>
    <row r="317" spans="1:6" x14ac:dyDescent="0.25">
      <c r="A317" s="4" t="s">
        <v>958</v>
      </c>
      <c r="B317" s="1" t="s">
        <v>3158</v>
      </c>
      <c r="C317" s="5" t="s">
        <v>4706</v>
      </c>
      <c r="D317" s="1" t="s">
        <v>958</v>
      </c>
      <c r="E317" s="5" t="s">
        <v>13524</v>
      </c>
      <c r="F317" s="6">
        <v>2162</v>
      </c>
    </row>
    <row r="318" spans="1:6" x14ac:dyDescent="0.25">
      <c r="A318" s="4" t="s">
        <v>948</v>
      </c>
      <c r="B318" s="1" t="s">
        <v>3158</v>
      </c>
      <c r="C318" s="5" t="s">
        <v>4696</v>
      </c>
      <c r="D318" s="1" t="s">
        <v>948</v>
      </c>
      <c r="E318" s="5" t="s">
        <v>13514</v>
      </c>
      <c r="F318" s="6">
        <v>2152</v>
      </c>
    </row>
    <row r="319" spans="1:6" x14ac:dyDescent="0.25">
      <c r="A319" s="4" t="s">
        <v>723</v>
      </c>
      <c r="B319" s="1" t="s">
        <v>3152</v>
      </c>
      <c r="C319" s="5" t="s">
        <v>4433</v>
      </c>
      <c r="D319" s="1" t="s">
        <v>723</v>
      </c>
      <c r="E319" s="5" t="s">
        <v>13193</v>
      </c>
      <c r="F319" s="6">
        <v>1826</v>
      </c>
    </row>
    <row r="320" spans="1:6" x14ac:dyDescent="0.25">
      <c r="A320" s="4" t="s">
        <v>747</v>
      </c>
      <c r="B320" s="1" t="s">
        <v>3146</v>
      </c>
      <c r="C320" s="5" t="s">
        <v>4461</v>
      </c>
      <c r="D320" s="1" t="s">
        <v>8654</v>
      </c>
      <c r="E320" s="5" t="s">
        <v>13226</v>
      </c>
      <c r="F320" s="6">
        <v>1859</v>
      </c>
    </row>
    <row r="321" spans="1:6" x14ac:dyDescent="0.25">
      <c r="A321" s="4" t="s">
        <v>447</v>
      </c>
      <c r="B321" s="1" t="s">
        <v>3148</v>
      </c>
      <c r="C321" s="5" t="s">
        <v>3994</v>
      </c>
      <c r="D321" s="1" t="s">
        <v>447</v>
      </c>
      <c r="E321" s="5" t="s">
        <v>12537</v>
      </c>
      <c r="F321" s="6">
        <v>1062</v>
      </c>
    </row>
    <row r="322" spans="1:6" x14ac:dyDescent="0.25">
      <c r="A322" s="4" t="s">
        <v>2601</v>
      </c>
      <c r="B322" s="1" t="s">
        <v>3161</v>
      </c>
      <c r="C322" s="5" t="s">
        <v>6513</v>
      </c>
      <c r="D322" s="1" t="s">
        <v>2601</v>
      </c>
      <c r="E322" s="5" t="s">
        <v>16339</v>
      </c>
      <c r="F322" s="6">
        <v>5683</v>
      </c>
    </row>
    <row r="323" spans="1:6" x14ac:dyDescent="0.25">
      <c r="A323" s="4" t="s">
        <v>2524</v>
      </c>
      <c r="B323" s="1" t="s">
        <v>3146</v>
      </c>
      <c r="C323" s="5" t="s">
        <v>6419</v>
      </c>
      <c r="D323" s="1" t="s">
        <v>2524</v>
      </c>
      <c r="E323" s="5" t="s">
        <v>16175</v>
      </c>
      <c r="F323" s="6">
        <v>5297</v>
      </c>
    </row>
    <row r="324" spans="1:6" x14ac:dyDescent="0.25">
      <c r="A324" s="4" t="s">
        <v>1255</v>
      </c>
      <c r="B324" s="1" t="s">
        <v>812</v>
      </c>
      <c r="C324" s="5" t="s">
        <v>5030</v>
      </c>
      <c r="D324" s="1" t="s">
        <v>1255</v>
      </c>
      <c r="E324" s="5" t="s">
        <v>13899</v>
      </c>
      <c r="F324" s="6">
        <v>2550</v>
      </c>
    </row>
    <row r="325" spans="1:6" x14ac:dyDescent="0.25">
      <c r="A325" s="4" t="s">
        <v>1162</v>
      </c>
      <c r="B325" s="1" t="s">
        <v>3149</v>
      </c>
      <c r="C325" s="5" t="s">
        <v>4902</v>
      </c>
      <c r="D325" s="1" t="s">
        <v>8843</v>
      </c>
      <c r="E325" s="5" t="s">
        <v>13738</v>
      </c>
      <c r="F325" s="6">
        <v>2386</v>
      </c>
    </row>
    <row r="326" spans="1:6" x14ac:dyDescent="0.25">
      <c r="A326" s="4" t="s">
        <v>2858</v>
      </c>
      <c r="B326" s="1" t="s">
        <v>3150</v>
      </c>
      <c r="C326" s="5" t="s">
        <v>6862</v>
      </c>
      <c r="D326" s="1" t="s">
        <v>2858</v>
      </c>
      <c r="E326" s="5" t="s">
        <v>17041</v>
      </c>
      <c r="F326" s="6">
        <v>7658</v>
      </c>
    </row>
    <row r="327" spans="1:6" x14ac:dyDescent="0.25">
      <c r="A327" s="4" t="s">
        <v>2316</v>
      </c>
      <c r="B327" s="1" t="s">
        <v>3146</v>
      </c>
      <c r="C327" s="5" t="s">
        <v>6085</v>
      </c>
      <c r="D327" s="1" t="s">
        <v>2316</v>
      </c>
      <c r="E327" s="5" t="s">
        <v>15519</v>
      </c>
      <c r="F327" s="6">
        <v>4257</v>
      </c>
    </row>
    <row r="328" spans="1:6" x14ac:dyDescent="0.25">
      <c r="A328" s="4" t="s">
        <v>1077</v>
      </c>
      <c r="B328" s="1" t="s">
        <v>3151</v>
      </c>
      <c r="C328" s="5" t="s">
        <v>4820</v>
      </c>
      <c r="D328" s="1" t="s">
        <v>1077</v>
      </c>
      <c r="E328" s="5" t="s">
        <v>13647</v>
      </c>
      <c r="F328" s="6">
        <v>2293</v>
      </c>
    </row>
    <row r="329" spans="1:6" x14ac:dyDescent="0.25">
      <c r="A329" s="4" t="s">
        <v>1032</v>
      </c>
      <c r="B329" s="1" t="s">
        <v>3146</v>
      </c>
      <c r="C329" s="5" t="s">
        <v>4775</v>
      </c>
      <c r="D329" s="1" t="s">
        <v>8810</v>
      </c>
      <c r="E329" s="5" t="s">
        <v>13599</v>
      </c>
      <c r="F329" s="6">
        <v>2240</v>
      </c>
    </row>
    <row r="330" spans="1:6" x14ac:dyDescent="0.25">
      <c r="A330" s="4" t="s">
        <v>2371</v>
      </c>
      <c r="B330" s="1" t="s">
        <v>3144</v>
      </c>
      <c r="C330" s="5" t="s">
        <v>6169</v>
      </c>
      <c r="D330" s="1" t="s">
        <v>2371</v>
      </c>
      <c r="E330" s="5" t="s">
        <v>15677</v>
      </c>
      <c r="F330" s="6">
        <v>4424</v>
      </c>
    </row>
    <row r="331" spans="1:6" x14ac:dyDescent="0.25">
      <c r="A331" s="4" t="s">
        <v>1461</v>
      </c>
      <c r="B331" s="1" t="s">
        <v>3152</v>
      </c>
      <c r="C331" s="5" t="s">
        <v>5275</v>
      </c>
      <c r="D331" s="1" t="s">
        <v>9103</v>
      </c>
      <c r="E331" s="5" t="s">
        <v>14231</v>
      </c>
      <c r="F331" s="6">
        <v>2892</v>
      </c>
    </row>
    <row r="332" spans="1:6" x14ac:dyDescent="0.25">
      <c r="A332" s="4" t="s">
        <v>2001</v>
      </c>
      <c r="B332" s="1" t="s">
        <v>3152</v>
      </c>
      <c r="C332" s="5" t="s">
        <v>4126</v>
      </c>
      <c r="D332" s="1" t="s">
        <v>2001</v>
      </c>
      <c r="E332" s="5" t="s">
        <v>14839</v>
      </c>
      <c r="F332" s="6">
        <v>3551</v>
      </c>
    </row>
    <row r="333" spans="1:6" x14ac:dyDescent="0.25">
      <c r="A333" s="4" t="s">
        <v>1862</v>
      </c>
      <c r="B333" s="1" t="s">
        <v>1147</v>
      </c>
      <c r="C333" s="5" t="s">
        <v>3515</v>
      </c>
      <c r="D333" s="1" t="s">
        <v>1862</v>
      </c>
      <c r="E333" s="5" t="s">
        <v>14693</v>
      </c>
      <c r="F333" s="6">
        <v>3397</v>
      </c>
    </row>
    <row r="334" spans="1:6" x14ac:dyDescent="0.25">
      <c r="A334" s="4" t="s">
        <v>798</v>
      </c>
      <c r="B334" s="1" t="s">
        <v>812</v>
      </c>
      <c r="C334" s="5" t="s">
        <v>4527</v>
      </c>
      <c r="D334" s="1" t="s">
        <v>798</v>
      </c>
      <c r="E334" s="5" t="s">
        <v>13309</v>
      </c>
      <c r="F334" s="6">
        <v>1942</v>
      </c>
    </row>
    <row r="335" spans="1:6" x14ac:dyDescent="0.25">
      <c r="A335" s="4" t="s">
        <v>798</v>
      </c>
      <c r="B335" s="1" t="s">
        <v>812</v>
      </c>
      <c r="C335" s="5" t="s">
        <v>4527</v>
      </c>
      <c r="D335" s="1" t="s">
        <v>9693</v>
      </c>
      <c r="E335" s="5" t="s">
        <v>15580</v>
      </c>
      <c r="F335" s="6">
        <v>4322</v>
      </c>
    </row>
    <row r="336" spans="1:6" x14ac:dyDescent="0.25">
      <c r="A336" s="4" t="s">
        <v>2197</v>
      </c>
      <c r="B336" s="1" t="s">
        <v>3146</v>
      </c>
      <c r="C336" s="5" t="s">
        <v>5911</v>
      </c>
      <c r="D336" s="1" t="s">
        <v>2197</v>
      </c>
      <c r="E336" s="5" t="s">
        <v>15248</v>
      </c>
      <c r="F336" s="6">
        <v>3983</v>
      </c>
    </row>
    <row r="337" spans="1:6" x14ac:dyDescent="0.25">
      <c r="A337" s="4" t="s">
        <v>1564</v>
      </c>
      <c r="B337" s="1" t="s">
        <v>3144</v>
      </c>
      <c r="C337" s="5" t="s">
        <v>5384</v>
      </c>
      <c r="D337" s="1" t="s">
        <v>1564</v>
      </c>
      <c r="E337" s="5" t="s">
        <v>14347</v>
      </c>
      <c r="F337" s="6">
        <v>3011</v>
      </c>
    </row>
    <row r="338" spans="1:6" x14ac:dyDescent="0.25">
      <c r="A338" s="4" t="s">
        <v>3003</v>
      </c>
      <c r="B338" s="1" t="s">
        <v>812</v>
      </c>
      <c r="C338" s="5" t="s">
        <v>7065</v>
      </c>
      <c r="D338" s="1" t="s">
        <v>3003</v>
      </c>
      <c r="E338" s="5" t="s">
        <v>17535</v>
      </c>
      <c r="F338" s="6">
        <v>9149</v>
      </c>
    </row>
    <row r="339" spans="1:6" x14ac:dyDescent="0.25">
      <c r="A339" s="4" t="s">
        <v>2895</v>
      </c>
      <c r="B339" s="1" t="s">
        <v>3160</v>
      </c>
      <c r="C339" s="5" t="s">
        <v>6896</v>
      </c>
      <c r="D339" s="1" t="s">
        <v>10881</v>
      </c>
      <c r="E339" s="5" t="s">
        <v>17168</v>
      </c>
      <c r="F339" s="6">
        <v>8109</v>
      </c>
    </row>
    <row r="340" spans="1:6" x14ac:dyDescent="0.25">
      <c r="A340" s="4" t="s">
        <v>170</v>
      </c>
      <c r="B340" s="1" t="s">
        <v>3148</v>
      </c>
      <c r="C340" s="5" t="s">
        <v>3472</v>
      </c>
      <c r="D340" s="1" t="s">
        <v>7603</v>
      </c>
      <c r="E340" s="5" t="s">
        <v>11892</v>
      </c>
      <c r="F340" s="6">
        <v>324</v>
      </c>
    </row>
    <row r="341" spans="1:6" x14ac:dyDescent="0.25">
      <c r="A341" s="4" t="s">
        <v>799</v>
      </c>
      <c r="B341" s="1" t="s">
        <v>3153</v>
      </c>
      <c r="C341" s="5" t="s">
        <v>4529</v>
      </c>
      <c r="D341" s="1" t="s">
        <v>8701</v>
      </c>
      <c r="E341" s="5" t="s">
        <v>13311</v>
      </c>
      <c r="F341" s="6">
        <v>1944</v>
      </c>
    </row>
    <row r="342" spans="1:6" x14ac:dyDescent="0.25">
      <c r="A342" s="4" t="s">
        <v>800</v>
      </c>
      <c r="B342" s="1" t="s">
        <v>3153</v>
      </c>
      <c r="C342" s="5" t="s">
        <v>4530</v>
      </c>
      <c r="D342" s="1" t="s">
        <v>800</v>
      </c>
      <c r="E342" s="5" t="s">
        <v>13312</v>
      </c>
      <c r="F342" s="6">
        <v>1945</v>
      </c>
    </row>
    <row r="343" spans="1:6" x14ac:dyDescent="0.25">
      <c r="A343" s="4" t="s">
        <v>2658</v>
      </c>
      <c r="B343" s="1" t="s">
        <v>3171</v>
      </c>
      <c r="C343" s="5">
        <v>414203</v>
      </c>
      <c r="D343" s="1" t="s">
        <v>2658</v>
      </c>
      <c r="E343" s="5" t="s">
        <v>16458</v>
      </c>
      <c r="F343" s="6">
        <v>5962</v>
      </c>
    </row>
    <row r="344" spans="1:6" x14ac:dyDescent="0.25">
      <c r="A344" s="4" t="s">
        <v>2902</v>
      </c>
      <c r="B344" s="1" t="s">
        <v>3151</v>
      </c>
      <c r="C344" s="5" t="s">
        <v>6914</v>
      </c>
      <c r="D344" s="1" t="s">
        <v>2902</v>
      </c>
      <c r="E344" s="5" t="s">
        <v>17206</v>
      </c>
      <c r="F344" s="6">
        <v>8186</v>
      </c>
    </row>
    <row r="345" spans="1:6" x14ac:dyDescent="0.25">
      <c r="A345" s="4" t="s">
        <v>3043</v>
      </c>
      <c r="B345" s="1" t="s">
        <v>3160</v>
      </c>
      <c r="C345" s="5" t="s">
        <v>7142</v>
      </c>
      <c r="D345" s="1" t="s">
        <v>3043</v>
      </c>
      <c r="E345" s="5" t="s">
        <v>17660</v>
      </c>
      <c r="F345" s="6">
        <v>9278</v>
      </c>
    </row>
    <row r="346" spans="1:6" x14ac:dyDescent="0.25">
      <c r="A346" s="4" t="s">
        <v>2731</v>
      </c>
      <c r="B346" s="1" t="s">
        <v>3156</v>
      </c>
      <c r="C346" s="5">
        <v>311301</v>
      </c>
      <c r="D346" s="1" t="s">
        <v>2731</v>
      </c>
      <c r="E346" s="5" t="s">
        <v>16664</v>
      </c>
      <c r="F346" s="6">
        <v>6511</v>
      </c>
    </row>
    <row r="347" spans="1:6" x14ac:dyDescent="0.25">
      <c r="A347" s="4" t="s">
        <v>494</v>
      </c>
      <c r="B347" s="1" t="s">
        <v>3154</v>
      </c>
      <c r="C347" s="5" t="s">
        <v>4118</v>
      </c>
      <c r="D347" s="1" t="s">
        <v>8312</v>
      </c>
      <c r="E347" s="5" t="s">
        <v>12730</v>
      </c>
      <c r="F347" s="6">
        <v>1327</v>
      </c>
    </row>
    <row r="348" spans="1:6" x14ac:dyDescent="0.25">
      <c r="A348" s="4" t="s">
        <v>1687</v>
      </c>
      <c r="B348" s="1" t="s">
        <v>1147</v>
      </c>
      <c r="C348" s="5" t="s">
        <v>5475</v>
      </c>
      <c r="D348" s="1" t="s">
        <v>1687</v>
      </c>
      <c r="E348" s="5" t="s">
        <v>14480</v>
      </c>
      <c r="F348" s="6">
        <v>3165</v>
      </c>
    </row>
    <row r="349" spans="1:6" x14ac:dyDescent="0.25">
      <c r="A349" s="4" t="s">
        <v>1635</v>
      </c>
      <c r="B349" s="1" t="s">
        <v>3147</v>
      </c>
      <c r="C349" s="5" t="s">
        <v>5443</v>
      </c>
      <c r="D349" s="1" t="s">
        <v>1635</v>
      </c>
      <c r="E349" s="5" t="s">
        <v>14424</v>
      </c>
      <c r="F349" s="6">
        <v>3105</v>
      </c>
    </row>
    <row r="350" spans="1:6" x14ac:dyDescent="0.25">
      <c r="A350" s="4" t="s">
        <v>3049</v>
      </c>
      <c r="B350" s="1" t="s">
        <v>3161</v>
      </c>
      <c r="C350" s="5" t="s">
        <v>7157</v>
      </c>
      <c r="D350" s="1" t="s">
        <v>11280</v>
      </c>
      <c r="E350" s="5" t="s">
        <v>17688</v>
      </c>
      <c r="F350" s="6">
        <v>9306</v>
      </c>
    </row>
    <row r="351" spans="1:6" x14ac:dyDescent="0.25">
      <c r="A351" s="4" t="s">
        <v>3049</v>
      </c>
      <c r="B351" s="1" t="s">
        <v>3161</v>
      </c>
      <c r="C351" s="5" t="s">
        <v>3324</v>
      </c>
      <c r="D351" s="1" t="s">
        <v>11318</v>
      </c>
      <c r="E351" s="5" t="s">
        <v>17740</v>
      </c>
      <c r="F351" s="6">
        <v>9362</v>
      </c>
    </row>
    <row r="352" spans="1:6" x14ac:dyDescent="0.25">
      <c r="A352" s="4" t="s">
        <v>2714</v>
      </c>
      <c r="B352" s="1" t="s">
        <v>3158</v>
      </c>
      <c r="C352" s="5" t="s">
        <v>6650</v>
      </c>
      <c r="D352" s="1" t="s">
        <v>10459</v>
      </c>
      <c r="E352" s="5" t="s">
        <v>16616</v>
      </c>
      <c r="F352" s="6">
        <v>6392</v>
      </c>
    </row>
    <row r="353" spans="1:6" x14ac:dyDescent="0.25">
      <c r="A353" s="4" t="s">
        <v>2262</v>
      </c>
      <c r="B353" s="1" t="s">
        <v>3154</v>
      </c>
      <c r="C353" s="5" t="s">
        <v>5998</v>
      </c>
      <c r="D353" s="1" t="s">
        <v>2262</v>
      </c>
      <c r="E353" s="5" t="s">
        <v>15389</v>
      </c>
      <c r="F353" s="6">
        <v>4126</v>
      </c>
    </row>
    <row r="354" spans="1:6" x14ac:dyDescent="0.25">
      <c r="A354" s="4" t="s">
        <v>1061</v>
      </c>
      <c r="B354" s="1" t="s">
        <v>3160</v>
      </c>
      <c r="C354" s="5" t="s">
        <v>4802</v>
      </c>
      <c r="D354" s="1" t="s">
        <v>1061</v>
      </c>
      <c r="E354" s="5" t="s">
        <v>13629</v>
      </c>
      <c r="F354" s="6">
        <v>2272</v>
      </c>
    </row>
    <row r="355" spans="1:6" x14ac:dyDescent="0.25">
      <c r="A355" s="4" t="s">
        <v>2632</v>
      </c>
      <c r="B355" s="1" t="s">
        <v>3160</v>
      </c>
      <c r="C355" s="5" t="s">
        <v>6546</v>
      </c>
      <c r="D355" s="1" t="s">
        <v>2632</v>
      </c>
      <c r="E355" s="5" t="s">
        <v>16400</v>
      </c>
      <c r="F355" s="6">
        <v>5829</v>
      </c>
    </row>
    <row r="356" spans="1:6" x14ac:dyDescent="0.25">
      <c r="A356" s="4" t="s">
        <v>1025</v>
      </c>
      <c r="B356" s="1" t="s">
        <v>3149</v>
      </c>
      <c r="C356" s="5" t="s">
        <v>4768</v>
      </c>
      <c r="D356" s="1" t="s">
        <v>8809</v>
      </c>
      <c r="E356" s="5" t="s">
        <v>13592</v>
      </c>
      <c r="F356" s="6">
        <v>2233</v>
      </c>
    </row>
    <row r="357" spans="1:6" x14ac:dyDescent="0.25">
      <c r="A357" s="4" t="s">
        <v>2768</v>
      </c>
      <c r="B357" s="1" t="s">
        <v>3155</v>
      </c>
      <c r="C357" s="5" t="s">
        <v>6731</v>
      </c>
      <c r="D357" s="1" t="s">
        <v>10579</v>
      </c>
      <c r="E357" s="5" t="s">
        <v>16772</v>
      </c>
      <c r="F357" s="6">
        <v>6895</v>
      </c>
    </row>
    <row r="358" spans="1:6" x14ac:dyDescent="0.25">
      <c r="A358" s="4" t="s">
        <v>2331</v>
      </c>
      <c r="B358" s="1" t="s">
        <v>3155</v>
      </c>
      <c r="C358" s="5" t="s">
        <v>6111</v>
      </c>
      <c r="D358" s="1" t="s">
        <v>9680</v>
      </c>
      <c r="E358" s="5" t="s">
        <v>15559</v>
      </c>
      <c r="F358" s="6">
        <v>4300</v>
      </c>
    </row>
    <row r="359" spans="1:6" x14ac:dyDescent="0.25">
      <c r="A359" s="4" t="s">
        <v>2743</v>
      </c>
      <c r="B359" s="1" t="s">
        <v>3144</v>
      </c>
      <c r="C359" s="5" t="s">
        <v>6690</v>
      </c>
      <c r="D359" s="1" t="s">
        <v>2743</v>
      </c>
      <c r="E359" s="5" t="s">
        <v>16705</v>
      </c>
      <c r="F359" s="6">
        <v>6635</v>
      </c>
    </row>
    <row r="360" spans="1:6" x14ac:dyDescent="0.25">
      <c r="A360" s="4" t="s">
        <v>3114</v>
      </c>
      <c r="B360" s="1" t="s">
        <v>3158</v>
      </c>
      <c r="C360" s="5" t="s">
        <v>7279</v>
      </c>
      <c r="D360" s="1" t="s">
        <v>11507</v>
      </c>
      <c r="E360" s="5" t="s">
        <v>17970</v>
      </c>
      <c r="F360" s="6">
        <v>9602</v>
      </c>
    </row>
    <row r="361" spans="1:6" x14ac:dyDescent="0.25">
      <c r="A361" s="4" t="s">
        <v>2629</v>
      </c>
      <c r="B361" s="1" t="s">
        <v>3160</v>
      </c>
      <c r="C361" s="5" t="s">
        <v>6543</v>
      </c>
      <c r="D361" s="1" t="s">
        <v>2629</v>
      </c>
      <c r="E361" s="5" t="s">
        <v>16397</v>
      </c>
      <c r="F361" s="6">
        <v>5823</v>
      </c>
    </row>
    <row r="362" spans="1:6" x14ac:dyDescent="0.25">
      <c r="A362" s="4" t="s">
        <v>1451</v>
      </c>
      <c r="B362" s="1" t="s">
        <v>3152</v>
      </c>
      <c r="C362" s="5" t="s">
        <v>5265</v>
      </c>
      <c r="D362" s="1" t="s">
        <v>1451</v>
      </c>
      <c r="E362" s="5" t="s">
        <v>14221</v>
      </c>
      <c r="F362" s="6">
        <v>2881</v>
      </c>
    </row>
    <row r="363" spans="1:6" x14ac:dyDescent="0.25">
      <c r="A363" s="4" t="s">
        <v>2832</v>
      </c>
      <c r="B363" s="1" t="s">
        <v>3155</v>
      </c>
      <c r="C363" s="5" t="s">
        <v>6832</v>
      </c>
      <c r="D363" s="1" t="s">
        <v>2832</v>
      </c>
      <c r="E363" s="5" t="s">
        <v>16975</v>
      </c>
      <c r="F363" s="6">
        <v>7452</v>
      </c>
    </row>
    <row r="364" spans="1:6" x14ac:dyDescent="0.25">
      <c r="A364" s="4" t="s">
        <v>413</v>
      </c>
      <c r="B364" s="1" t="s">
        <v>3146</v>
      </c>
      <c r="C364" s="5" t="s">
        <v>3936</v>
      </c>
      <c r="D364" s="1" t="s">
        <v>413</v>
      </c>
      <c r="E364" s="5" t="s">
        <v>12458</v>
      </c>
      <c r="F364" s="6">
        <v>974</v>
      </c>
    </row>
    <row r="365" spans="1:6" x14ac:dyDescent="0.25">
      <c r="A365" s="4" t="s">
        <v>1211</v>
      </c>
      <c r="B365" s="1" t="s">
        <v>3152</v>
      </c>
      <c r="C365" s="5" t="s">
        <v>4970</v>
      </c>
      <c r="D365" s="1" t="s">
        <v>1211</v>
      </c>
      <c r="E365" s="5" t="s">
        <v>13822</v>
      </c>
      <c r="F365" s="6">
        <v>2472</v>
      </c>
    </row>
    <row r="366" spans="1:6" x14ac:dyDescent="0.25">
      <c r="A366" s="4" t="s">
        <v>759</v>
      </c>
      <c r="B366" s="1" t="s">
        <v>3158</v>
      </c>
      <c r="C366" s="5" t="s">
        <v>4480</v>
      </c>
      <c r="D366" s="1" t="s">
        <v>8670</v>
      </c>
      <c r="E366" s="5" t="s">
        <v>13250</v>
      </c>
      <c r="F366" s="6">
        <v>1883</v>
      </c>
    </row>
    <row r="367" spans="1:6" x14ac:dyDescent="0.25">
      <c r="A367" s="4" t="s">
        <v>54</v>
      </c>
      <c r="B367" s="1" t="s">
        <v>3144</v>
      </c>
      <c r="C367" s="5" t="s">
        <v>3289</v>
      </c>
      <c r="D367" s="1" t="s">
        <v>7418</v>
      </c>
      <c r="E367" s="5" t="s">
        <v>11693</v>
      </c>
      <c r="F367" s="6">
        <v>113</v>
      </c>
    </row>
    <row r="368" spans="1:6" x14ac:dyDescent="0.25">
      <c r="A368" s="4" t="s">
        <v>54</v>
      </c>
      <c r="B368" s="1" t="s">
        <v>3144</v>
      </c>
      <c r="C368" s="5" t="s">
        <v>3289</v>
      </c>
      <c r="D368" s="1" t="s">
        <v>7918</v>
      </c>
      <c r="E368" s="5" t="s">
        <v>12228</v>
      </c>
      <c r="F368" s="6">
        <v>713</v>
      </c>
    </row>
    <row r="369" spans="1:6" x14ac:dyDescent="0.25">
      <c r="A369" s="4" t="s">
        <v>54</v>
      </c>
      <c r="B369" s="1" t="s">
        <v>3144</v>
      </c>
      <c r="C369" s="5" t="s">
        <v>3289</v>
      </c>
      <c r="D369" s="1" t="s">
        <v>8006</v>
      </c>
      <c r="E369" s="5" t="s">
        <v>12330</v>
      </c>
      <c r="F369" s="6">
        <v>826</v>
      </c>
    </row>
    <row r="370" spans="1:6" x14ac:dyDescent="0.25">
      <c r="A370" s="4" t="s">
        <v>54</v>
      </c>
      <c r="B370" s="1" t="s">
        <v>3144</v>
      </c>
      <c r="C370" s="5" t="s">
        <v>3289</v>
      </c>
      <c r="D370" s="1" t="s">
        <v>8416</v>
      </c>
      <c r="E370" s="5" t="s">
        <v>12852</v>
      </c>
      <c r="F370" s="6">
        <v>1453</v>
      </c>
    </row>
    <row r="371" spans="1:6" x14ac:dyDescent="0.25">
      <c r="A371" s="4" t="s">
        <v>54</v>
      </c>
      <c r="B371" s="1" t="s">
        <v>3144</v>
      </c>
      <c r="C371" s="5" t="s">
        <v>3289</v>
      </c>
      <c r="D371" s="1" t="s">
        <v>9080</v>
      </c>
      <c r="E371" s="5" t="s">
        <v>14186</v>
      </c>
      <c r="F371" s="6">
        <v>2843</v>
      </c>
    </row>
    <row r="372" spans="1:6" x14ac:dyDescent="0.25">
      <c r="A372" s="4" t="s">
        <v>54</v>
      </c>
      <c r="B372" s="1" t="s">
        <v>3144</v>
      </c>
      <c r="C372" s="5" t="s">
        <v>5761</v>
      </c>
      <c r="D372" s="1" t="s">
        <v>9274</v>
      </c>
      <c r="E372" s="5" t="s">
        <v>14949</v>
      </c>
      <c r="F372" s="6">
        <v>3671</v>
      </c>
    </row>
    <row r="373" spans="1:6" x14ac:dyDescent="0.25">
      <c r="A373" s="4" t="s">
        <v>54</v>
      </c>
      <c r="B373" s="1" t="s">
        <v>3144</v>
      </c>
      <c r="C373" s="5" t="s">
        <v>6388</v>
      </c>
      <c r="D373" s="1" t="s">
        <v>10115</v>
      </c>
      <c r="E373" s="5" t="s">
        <v>16116</v>
      </c>
      <c r="F373" s="6">
        <v>5183</v>
      </c>
    </row>
    <row r="374" spans="1:6" x14ac:dyDescent="0.25">
      <c r="A374" s="4" t="s">
        <v>54</v>
      </c>
      <c r="B374" s="1" t="s">
        <v>3144</v>
      </c>
      <c r="C374" s="5" t="s">
        <v>3289</v>
      </c>
      <c r="D374" s="1" t="s">
        <v>10226</v>
      </c>
      <c r="E374" s="5" t="s">
        <v>16260</v>
      </c>
      <c r="F374" s="6">
        <v>5505</v>
      </c>
    </row>
    <row r="375" spans="1:6" x14ac:dyDescent="0.25">
      <c r="A375" s="4" t="s">
        <v>54</v>
      </c>
      <c r="B375" s="1" t="s">
        <v>3144</v>
      </c>
      <c r="C375" s="5" t="s">
        <v>6388</v>
      </c>
      <c r="D375" s="1" t="s">
        <v>10442</v>
      </c>
      <c r="E375" s="5" t="s">
        <v>16592</v>
      </c>
      <c r="F375" s="6">
        <v>6315</v>
      </c>
    </row>
    <row r="376" spans="1:6" x14ac:dyDescent="0.25">
      <c r="A376" s="4" t="s">
        <v>54</v>
      </c>
      <c r="B376" s="1" t="s">
        <v>3144</v>
      </c>
      <c r="C376" s="5" t="s">
        <v>6660</v>
      </c>
      <c r="D376" s="1" t="s">
        <v>10474</v>
      </c>
      <c r="E376" s="5" t="s">
        <v>16635</v>
      </c>
      <c r="F376" s="6">
        <v>6439</v>
      </c>
    </row>
    <row r="377" spans="1:6" x14ac:dyDescent="0.25">
      <c r="A377" s="4" t="s">
        <v>54</v>
      </c>
      <c r="B377" s="1" t="s">
        <v>3144</v>
      </c>
      <c r="C377" s="5" t="s">
        <v>7116</v>
      </c>
      <c r="D377" s="1" t="s">
        <v>11215</v>
      </c>
      <c r="E377" s="5" t="s">
        <v>17607</v>
      </c>
      <c r="F377" s="6">
        <v>9223</v>
      </c>
    </row>
    <row r="378" spans="1:6" x14ac:dyDescent="0.25">
      <c r="A378" s="4" t="s">
        <v>54</v>
      </c>
      <c r="B378" s="1" t="s">
        <v>3144</v>
      </c>
      <c r="C378" s="5" t="s">
        <v>7116</v>
      </c>
      <c r="D378" s="1" t="s">
        <v>11288</v>
      </c>
      <c r="E378" s="5" t="s">
        <v>17700</v>
      </c>
      <c r="F378" s="6">
        <v>9319</v>
      </c>
    </row>
    <row r="379" spans="1:6" x14ac:dyDescent="0.25">
      <c r="A379" s="4" t="s">
        <v>54</v>
      </c>
      <c r="B379" s="1" t="s">
        <v>3144</v>
      </c>
      <c r="C379" s="5" t="s">
        <v>3289</v>
      </c>
      <c r="D379" s="1" t="s">
        <v>11353</v>
      </c>
      <c r="E379" s="5" t="s">
        <v>17776</v>
      </c>
      <c r="F379" s="6">
        <v>9398</v>
      </c>
    </row>
    <row r="380" spans="1:6" x14ac:dyDescent="0.25">
      <c r="A380" s="4" t="s">
        <v>54</v>
      </c>
      <c r="B380" s="1" t="s">
        <v>3144</v>
      </c>
      <c r="C380" s="5" t="s">
        <v>7116</v>
      </c>
      <c r="D380" s="1" t="s">
        <v>11374</v>
      </c>
      <c r="E380" s="5" t="s">
        <v>17800</v>
      </c>
      <c r="F380" s="6">
        <v>9426</v>
      </c>
    </row>
    <row r="381" spans="1:6" x14ac:dyDescent="0.25">
      <c r="A381" s="4" t="s">
        <v>801</v>
      </c>
      <c r="B381" s="1" t="s">
        <v>812</v>
      </c>
      <c r="C381" s="5" t="s">
        <v>4531</v>
      </c>
      <c r="D381" s="1" t="s">
        <v>54</v>
      </c>
      <c r="E381" s="5" t="s">
        <v>13313</v>
      </c>
      <c r="F381" s="6">
        <v>1946</v>
      </c>
    </row>
    <row r="382" spans="1:6" x14ac:dyDescent="0.25">
      <c r="A382" s="4" t="s">
        <v>3119</v>
      </c>
      <c r="B382" s="1" t="s">
        <v>3144</v>
      </c>
      <c r="C382" s="5" t="s">
        <v>7291</v>
      </c>
      <c r="D382" s="1" t="s">
        <v>11526</v>
      </c>
      <c r="E382" s="5" t="s">
        <v>17992</v>
      </c>
      <c r="F382" s="6">
        <v>9624</v>
      </c>
    </row>
    <row r="383" spans="1:6" x14ac:dyDescent="0.25">
      <c r="A383" s="4" t="s">
        <v>1017</v>
      </c>
      <c r="B383" s="1" t="s">
        <v>3146</v>
      </c>
      <c r="C383" s="5" t="s">
        <v>4760</v>
      </c>
      <c r="D383" s="1" t="s">
        <v>8807</v>
      </c>
      <c r="E383" s="5" t="s">
        <v>13584</v>
      </c>
      <c r="F383" s="6">
        <v>2225</v>
      </c>
    </row>
    <row r="384" spans="1:6" x14ac:dyDescent="0.25">
      <c r="A384" s="4" t="s">
        <v>1017</v>
      </c>
      <c r="B384" s="1" t="s">
        <v>3146</v>
      </c>
      <c r="C384" s="5" t="s">
        <v>6770</v>
      </c>
      <c r="D384" s="1" t="s">
        <v>10634</v>
      </c>
      <c r="E384" s="5" t="s">
        <v>16845</v>
      </c>
      <c r="F384" s="6">
        <v>7082</v>
      </c>
    </row>
    <row r="385" spans="1:6" x14ac:dyDescent="0.25">
      <c r="A385" s="4" t="s">
        <v>2904</v>
      </c>
      <c r="B385" s="1" t="s">
        <v>3155</v>
      </c>
      <c r="C385" s="5" t="s">
        <v>6917</v>
      </c>
      <c r="D385" s="1" t="s">
        <v>2904</v>
      </c>
      <c r="E385" s="5" t="s">
        <v>17213</v>
      </c>
      <c r="F385" s="6">
        <v>8200</v>
      </c>
    </row>
    <row r="386" spans="1:6" x14ac:dyDescent="0.25">
      <c r="A386" s="4" t="s">
        <v>2189</v>
      </c>
      <c r="B386" s="1" t="s">
        <v>3163</v>
      </c>
      <c r="C386" s="5" t="s">
        <v>5906</v>
      </c>
      <c r="D386" s="1" t="s">
        <v>2189</v>
      </c>
      <c r="E386" s="5" t="s">
        <v>15231</v>
      </c>
      <c r="F386" s="6">
        <v>3965</v>
      </c>
    </row>
    <row r="387" spans="1:6" x14ac:dyDescent="0.25">
      <c r="A387" s="4" t="s">
        <v>3076</v>
      </c>
      <c r="B387" s="1" t="s">
        <v>3158</v>
      </c>
      <c r="C387" s="5" t="s">
        <v>3856</v>
      </c>
      <c r="D387" s="1" t="s">
        <v>11443</v>
      </c>
      <c r="E387" s="5" t="s">
        <v>17876</v>
      </c>
      <c r="F387" s="6">
        <v>9505</v>
      </c>
    </row>
    <row r="388" spans="1:6" x14ac:dyDescent="0.25">
      <c r="A388" s="4" t="s">
        <v>802</v>
      </c>
      <c r="B388" s="1" t="s">
        <v>3146</v>
      </c>
      <c r="C388" s="5" t="s">
        <v>3765</v>
      </c>
      <c r="D388" s="1" t="s">
        <v>802</v>
      </c>
      <c r="E388" s="5" t="s">
        <v>13314</v>
      </c>
      <c r="F388" s="6">
        <v>1947</v>
      </c>
    </row>
    <row r="389" spans="1:6" x14ac:dyDescent="0.25">
      <c r="A389" s="4" t="s">
        <v>760</v>
      </c>
      <c r="B389" s="1" t="s">
        <v>3158</v>
      </c>
      <c r="C389" s="5" t="s">
        <v>4481</v>
      </c>
      <c r="D389" s="1" t="s">
        <v>760</v>
      </c>
      <c r="E389" s="5" t="s">
        <v>13251</v>
      </c>
      <c r="F389" s="6">
        <v>1884</v>
      </c>
    </row>
    <row r="390" spans="1:6" x14ac:dyDescent="0.25">
      <c r="A390" s="4" t="s">
        <v>760</v>
      </c>
      <c r="B390" s="1" t="s">
        <v>3158</v>
      </c>
      <c r="C390" s="5">
        <v>276141</v>
      </c>
      <c r="D390" s="1" t="s">
        <v>10560</v>
      </c>
      <c r="E390" s="5" t="s">
        <v>16750</v>
      </c>
      <c r="F390" s="6">
        <v>6807</v>
      </c>
    </row>
    <row r="391" spans="1:6" x14ac:dyDescent="0.25">
      <c r="A391" s="4" t="s">
        <v>760</v>
      </c>
      <c r="B391" s="1" t="s">
        <v>3158</v>
      </c>
      <c r="C391" s="5" t="s">
        <v>4481</v>
      </c>
      <c r="D391" s="1" t="s">
        <v>10664</v>
      </c>
      <c r="E391" s="5" t="s">
        <v>16883</v>
      </c>
      <c r="F391" s="6">
        <v>7164</v>
      </c>
    </row>
    <row r="392" spans="1:6" x14ac:dyDescent="0.25">
      <c r="A392" s="4" t="s">
        <v>1776</v>
      </c>
      <c r="B392" s="1" t="s">
        <v>3152</v>
      </c>
      <c r="C392" s="5" t="s">
        <v>5557</v>
      </c>
      <c r="D392" s="1" t="s">
        <v>1776</v>
      </c>
      <c r="E392" s="5" t="s">
        <v>14594</v>
      </c>
      <c r="F392" s="6">
        <v>3289</v>
      </c>
    </row>
    <row r="393" spans="1:6" x14ac:dyDescent="0.25">
      <c r="A393" s="4" t="s">
        <v>2573</v>
      </c>
      <c r="B393" s="1" t="s">
        <v>3153</v>
      </c>
      <c r="C393" s="5" t="s">
        <v>6481</v>
      </c>
      <c r="D393" s="1" t="s">
        <v>2573</v>
      </c>
      <c r="E393" s="5" t="s">
        <v>16291</v>
      </c>
      <c r="F393" s="6">
        <v>5587</v>
      </c>
    </row>
    <row r="394" spans="1:6" x14ac:dyDescent="0.25">
      <c r="A394" s="4" t="s">
        <v>2428</v>
      </c>
      <c r="B394" s="1" t="s">
        <v>3158</v>
      </c>
      <c r="C394" s="5" t="s">
        <v>6283</v>
      </c>
      <c r="D394" s="1" t="s">
        <v>2428</v>
      </c>
      <c r="E394" s="5" t="s">
        <v>15873</v>
      </c>
      <c r="F394" s="6">
        <v>4787</v>
      </c>
    </row>
    <row r="395" spans="1:6" x14ac:dyDescent="0.25">
      <c r="A395" s="4" t="s">
        <v>803</v>
      </c>
      <c r="B395" s="1" t="s">
        <v>3158</v>
      </c>
      <c r="C395" s="5" t="s">
        <v>4532</v>
      </c>
      <c r="D395" s="1" t="s">
        <v>803</v>
      </c>
      <c r="E395" s="5" t="s">
        <v>13315</v>
      </c>
      <c r="F395" s="6">
        <v>1948</v>
      </c>
    </row>
    <row r="396" spans="1:6" x14ac:dyDescent="0.25">
      <c r="A396" s="4" t="s">
        <v>1565</v>
      </c>
      <c r="B396" s="1" t="s">
        <v>3147</v>
      </c>
      <c r="C396" s="5" t="s">
        <v>5385</v>
      </c>
      <c r="D396" s="1" t="s">
        <v>1565</v>
      </c>
      <c r="E396" s="5" t="s">
        <v>14348</v>
      </c>
      <c r="F396" s="6">
        <v>3012</v>
      </c>
    </row>
    <row r="397" spans="1:6" x14ac:dyDescent="0.25">
      <c r="A397" s="4" t="s">
        <v>2410</v>
      </c>
      <c r="B397" s="1" t="s">
        <v>3158</v>
      </c>
      <c r="C397" s="5" t="s">
        <v>6247</v>
      </c>
      <c r="D397" s="1" t="s">
        <v>2410</v>
      </c>
      <c r="E397" s="5" t="s">
        <v>15809</v>
      </c>
      <c r="F397" s="6">
        <v>4719</v>
      </c>
    </row>
    <row r="398" spans="1:6" x14ac:dyDescent="0.25">
      <c r="A398" s="4" t="s">
        <v>2106</v>
      </c>
      <c r="B398" s="1" t="s">
        <v>3160</v>
      </c>
      <c r="C398" s="5" t="s">
        <v>5807</v>
      </c>
      <c r="D398" s="1" t="s">
        <v>2106</v>
      </c>
      <c r="E398" s="5" t="s">
        <v>15033</v>
      </c>
      <c r="F398" s="6">
        <v>3761</v>
      </c>
    </row>
    <row r="399" spans="1:6" x14ac:dyDescent="0.25">
      <c r="A399" s="4" t="s">
        <v>1519</v>
      </c>
      <c r="B399" s="1" t="s">
        <v>3152</v>
      </c>
      <c r="C399" s="5" t="s">
        <v>5339</v>
      </c>
      <c r="D399" s="1" t="s">
        <v>1519</v>
      </c>
      <c r="E399" s="5" t="s">
        <v>14298</v>
      </c>
      <c r="F399" s="6">
        <v>2960</v>
      </c>
    </row>
    <row r="400" spans="1:6" x14ac:dyDescent="0.25">
      <c r="A400" s="4" t="s">
        <v>1873</v>
      </c>
      <c r="B400" s="1" t="s">
        <v>3152</v>
      </c>
      <c r="C400" s="5" t="s">
        <v>3748</v>
      </c>
      <c r="D400" s="1" t="s">
        <v>1873</v>
      </c>
      <c r="E400" s="5" t="s">
        <v>14705</v>
      </c>
      <c r="F400" s="6">
        <v>3410</v>
      </c>
    </row>
    <row r="401" spans="1:6" x14ac:dyDescent="0.25">
      <c r="A401" s="4" t="s">
        <v>3054</v>
      </c>
      <c r="B401" s="1" t="s">
        <v>3164</v>
      </c>
      <c r="C401" s="5" t="s">
        <v>7166</v>
      </c>
      <c r="D401" s="1" t="s">
        <v>3054</v>
      </c>
      <c r="E401" s="5" t="s">
        <v>17704</v>
      </c>
      <c r="F401" s="6">
        <v>9324</v>
      </c>
    </row>
    <row r="402" spans="1:6" x14ac:dyDescent="0.25">
      <c r="A402" s="4" t="s">
        <v>2597</v>
      </c>
      <c r="B402" s="1" t="s">
        <v>3153</v>
      </c>
      <c r="C402" s="5" t="s">
        <v>6508</v>
      </c>
      <c r="D402" s="1" t="s">
        <v>2597</v>
      </c>
      <c r="E402" s="5" t="s">
        <v>16331</v>
      </c>
      <c r="F402" s="6">
        <v>5668</v>
      </c>
    </row>
    <row r="403" spans="1:6" x14ac:dyDescent="0.25">
      <c r="A403" s="4" t="s">
        <v>2055</v>
      </c>
      <c r="B403" s="1" t="s">
        <v>3154</v>
      </c>
      <c r="C403" s="5" t="s">
        <v>3342</v>
      </c>
      <c r="D403" s="1" t="s">
        <v>2055</v>
      </c>
      <c r="E403" s="5" t="s">
        <v>14896</v>
      </c>
      <c r="F403" s="6">
        <v>3614</v>
      </c>
    </row>
    <row r="404" spans="1:6" x14ac:dyDescent="0.25">
      <c r="A404" s="4" t="s">
        <v>967</v>
      </c>
      <c r="B404" s="1" t="s">
        <v>3163</v>
      </c>
      <c r="C404" s="5" t="s">
        <v>4714</v>
      </c>
      <c r="D404" s="1" t="s">
        <v>2588</v>
      </c>
      <c r="E404" s="5" t="s">
        <v>13534</v>
      </c>
      <c r="F404" s="6">
        <v>2173</v>
      </c>
    </row>
    <row r="405" spans="1:6" x14ac:dyDescent="0.25">
      <c r="A405" s="4" t="s">
        <v>1403</v>
      </c>
      <c r="B405" s="1" t="s">
        <v>3152</v>
      </c>
      <c r="C405" s="5" t="s">
        <v>5190</v>
      </c>
      <c r="D405" s="1" t="s">
        <v>1403</v>
      </c>
      <c r="E405" s="5" t="s">
        <v>14136</v>
      </c>
      <c r="F405" s="6">
        <v>2793</v>
      </c>
    </row>
    <row r="406" spans="1:6" x14ac:dyDescent="0.25">
      <c r="A406" s="4" t="s">
        <v>706</v>
      </c>
      <c r="B406" s="1" t="s">
        <v>3144</v>
      </c>
      <c r="C406" s="5" t="s">
        <v>4417</v>
      </c>
      <c r="D406" s="1" t="s">
        <v>706</v>
      </c>
      <c r="E406" s="5" t="s">
        <v>13173</v>
      </c>
      <c r="F406" s="6">
        <v>1806</v>
      </c>
    </row>
    <row r="407" spans="1:6" x14ac:dyDescent="0.25">
      <c r="A407" s="4" t="s">
        <v>706</v>
      </c>
      <c r="B407" s="1" t="s">
        <v>3144</v>
      </c>
      <c r="C407" s="5" t="s">
        <v>4417</v>
      </c>
      <c r="D407" s="1" t="s">
        <v>10971</v>
      </c>
      <c r="E407" s="5" t="s">
        <v>17274</v>
      </c>
      <c r="F407" s="6">
        <v>8382</v>
      </c>
    </row>
    <row r="408" spans="1:6" x14ac:dyDescent="0.25">
      <c r="A408" s="4" t="s">
        <v>2407</v>
      </c>
      <c r="B408" s="1" t="s">
        <v>3153</v>
      </c>
      <c r="C408" s="5" t="s">
        <v>6239</v>
      </c>
      <c r="D408" s="1" t="s">
        <v>2407</v>
      </c>
      <c r="E408" s="5" t="s">
        <v>15793</v>
      </c>
      <c r="F408" s="6">
        <v>4700</v>
      </c>
    </row>
    <row r="409" spans="1:6" x14ac:dyDescent="0.25">
      <c r="A409" s="4" t="s">
        <v>1566</v>
      </c>
      <c r="B409" s="1" t="s">
        <v>3153</v>
      </c>
      <c r="C409" s="5" t="s">
        <v>5386</v>
      </c>
      <c r="D409" s="1" t="s">
        <v>1566</v>
      </c>
      <c r="E409" s="5" t="s">
        <v>14349</v>
      </c>
      <c r="F409" s="6">
        <v>3013</v>
      </c>
    </row>
    <row r="410" spans="1:6" x14ac:dyDescent="0.25">
      <c r="A410" s="4" t="s">
        <v>457</v>
      </c>
      <c r="B410" s="1" t="s">
        <v>3154</v>
      </c>
      <c r="C410" s="5" t="s">
        <v>3275</v>
      </c>
      <c r="D410" s="1" t="s">
        <v>457</v>
      </c>
      <c r="E410" s="5" t="s">
        <v>12570</v>
      </c>
      <c r="F410" s="6">
        <v>1098</v>
      </c>
    </row>
    <row r="411" spans="1:6" x14ac:dyDescent="0.25">
      <c r="A411" s="4" t="s">
        <v>457</v>
      </c>
      <c r="B411" s="1" t="s">
        <v>3152</v>
      </c>
      <c r="C411" s="5" t="s">
        <v>6769</v>
      </c>
      <c r="D411" s="1" t="s">
        <v>457</v>
      </c>
      <c r="E411" s="5" t="s">
        <v>16843</v>
      </c>
      <c r="F411" s="6">
        <v>7079</v>
      </c>
    </row>
    <row r="412" spans="1:6" x14ac:dyDescent="0.25">
      <c r="A412" s="4" t="s">
        <v>1849</v>
      </c>
      <c r="B412" s="1" t="s">
        <v>3153</v>
      </c>
      <c r="C412" s="5" t="s">
        <v>5619</v>
      </c>
      <c r="D412" s="1" t="s">
        <v>1849</v>
      </c>
      <c r="E412" s="5" t="s">
        <v>14679</v>
      </c>
      <c r="F412" s="6">
        <v>3381</v>
      </c>
    </row>
    <row r="413" spans="1:6" x14ac:dyDescent="0.25">
      <c r="A413" s="4" t="s">
        <v>1064</v>
      </c>
      <c r="B413" s="1" t="s">
        <v>3155</v>
      </c>
      <c r="C413" s="5" t="s">
        <v>4805</v>
      </c>
      <c r="D413" s="1" t="s">
        <v>1064</v>
      </c>
      <c r="E413" s="5" t="s">
        <v>13632</v>
      </c>
      <c r="F413" s="6">
        <v>2275</v>
      </c>
    </row>
    <row r="414" spans="1:6" x14ac:dyDescent="0.25">
      <c r="A414" s="4" t="s">
        <v>306</v>
      </c>
      <c r="B414" s="1" t="s">
        <v>3149</v>
      </c>
      <c r="C414" s="5" t="s">
        <v>3781</v>
      </c>
      <c r="D414" s="1" t="s">
        <v>7960</v>
      </c>
      <c r="E414" s="5" t="s">
        <v>12275</v>
      </c>
      <c r="F414" s="6">
        <v>767</v>
      </c>
    </row>
    <row r="415" spans="1:6" x14ac:dyDescent="0.25">
      <c r="A415" s="4" t="s">
        <v>2649</v>
      </c>
      <c r="B415" s="1" t="s">
        <v>3161</v>
      </c>
      <c r="C415" s="5" t="s">
        <v>6569</v>
      </c>
      <c r="D415" s="1" t="s">
        <v>10330</v>
      </c>
      <c r="E415" s="5" t="s">
        <v>16434</v>
      </c>
      <c r="F415" s="6">
        <v>5893</v>
      </c>
    </row>
    <row r="416" spans="1:6" x14ac:dyDescent="0.25">
      <c r="A416" s="4" t="s">
        <v>2100</v>
      </c>
      <c r="B416" s="1" t="s">
        <v>3160</v>
      </c>
      <c r="C416" s="5" t="s">
        <v>5800</v>
      </c>
      <c r="D416" s="1" t="s">
        <v>2100</v>
      </c>
      <c r="E416" s="5" t="s">
        <v>15023</v>
      </c>
      <c r="F416" s="6">
        <v>3751</v>
      </c>
    </row>
    <row r="417" spans="1:6" x14ac:dyDescent="0.25">
      <c r="A417" s="4" t="s">
        <v>3077</v>
      </c>
      <c r="B417" s="1" t="s">
        <v>3162</v>
      </c>
      <c r="C417" s="5" t="s">
        <v>7228</v>
      </c>
      <c r="D417" s="1" t="s">
        <v>3077</v>
      </c>
      <c r="E417" s="5" t="s">
        <v>17886</v>
      </c>
      <c r="F417" s="6">
        <v>9515</v>
      </c>
    </row>
    <row r="418" spans="1:6" x14ac:dyDescent="0.25">
      <c r="A418" s="4" t="s">
        <v>1382</v>
      </c>
      <c r="B418" s="1" t="s">
        <v>812</v>
      </c>
      <c r="C418" s="5" t="s">
        <v>5185</v>
      </c>
      <c r="D418" s="1" t="s">
        <v>9027</v>
      </c>
      <c r="E418" s="5" t="s">
        <v>14094</v>
      </c>
      <c r="F418" s="6">
        <v>2751</v>
      </c>
    </row>
    <row r="419" spans="1:6" x14ac:dyDescent="0.25">
      <c r="A419" s="4" t="s">
        <v>521</v>
      </c>
      <c r="B419" s="1" t="s">
        <v>3152</v>
      </c>
      <c r="C419" s="5" t="s">
        <v>4157</v>
      </c>
      <c r="D419" s="1" t="s">
        <v>8391</v>
      </c>
      <c r="E419" s="5" t="s">
        <v>12823</v>
      </c>
      <c r="F419" s="6">
        <v>1422</v>
      </c>
    </row>
    <row r="420" spans="1:6" x14ac:dyDescent="0.25">
      <c r="A420" s="4" t="s">
        <v>804</v>
      </c>
      <c r="B420" s="1" t="s">
        <v>3158</v>
      </c>
      <c r="C420" s="5" t="s">
        <v>4533</v>
      </c>
      <c r="D420" s="1" t="s">
        <v>804</v>
      </c>
      <c r="E420" s="5" t="s">
        <v>13316</v>
      </c>
      <c r="F420" s="6">
        <v>1949</v>
      </c>
    </row>
    <row r="421" spans="1:6" x14ac:dyDescent="0.25">
      <c r="A421" s="4" t="s">
        <v>2642</v>
      </c>
      <c r="B421" s="1" t="s">
        <v>3161</v>
      </c>
      <c r="C421" s="5" t="s">
        <v>6561</v>
      </c>
      <c r="D421" s="1" t="s">
        <v>2642</v>
      </c>
      <c r="E421" s="5" t="s">
        <v>16426</v>
      </c>
      <c r="F421" s="6">
        <v>5885</v>
      </c>
    </row>
    <row r="422" spans="1:6" x14ac:dyDescent="0.25">
      <c r="A422" s="4" t="s">
        <v>1078</v>
      </c>
      <c r="B422" s="1" t="s">
        <v>3148</v>
      </c>
      <c r="C422" s="5" t="s">
        <v>4821</v>
      </c>
      <c r="D422" s="1" t="s">
        <v>1078</v>
      </c>
      <c r="E422" s="5" t="s">
        <v>13648</v>
      </c>
      <c r="F422" s="6">
        <v>2294</v>
      </c>
    </row>
    <row r="423" spans="1:6" x14ac:dyDescent="0.25">
      <c r="A423" s="4" t="s">
        <v>1986</v>
      </c>
      <c r="B423" s="1" t="s">
        <v>3152</v>
      </c>
      <c r="C423" s="5" t="s">
        <v>3393</v>
      </c>
      <c r="D423" s="1" t="s">
        <v>1986</v>
      </c>
      <c r="E423" s="5" t="s">
        <v>14823</v>
      </c>
      <c r="F423" s="6">
        <v>3535</v>
      </c>
    </row>
    <row r="424" spans="1:6" x14ac:dyDescent="0.25">
      <c r="A424" s="4" t="s">
        <v>1009</v>
      </c>
      <c r="B424" s="1" t="s">
        <v>3156</v>
      </c>
      <c r="C424" s="5" t="s">
        <v>4753</v>
      </c>
      <c r="D424" s="1" t="s">
        <v>1009</v>
      </c>
      <c r="E424" s="5" t="s">
        <v>13576</v>
      </c>
      <c r="F424" s="6">
        <v>2217</v>
      </c>
    </row>
    <row r="425" spans="1:6" x14ac:dyDescent="0.25">
      <c r="A425" s="4" t="s">
        <v>171</v>
      </c>
      <c r="B425" s="1" t="s">
        <v>3154</v>
      </c>
      <c r="C425" s="5" t="s">
        <v>3473</v>
      </c>
      <c r="D425" s="1" t="s">
        <v>7604</v>
      </c>
      <c r="E425" s="5" t="s">
        <v>11893</v>
      </c>
      <c r="F425" s="6">
        <v>325</v>
      </c>
    </row>
    <row r="426" spans="1:6" x14ac:dyDescent="0.25">
      <c r="A426" s="4" t="s">
        <v>535</v>
      </c>
      <c r="B426" s="1" t="s">
        <v>3152</v>
      </c>
      <c r="C426" s="5" t="s">
        <v>4175</v>
      </c>
      <c r="D426" s="1" t="s">
        <v>535</v>
      </c>
      <c r="E426" s="5" t="s">
        <v>12857</v>
      </c>
      <c r="F426" s="6">
        <v>1458</v>
      </c>
    </row>
    <row r="427" spans="1:6" x14ac:dyDescent="0.25">
      <c r="A427" s="4" t="s">
        <v>1297</v>
      </c>
      <c r="B427" s="1" t="s">
        <v>3158</v>
      </c>
      <c r="C427" s="5" t="s">
        <v>5084</v>
      </c>
      <c r="D427" s="1" t="s">
        <v>1297</v>
      </c>
      <c r="E427" s="5" t="s">
        <v>13967</v>
      </c>
      <c r="F427" s="6">
        <v>2619</v>
      </c>
    </row>
    <row r="428" spans="1:6" x14ac:dyDescent="0.25">
      <c r="A428" s="4" t="s">
        <v>2174</v>
      </c>
      <c r="B428" s="1" t="s">
        <v>3158</v>
      </c>
      <c r="C428" s="5" t="s">
        <v>5878</v>
      </c>
      <c r="D428" s="1" t="s">
        <v>2174</v>
      </c>
      <c r="E428" s="5" t="s">
        <v>15184</v>
      </c>
      <c r="F428" s="6">
        <v>3917</v>
      </c>
    </row>
    <row r="429" spans="1:6" x14ac:dyDescent="0.25">
      <c r="A429" s="4" t="s">
        <v>2844</v>
      </c>
      <c r="B429" s="1" t="s">
        <v>3158</v>
      </c>
      <c r="C429" s="5" t="s">
        <v>3859</v>
      </c>
      <c r="D429" s="1" t="s">
        <v>10748</v>
      </c>
      <c r="E429" s="5" t="s">
        <v>16995</v>
      </c>
      <c r="F429" s="6">
        <v>7523</v>
      </c>
    </row>
    <row r="430" spans="1:6" x14ac:dyDescent="0.25">
      <c r="A430" s="4" t="s">
        <v>2124</v>
      </c>
      <c r="B430" s="1" t="s">
        <v>3154</v>
      </c>
      <c r="C430" s="5" t="s">
        <v>3347</v>
      </c>
      <c r="D430" s="1" t="s">
        <v>2124</v>
      </c>
      <c r="E430" s="5" t="s">
        <v>15072</v>
      </c>
      <c r="F430" s="6">
        <v>3800</v>
      </c>
    </row>
    <row r="431" spans="1:6" x14ac:dyDescent="0.25">
      <c r="A431" s="4" t="s">
        <v>2092</v>
      </c>
      <c r="B431" s="1" t="s">
        <v>3158</v>
      </c>
      <c r="C431" s="5" t="s">
        <v>5789</v>
      </c>
      <c r="D431" s="1" t="s">
        <v>2092</v>
      </c>
      <c r="E431" s="5" t="s">
        <v>15005</v>
      </c>
      <c r="F431" s="6">
        <v>3732</v>
      </c>
    </row>
    <row r="432" spans="1:6" x14ac:dyDescent="0.25">
      <c r="A432" s="4" t="s">
        <v>1129</v>
      </c>
      <c r="B432" s="1" t="s">
        <v>3165</v>
      </c>
      <c r="C432" s="5" t="s">
        <v>4871</v>
      </c>
      <c r="D432" s="1" t="s">
        <v>1129</v>
      </c>
      <c r="E432" s="5" t="s">
        <v>13702</v>
      </c>
      <c r="F432" s="6">
        <v>2349</v>
      </c>
    </row>
    <row r="433" spans="1:6" x14ac:dyDescent="0.25">
      <c r="A433" s="4" t="s">
        <v>1206</v>
      </c>
      <c r="B433" s="1" t="s">
        <v>3161</v>
      </c>
      <c r="C433" s="5" t="s">
        <v>4965</v>
      </c>
      <c r="D433" s="1" t="s">
        <v>1206</v>
      </c>
      <c r="E433" s="5" t="s">
        <v>13817</v>
      </c>
      <c r="F433" s="6">
        <v>2467</v>
      </c>
    </row>
    <row r="434" spans="1:6" x14ac:dyDescent="0.25">
      <c r="A434" s="4" t="s">
        <v>2450</v>
      </c>
      <c r="B434" s="1" t="s">
        <v>3154</v>
      </c>
      <c r="C434" s="5" t="s">
        <v>3674</v>
      </c>
      <c r="D434" s="1" t="s">
        <v>2450</v>
      </c>
      <c r="E434" s="5" t="s">
        <v>15946</v>
      </c>
      <c r="F434" s="6">
        <v>4865</v>
      </c>
    </row>
    <row r="435" spans="1:6" x14ac:dyDescent="0.25">
      <c r="A435" s="4" t="s">
        <v>1793</v>
      </c>
      <c r="B435" s="1" t="s">
        <v>3152</v>
      </c>
      <c r="C435" s="5" t="s">
        <v>4877</v>
      </c>
      <c r="D435" s="1" t="s">
        <v>1793</v>
      </c>
      <c r="E435" s="5" t="s">
        <v>14614</v>
      </c>
      <c r="F435" s="6">
        <v>3310</v>
      </c>
    </row>
    <row r="436" spans="1:6" x14ac:dyDescent="0.25">
      <c r="A436" s="4" t="s">
        <v>2241</v>
      </c>
      <c r="B436" s="1" t="s">
        <v>812</v>
      </c>
      <c r="C436" s="5" t="s">
        <v>5971</v>
      </c>
      <c r="D436" s="1" t="s">
        <v>2241</v>
      </c>
      <c r="E436" s="5" t="s">
        <v>15343</v>
      </c>
      <c r="F436" s="6">
        <v>4080</v>
      </c>
    </row>
    <row r="437" spans="1:6" x14ac:dyDescent="0.25">
      <c r="A437" s="4" t="s">
        <v>727</v>
      </c>
      <c r="B437" s="1" t="s">
        <v>3152</v>
      </c>
      <c r="C437" s="5" t="s">
        <v>4437</v>
      </c>
      <c r="D437" s="1" t="s">
        <v>727</v>
      </c>
      <c r="E437" s="5" t="s">
        <v>13200</v>
      </c>
      <c r="F437" s="6">
        <v>1833</v>
      </c>
    </row>
    <row r="438" spans="1:6" x14ac:dyDescent="0.25">
      <c r="A438" s="4" t="s">
        <v>682</v>
      </c>
      <c r="B438" s="1" t="s">
        <v>3153</v>
      </c>
      <c r="C438" s="5" t="s">
        <v>4383</v>
      </c>
      <c r="D438" s="1" t="s">
        <v>682</v>
      </c>
      <c r="E438" s="5" t="s">
        <v>13133</v>
      </c>
      <c r="F438" s="6">
        <v>1766</v>
      </c>
    </row>
    <row r="439" spans="1:6" x14ac:dyDescent="0.25">
      <c r="A439" s="4" t="s">
        <v>2085</v>
      </c>
      <c r="B439" s="1" t="s">
        <v>3154</v>
      </c>
      <c r="C439" s="5" t="s">
        <v>3701</v>
      </c>
      <c r="D439" s="1" t="s">
        <v>2085</v>
      </c>
      <c r="E439" s="5" t="s">
        <v>14986</v>
      </c>
      <c r="F439" s="6">
        <v>3710</v>
      </c>
    </row>
    <row r="440" spans="1:6" x14ac:dyDescent="0.25">
      <c r="A440" s="4" t="s">
        <v>2846</v>
      </c>
      <c r="B440" s="1" t="s">
        <v>3150</v>
      </c>
      <c r="C440" s="5" t="s">
        <v>6845</v>
      </c>
      <c r="D440" s="1" t="s">
        <v>2846</v>
      </c>
      <c r="E440" s="5" t="s">
        <v>17002</v>
      </c>
      <c r="F440" s="6">
        <v>7555</v>
      </c>
    </row>
    <row r="441" spans="1:6" x14ac:dyDescent="0.25">
      <c r="A441" s="4" t="s">
        <v>1551</v>
      </c>
      <c r="B441" s="1" t="s">
        <v>3147</v>
      </c>
      <c r="C441" s="5" t="s">
        <v>5370</v>
      </c>
      <c r="D441" s="1" t="s">
        <v>1551</v>
      </c>
      <c r="E441" s="5" t="s">
        <v>14332</v>
      </c>
      <c r="F441" s="6">
        <v>2994</v>
      </c>
    </row>
    <row r="442" spans="1:6" x14ac:dyDescent="0.25">
      <c r="A442" s="4" t="s">
        <v>184</v>
      </c>
      <c r="B442" s="1" t="s">
        <v>3160</v>
      </c>
      <c r="C442" s="5" t="s">
        <v>3510</v>
      </c>
      <c r="D442" s="1" t="s">
        <v>7644</v>
      </c>
      <c r="E442" s="5" t="s">
        <v>11933</v>
      </c>
      <c r="F442" s="6">
        <v>366</v>
      </c>
    </row>
    <row r="443" spans="1:6" x14ac:dyDescent="0.25">
      <c r="A443" s="4" t="s">
        <v>184</v>
      </c>
      <c r="B443" s="1" t="s">
        <v>3160</v>
      </c>
      <c r="C443" s="5" t="s">
        <v>7021</v>
      </c>
      <c r="D443" s="1" t="s">
        <v>11098</v>
      </c>
      <c r="E443" s="5" t="s">
        <v>17447</v>
      </c>
      <c r="F443" s="6">
        <v>9058</v>
      </c>
    </row>
    <row r="444" spans="1:6" x14ac:dyDescent="0.25">
      <c r="A444" s="4" t="s">
        <v>2948</v>
      </c>
      <c r="B444" s="1" t="s">
        <v>3152</v>
      </c>
      <c r="C444" s="5" t="s">
        <v>3292</v>
      </c>
      <c r="D444" s="1" t="s">
        <v>11017</v>
      </c>
      <c r="E444" s="5" t="s">
        <v>17337</v>
      </c>
      <c r="F444" s="6">
        <v>8809</v>
      </c>
    </row>
    <row r="445" spans="1:6" x14ac:dyDescent="0.25">
      <c r="A445" s="4" t="s">
        <v>2529</v>
      </c>
      <c r="B445" s="1" t="s">
        <v>3160</v>
      </c>
      <c r="C445" s="5" t="s">
        <v>6429</v>
      </c>
      <c r="D445" s="1" t="s">
        <v>10181</v>
      </c>
      <c r="E445" s="5" t="s">
        <v>16198</v>
      </c>
      <c r="F445" s="6">
        <v>5340</v>
      </c>
    </row>
    <row r="446" spans="1:6" x14ac:dyDescent="0.25">
      <c r="A446" s="4" t="s">
        <v>2254</v>
      </c>
      <c r="B446" s="1" t="s">
        <v>3154</v>
      </c>
      <c r="C446" s="5" t="s">
        <v>5644</v>
      </c>
      <c r="D446" s="1" t="s">
        <v>2254</v>
      </c>
      <c r="E446" s="5" t="s">
        <v>15361</v>
      </c>
      <c r="F446" s="6">
        <v>4098</v>
      </c>
    </row>
    <row r="447" spans="1:6" x14ac:dyDescent="0.25">
      <c r="A447" s="4" t="s">
        <v>1346</v>
      </c>
      <c r="B447" s="1" t="s">
        <v>3154</v>
      </c>
      <c r="C447" s="5" t="s">
        <v>5138</v>
      </c>
      <c r="D447" s="1" t="s">
        <v>8995</v>
      </c>
      <c r="E447" s="5" t="s">
        <v>14031</v>
      </c>
      <c r="F447" s="6">
        <v>2685</v>
      </c>
    </row>
    <row r="448" spans="1:6" x14ac:dyDescent="0.25">
      <c r="A448" s="4" t="s">
        <v>1198</v>
      </c>
      <c r="B448" s="1" t="s">
        <v>3144</v>
      </c>
      <c r="C448" s="5" t="s">
        <v>4951</v>
      </c>
      <c r="D448" s="1" t="s">
        <v>1198</v>
      </c>
      <c r="E448" s="5" t="s">
        <v>13800</v>
      </c>
      <c r="F448" s="6">
        <v>2450</v>
      </c>
    </row>
    <row r="449" spans="1:6" x14ac:dyDescent="0.25">
      <c r="A449" s="4" t="s">
        <v>677</v>
      </c>
      <c r="B449" s="1" t="s">
        <v>3149</v>
      </c>
      <c r="C449" s="5" t="s">
        <v>4378</v>
      </c>
      <c r="D449" s="1" t="s">
        <v>2675</v>
      </c>
      <c r="E449" s="5" t="s">
        <v>13127</v>
      </c>
      <c r="F449" s="6">
        <v>1760</v>
      </c>
    </row>
    <row r="450" spans="1:6" x14ac:dyDescent="0.25">
      <c r="A450" s="4" t="s">
        <v>761</v>
      </c>
      <c r="B450" s="1" t="s">
        <v>3158</v>
      </c>
      <c r="C450" s="5" t="s">
        <v>4482</v>
      </c>
      <c r="D450" s="1" t="s">
        <v>761</v>
      </c>
      <c r="E450" s="5" t="s">
        <v>13252</v>
      </c>
      <c r="F450" s="6">
        <v>1885</v>
      </c>
    </row>
    <row r="451" spans="1:6" x14ac:dyDescent="0.25">
      <c r="A451" s="4" t="s">
        <v>761</v>
      </c>
      <c r="B451" s="1" t="s">
        <v>3158</v>
      </c>
      <c r="C451" s="5" t="s">
        <v>6263</v>
      </c>
      <c r="D451" s="1" t="s">
        <v>9908</v>
      </c>
      <c r="E451" s="5" t="s">
        <v>15845</v>
      </c>
      <c r="F451" s="6">
        <v>4758</v>
      </c>
    </row>
    <row r="452" spans="1:6" x14ac:dyDescent="0.25">
      <c r="A452" s="4" t="s">
        <v>761</v>
      </c>
      <c r="B452" s="1" t="s">
        <v>3158</v>
      </c>
      <c r="C452" s="5" t="s">
        <v>6309</v>
      </c>
      <c r="D452" s="1" t="s">
        <v>9961</v>
      </c>
      <c r="E452" s="5" t="s">
        <v>15917</v>
      </c>
      <c r="F452" s="6">
        <v>4834</v>
      </c>
    </row>
    <row r="453" spans="1:6" x14ac:dyDescent="0.25">
      <c r="A453" s="4" t="s">
        <v>761</v>
      </c>
      <c r="B453" s="1" t="s">
        <v>3158</v>
      </c>
      <c r="C453" s="5" t="s">
        <v>6662</v>
      </c>
      <c r="D453" s="1" t="s">
        <v>10476</v>
      </c>
      <c r="E453" s="5" t="s">
        <v>16637</v>
      </c>
      <c r="F453" s="6">
        <v>6443</v>
      </c>
    </row>
    <row r="454" spans="1:6" x14ac:dyDescent="0.25">
      <c r="A454" s="4" t="s">
        <v>761</v>
      </c>
      <c r="B454" s="1" t="s">
        <v>3158</v>
      </c>
      <c r="C454" s="5" t="s">
        <v>7289</v>
      </c>
      <c r="D454" s="1" t="s">
        <v>11524</v>
      </c>
      <c r="E454" s="5" t="s">
        <v>17989</v>
      </c>
      <c r="F454" s="6">
        <v>9621</v>
      </c>
    </row>
    <row r="455" spans="1:6" x14ac:dyDescent="0.25">
      <c r="A455" s="4" t="s">
        <v>2332</v>
      </c>
      <c r="B455" s="1" t="s">
        <v>3161</v>
      </c>
      <c r="C455" s="5" t="s">
        <v>6112</v>
      </c>
      <c r="D455" s="1" t="s">
        <v>2332</v>
      </c>
      <c r="E455" s="5" t="s">
        <v>15560</v>
      </c>
      <c r="F455" s="6">
        <v>4301</v>
      </c>
    </row>
    <row r="456" spans="1:6" x14ac:dyDescent="0.25">
      <c r="A456" s="4" t="s">
        <v>635</v>
      </c>
      <c r="B456" s="1" t="s">
        <v>3161</v>
      </c>
      <c r="C456" s="5" t="s">
        <v>4314</v>
      </c>
      <c r="D456" s="1" t="s">
        <v>8539</v>
      </c>
      <c r="E456" s="5" t="s">
        <v>13029</v>
      </c>
      <c r="F456" s="6">
        <v>1656</v>
      </c>
    </row>
    <row r="457" spans="1:6" x14ac:dyDescent="0.25">
      <c r="A457" s="4" t="s">
        <v>2191</v>
      </c>
      <c r="B457" s="1" t="s">
        <v>3154</v>
      </c>
      <c r="C457" s="5" t="s">
        <v>5863</v>
      </c>
      <c r="D457" s="1" t="s">
        <v>2191</v>
      </c>
      <c r="E457" s="5" t="s">
        <v>15234</v>
      </c>
      <c r="F457" s="6">
        <v>3969</v>
      </c>
    </row>
    <row r="458" spans="1:6" x14ac:dyDescent="0.25">
      <c r="A458" s="4" t="s">
        <v>256</v>
      </c>
      <c r="B458" s="1" t="s">
        <v>3156</v>
      </c>
      <c r="C458" s="5" t="s">
        <v>3694</v>
      </c>
      <c r="D458" s="1" t="s">
        <v>7864</v>
      </c>
      <c r="E458" s="5" t="s">
        <v>12169</v>
      </c>
      <c r="F458" s="6">
        <v>643</v>
      </c>
    </row>
    <row r="459" spans="1:6" x14ac:dyDescent="0.25">
      <c r="A459" s="4" t="s">
        <v>762</v>
      </c>
      <c r="B459" s="1" t="s">
        <v>3158</v>
      </c>
      <c r="C459" s="5" t="s">
        <v>4483</v>
      </c>
      <c r="D459" s="1" t="s">
        <v>762</v>
      </c>
      <c r="E459" s="5" t="s">
        <v>13253</v>
      </c>
      <c r="F459" s="6">
        <v>1886</v>
      </c>
    </row>
    <row r="460" spans="1:6" x14ac:dyDescent="0.25">
      <c r="A460" s="4" t="s">
        <v>762</v>
      </c>
      <c r="B460" s="1" t="s">
        <v>3161</v>
      </c>
      <c r="C460" s="5" t="s">
        <v>6624</v>
      </c>
      <c r="D460" s="1" t="s">
        <v>762</v>
      </c>
      <c r="E460" s="5" t="s">
        <v>16561</v>
      </c>
      <c r="F460" s="6">
        <v>6233</v>
      </c>
    </row>
    <row r="461" spans="1:6" x14ac:dyDescent="0.25">
      <c r="A461" s="4" t="s">
        <v>1537</v>
      </c>
      <c r="B461" s="1" t="s">
        <v>3160</v>
      </c>
      <c r="C461" s="5">
        <v>752030</v>
      </c>
      <c r="D461" s="1" t="s">
        <v>1537</v>
      </c>
      <c r="E461" s="5" t="s">
        <v>14318</v>
      </c>
      <c r="F461" s="6">
        <v>2980</v>
      </c>
    </row>
    <row r="462" spans="1:6" x14ac:dyDescent="0.25">
      <c r="A462" s="4" t="s">
        <v>2068</v>
      </c>
      <c r="B462" s="1" t="s">
        <v>3148</v>
      </c>
      <c r="C462" s="5" t="s">
        <v>5741</v>
      </c>
      <c r="D462" s="1" t="s">
        <v>2068</v>
      </c>
      <c r="E462" s="5" t="s">
        <v>14917</v>
      </c>
      <c r="F462" s="6">
        <v>3638</v>
      </c>
    </row>
    <row r="463" spans="1:6" x14ac:dyDescent="0.25">
      <c r="A463" s="4" t="s">
        <v>2104</v>
      </c>
      <c r="B463" s="1" t="s">
        <v>3158</v>
      </c>
      <c r="C463" s="5" t="s">
        <v>5803</v>
      </c>
      <c r="D463" s="1" t="s">
        <v>2104</v>
      </c>
      <c r="E463" s="5" t="s">
        <v>15027</v>
      </c>
      <c r="F463" s="6">
        <v>3755</v>
      </c>
    </row>
    <row r="464" spans="1:6" x14ac:dyDescent="0.25">
      <c r="A464" s="4" t="s">
        <v>2099</v>
      </c>
      <c r="B464" s="1" t="s">
        <v>3158</v>
      </c>
      <c r="C464" s="5" t="s">
        <v>5799</v>
      </c>
      <c r="D464" s="1" t="s">
        <v>2099</v>
      </c>
      <c r="E464" s="5" t="s">
        <v>15022</v>
      </c>
      <c r="F464" s="6">
        <v>3750</v>
      </c>
    </row>
    <row r="465" spans="1:6" x14ac:dyDescent="0.25">
      <c r="A465" s="4" t="s">
        <v>1705</v>
      </c>
      <c r="B465" s="1" t="s">
        <v>3148</v>
      </c>
      <c r="C465" s="5" t="s">
        <v>5489</v>
      </c>
      <c r="D465" s="1" t="s">
        <v>1705</v>
      </c>
      <c r="E465" s="5" t="s">
        <v>14499</v>
      </c>
      <c r="F465" s="6">
        <v>3185</v>
      </c>
    </row>
    <row r="466" spans="1:6" x14ac:dyDescent="0.25">
      <c r="A466" s="4" t="s">
        <v>2247</v>
      </c>
      <c r="B466" s="1" t="s">
        <v>3155</v>
      </c>
      <c r="C466" s="5" t="s">
        <v>5978</v>
      </c>
      <c r="D466" s="1" t="s">
        <v>2247</v>
      </c>
      <c r="E466" s="5" t="s">
        <v>15351</v>
      </c>
      <c r="F466" s="6">
        <v>4088</v>
      </c>
    </row>
    <row r="467" spans="1:6" x14ac:dyDescent="0.25">
      <c r="A467" s="4" t="s">
        <v>2165</v>
      </c>
      <c r="B467" s="1" t="s">
        <v>3147</v>
      </c>
      <c r="C467" s="5" t="s">
        <v>3481</v>
      </c>
      <c r="D467" s="1" t="s">
        <v>9412</v>
      </c>
      <c r="E467" s="5" t="s">
        <v>15161</v>
      </c>
      <c r="F467" s="6">
        <v>3893</v>
      </c>
    </row>
    <row r="468" spans="1:6" x14ac:dyDescent="0.25">
      <c r="A468" s="4" t="s">
        <v>2009</v>
      </c>
      <c r="B468" s="1" t="s">
        <v>3160</v>
      </c>
      <c r="C468" s="5" t="s">
        <v>5709</v>
      </c>
      <c r="D468" s="1" t="s">
        <v>2009</v>
      </c>
      <c r="E468" s="5" t="s">
        <v>14847</v>
      </c>
      <c r="F468" s="6">
        <v>3560</v>
      </c>
    </row>
    <row r="469" spans="1:6" x14ac:dyDescent="0.25">
      <c r="A469" s="4" t="s">
        <v>805</v>
      </c>
      <c r="B469" s="1" t="s">
        <v>3158</v>
      </c>
      <c r="C469" s="5" t="s">
        <v>4534</v>
      </c>
      <c r="D469" s="1" t="s">
        <v>8702</v>
      </c>
      <c r="E469" s="5" t="s">
        <v>13317</v>
      </c>
      <c r="F469" s="6">
        <v>1950</v>
      </c>
    </row>
    <row r="470" spans="1:6" x14ac:dyDescent="0.25">
      <c r="A470" s="4" t="s">
        <v>805</v>
      </c>
      <c r="B470" s="1" t="s">
        <v>3158</v>
      </c>
      <c r="C470" s="5" t="s">
        <v>6315</v>
      </c>
      <c r="D470" s="1" t="s">
        <v>9971</v>
      </c>
      <c r="E470" s="5" t="s">
        <v>15928</v>
      </c>
      <c r="F470" s="6">
        <v>4846</v>
      </c>
    </row>
    <row r="471" spans="1:6" x14ac:dyDescent="0.25">
      <c r="A471" s="4" t="s">
        <v>2339</v>
      </c>
      <c r="B471" s="1" t="s">
        <v>3156</v>
      </c>
      <c r="C471" s="5" t="s">
        <v>6123</v>
      </c>
      <c r="D471" s="1" t="s">
        <v>2339</v>
      </c>
      <c r="E471" s="5" t="s">
        <v>15576</v>
      </c>
      <c r="F471" s="6">
        <v>4318</v>
      </c>
    </row>
    <row r="472" spans="1:6" x14ac:dyDescent="0.25">
      <c r="A472" s="4" t="s">
        <v>503</v>
      </c>
      <c r="B472" s="1" t="s">
        <v>3152</v>
      </c>
      <c r="C472" s="5" t="s">
        <v>4132</v>
      </c>
      <c r="D472" s="1" t="s">
        <v>8349</v>
      </c>
      <c r="E472" s="5" t="s">
        <v>12769</v>
      </c>
      <c r="F472" s="6">
        <v>1366</v>
      </c>
    </row>
    <row r="473" spans="1:6" x14ac:dyDescent="0.25">
      <c r="A473" s="4" t="s">
        <v>415</v>
      </c>
      <c r="B473" s="1" t="s">
        <v>3149</v>
      </c>
      <c r="C473" s="5" t="s">
        <v>3937</v>
      </c>
      <c r="D473" s="1" t="s">
        <v>8089</v>
      </c>
      <c r="E473" s="5" t="s">
        <v>12461</v>
      </c>
      <c r="F473" s="6">
        <v>978</v>
      </c>
    </row>
    <row r="474" spans="1:6" x14ac:dyDescent="0.25">
      <c r="A474" s="4" t="s">
        <v>415</v>
      </c>
      <c r="B474" s="1" t="s">
        <v>3149</v>
      </c>
      <c r="C474" s="5">
        <v>560061</v>
      </c>
      <c r="D474" s="1" t="s">
        <v>8092</v>
      </c>
      <c r="E474" s="5" t="s">
        <v>12465</v>
      </c>
      <c r="F474" s="6">
        <v>983</v>
      </c>
    </row>
    <row r="475" spans="1:6" x14ac:dyDescent="0.25">
      <c r="A475" s="4" t="s">
        <v>415</v>
      </c>
      <c r="B475" s="1" t="s">
        <v>3149</v>
      </c>
      <c r="C475" s="5" t="s">
        <v>3941</v>
      </c>
      <c r="D475" s="1" t="s">
        <v>8093</v>
      </c>
      <c r="E475" s="5" t="s">
        <v>12466</v>
      </c>
      <c r="F475" s="6">
        <v>984</v>
      </c>
    </row>
    <row r="476" spans="1:6" x14ac:dyDescent="0.25">
      <c r="A476" s="4" t="s">
        <v>415</v>
      </c>
      <c r="B476" s="1" t="s">
        <v>3149</v>
      </c>
      <c r="C476" s="5" t="s">
        <v>4041</v>
      </c>
      <c r="D476" s="1" t="s">
        <v>8199</v>
      </c>
      <c r="E476" s="5" t="s">
        <v>12601</v>
      </c>
      <c r="F476" s="6">
        <v>1152</v>
      </c>
    </row>
    <row r="477" spans="1:6" x14ac:dyDescent="0.25">
      <c r="A477" s="4" t="s">
        <v>415</v>
      </c>
      <c r="B477" s="1" t="s">
        <v>3149</v>
      </c>
      <c r="C477" s="5" t="s">
        <v>6347</v>
      </c>
      <c r="D477" s="1" t="s">
        <v>10027</v>
      </c>
      <c r="E477" s="5" t="s">
        <v>16008</v>
      </c>
      <c r="F477" s="6">
        <v>4957</v>
      </c>
    </row>
    <row r="478" spans="1:6" x14ac:dyDescent="0.25">
      <c r="A478" s="4" t="s">
        <v>415</v>
      </c>
      <c r="B478" s="1" t="s">
        <v>3149</v>
      </c>
      <c r="C478" s="5" t="s">
        <v>3514</v>
      </c>
      <c r="D478" s="1" t="s">
        <v>10135</v>
      </c>
      <c r="E478" s="5" t="s">
        <v>16140</v>
      </c>
      <c r="F478" s="6">
        <v>5236</v>
      </c>
    </row>
    <row r="479" spans="1:6" x14ac:dyDescent="0.25">
      <c r="A479" s="4" t="s">
        <v>415</v>
      </c>
      <c r="B479" s="1" t="s">
        <v>3149</v>
      </c>
      <c r="C479" s="5" t="s">
        <v>6499</v>
      </c>
      <c r="D479" s="1" t="s">
        <v>10255</v>
      </c>
      <c r="E479" s="5" t="s">
        <v>16314</v>
      </c>
      <c r="F479" s="6">
        <v>5627</v>
      </c>
    </row>
    <row r="480" spans="1:6" x14ac:dyDescent="0.25">
      <c r="A480" s="4" t="s">
        <v>415</v>
      </c>
      <c r="B480" s="1" t="s">
        <v>3149</v>
      </c>
      <c r="C480" s="5" t="s">
        <v>3514</v>
      </c>
      <c r="D480" s="1" t="s">
        <v>10301</v>
      </c>
      <c r="E480" s="5" t="s">
        <v>16385</v>
      </c>
      <c r="F480" s="6">
        <v>5801</v>
      </c>
    </row>
    <row r="481" spans="1:6" x14ac:dyDescent="0.25">
      <c r="A481" s="4" t="s">
        <v>415</v>
      </c>
      <c r="B481" s="1" t="s">
        <v>3149</v>
      </c>
      <c r="C481" s="5" t="s">
        <v>3514</v>
      </c>
      <c r="D481" s="1" t="s">
        <v>10404</v>
      </c>
      <c r="E481" s="5" t="s">
        <v>16544</v>
      </c>
      <c r="F481" s="6">
        <v>6196</v>
      </c>
    </row>
    <row r="482" spans="1:6" x14ac:dyDescent="0.25">
      <c r="A482" s="4" t="s">
        <v>415</v>
      </c>
      <c r="B482" s="1" t="s">
        <v>3149</v>
      </c>
      <c r="C482" s="5" t="s">
        <v>4377</v>
      </c>
      <c r="D482" s="1" t="s">
        <v>10408</v>
      </c>
      <c r="E482" s="5" t="s">
        <v>16549</v>
      </c>
      <c r="F482" s="6">
        <v>6203</v>
      </c>
    </row>
    <row r="483" spans="1:6" x14ac:dyDescent="0.25">
      <c r="A483" s="4" t="s">
        <v>415</v>
      </c>
      <c r="B483" s="1" t="s">
        <v>3149</v>
      </c>
      <c r="C483" s="5" t="s">
        <v>3972</v>
      </c>
      <c r="D483" s="1" t="s">
        <v>10424</v>
      </c>
      <c r="E483" s="5" t="s">
        <v>16569</v>
      </c>
      <c r="F483" s="6">
        <v>6260</v>
      </c>
    </row>
    <row r="484" spans="1:6" x14ac:dyDescent="0.25">
      <c r="A484" s="4" t="s">
        <v>415</v>
      </c>
      <c r="B484" s="1" t="s">
        <v>3149</v>
      </c>
      <c r="C484" s="5" t="s">
        <v>6651</v>
      </c>
      <c r="D484" s="1" t="s">
        <v>10460</v>
      </c>
      <c r="E484" s="5" t="s">
        <v>16617</v>
      </c>
      <c r="F484" s="6">
        <v>6393</v>
      </c>
    </row>
    <row r="485" spans="1:6" x14ac:dyDescent="0.25">
      <c r="A485" s="4" t="s">
        <v>415</v>
      </c>
      <c r="B485" s="1" t="s">
        <v>3149</v>
      </c>
      <c r="C485" s="5" t="s">
        <v>4056</v>
      </c>
      <c r="D485" s="1" t="s">
        <v>10564</v>
      </c>
      <c r="E485" s="5" t="s">
        <v>16754</v>
      </c>
      <c r="F485" s="6">
        <v>6820</v>
      </c>
    </row>
    <row r="486" spans="1:6" x14ac:dyDescent="0.25">
      <c r="A486" s="4" t="s">
        <v>415</v>
      </c>
      <c r="B486" s="1" t="s">
        <v>3149</v>
      </c>
      <c r="C486" s="5" t="s">
        <v>6735</v>
      </c>
      <c r="D486" s="1" t="s">
        <v>10582</v>
      </c>
      <c r="E486" s="5" t="s">
        <v>16778</v>
      </c>
      <c r="F486" s="6">
        <v>6921</v>
      </c>
    </row>
    <row r="487" spans="1:6" x14ac:dyDescent="0.25">
      <c r="A487" s="4" t="s">
        <v>415</v>
      </c>
      <c r="B487" s="1" t="s">
        <v>3188</v>
      </c>
      <c r="C487" s="5">
        <v>560068</v>
      </c>
      <c r="D487" s="1" t="s">
        <v>10626</v>
      </c>
      <c r="E487" s="5" t="s">
        <v>16835</v>
      </c>
      <c r="F487" s="6">
        <v>7064</v>
      </c>
    </row>
    <row r="488" spans="1:6" x14ac:dyDescent="0.25">
      <c r="A488" s="4" t="s">
        <v>415</v>
      </c>
      <c r="B488" s="1" t="s">
        <v>3149</v>
      </c>
      <c r="C488" s="5" t="s">
        <v>6848</v>
      </c>
      <c r="D488" s="1" t="s">
        <v>10760</v>
      </c>
      <c r="E488" s="5" t="s">
        <v>17010</v>
      </c>
      <c r="F488" s="6">
        <v>7576</v>
      </c>
    </row>
    <row r="489" spans="1:6" x14ac:dyDescent="0.25">
      <c r="A489" s="4" t="s">
        <v>415</v>
      </c>
      <c r="B489" s="1" t="s">
        <v>3149</v>
      </c>
      <c r="C489" s="5">
        <v>560100</v>
      </c>
      <c r="D489" s="1" t="s">
        <v>10858</v>
      </c>
      <c r="E489" s="5" t="s">
        <v>17139</v>
      </c>
      <c r="F489" s="6">
        <v>8030</v>
      </c>
    </row>
    <row r="490" spans="1:6" x14ac:dyDescent="0.25">
      <c r="A490" s="4" t="s">
        <v>415</v>
      </c>
      <c r="B490" s="1" t="s">
        <v>3149</v>
      </c>
      <c r="C490" s="5" t="s">
        <v>3875</v>
      </c>
      <c r="D490" s="1" t="s">
        <v>10903</v>
      </c>
      <c r="E490" s="5" t="s">
        <v>17191</v>
      </c>
      <c r="F490" s="6">
        <v>8165</v>
      </c>
    </row>
    <row r="491" spans="1:6" x14ac:dyDescent="0.25">
      <c r="A491" s="4" t="s">
        <v>415</v>
      </c>
      <c r="B491" s="1" t="s">
        <v>3149</v>
      </c>
      <c r="C491" s="5" t="s">
        <v>6949</v>
      </c>
      <c r="D491" s="1" t="s">
        <v>10987</v>
      </c>
      <c r="E491" s="5" t="s">
        <v>17297</v>
      </c>
      <c r="F491" s="6">
        <v>8586</v>
      </c>
    </row>
    <row r="492" spans="1:6" x14ac:dyDescent="0.25">
      <c r="A492" s="4" t="s">
        <v>415</v>
      </c>
      <c r="B492" s="1" t="s">
        <v>3149</v>
      </c>
      <c r="C492" s="5" t="s">
        <v>6347</v>
      </c>
      <c r="D492" s="1" t="s">
        <v>11009</v>
      </c>
      <c r="E492" s="5" t="s">
        <v>17327</v>
      </c>
      <c r="F492" s="6">
        <v>8737</v>
      </c>
    </row>
    <row r="493" spans="1:6" x14ac:dyDescent="0.25">
      <c r="A493" s="4" t="s">
        <v>415</v>
      </c>
      <c r="B493" s="1" t="s">
        <v>3149</v>
      </c>
      <c r="C493" s="5" t="s">
        <v>3263</v>
      </c>
      <c r="D493" s="1" t="s">
        <v>11057</v>
      </c>
      <c r="E493" s="5" t="s">
        <v>17390</v>
      </c>
      <c r="F493" s="6">
        <v>8995</v>
      </c>
    </row>
    <row r="494" spans="1:6" x14ac:dyDescent="0.25">
      <c r="A494" s="4" t="s">
        <v>458</v>
      </c>
      <c r="B494" s="1" t="s">
        <v>3149</v>
      </c>
      <c r="C494" s="5" t="s">
        <v>4020</v>
      </c>
      <c r="D494" s="1" t="s">
        <v>8171</v>
      </c>
      <c r="E494" s="5" t="s">
        <v>12571</v>
      </c>
      <c r="F494" s="6">
        <v>1100</v>
      </c>
    </row>
    <row r="495" spans="1:6" x14ac:dyDescent="0.25">
      <c r="A495" s="4" t="s">
        <v>2674</v>
      </c>
      <c r="B495" s="1" t="s">
        <v>3165</v>
      </c>
      <c r="C495" s="5" t="s">
        <v>6592</v>
      </c>
      <c r="D495" s="1" t="s">
        <v>2674</v>
      </c>
      <c r="E495" s="5" t="s">
        <v>16502</v>
      </c>
      <c r="F495" s="6">
        <v>6073</v>
      </c>
    </row>
    <row r="496" spans="1:6" x14ac:dyDescent="0.25">
      <c r="A496" s="4" t="s">
        <v>1827</v>
      </c>
      <c r="B496" s="1" t="s">
        <v>3149</v>
      </c>
      <c r="C496" s="5" t="s">
        <v>5600</v>
      </c>
      <c r="D496" s="1" t="s">
        <v>9206</v>
      </c>
      <c r="E496" s="5" t="s">
        <v>14654</v>
      </c>
      <c r="F496" s="6">
        <v>3352</v>
      </c>
    </row>
    <row r="497" spans="1:6" x14ac:dyDescent="0.25">
      <c r="A497" s="4" t="s">
        <v>1270</v>
      </c>
      <c r="B497" s="1" t="s">
        <v>3158</v>
      </c>
      <c r="C497" s="5" t="s">
        <v>5049</v>
      </c>
      <c r="D497" s="1" t="s">
        <v>1270</v>
      </c>
      <c r="E497" s="5" t="s">
        <v>13925</v>
      </c>
      <c r="F497" s="6">
        <v>2577</v>
      </c>
    </row>
    <row r="498" spans="1:6" x14ac:dyDescent="0.25">
      <c r="A498" s="4" t="s">
        <v>3041</v>
      </c>
      <c r="B498" s="1" t="s">
        <v>3163</v>
      </c>
      <c r="C498" s="5" t="s">
        <v>7141</v>
      </c>
      <c r="D498" s="1" t="s">
        <v>3041</v>
      </c>
      <c r="E498" s="5" t="s">
        <v>17657</v>
      </c>
      <c r="F498" s="6">
        <v>9275</v>
      </c>
    </row>
    <row r="499" spans="1:6" x14ac:dyDescent="0.25">
      <c r="A499" s="4" t="s">
        <v>905</v>
      </c>
      <c r="B499" s="1" t="s">
        <v>812</v>
      </c>
      <c r="C499" s="5" t="s">
        <v>4653</v>
      </c>
      <c r="D499" s="1" t="s">
        <v>905</v>
      </c>
      <c r="E499" s="5" t="s">
        <v>13471</v>
      </c>
      <c r="F499" s="6">
        <v>2108</v>
      </c>
    </row>
    <row r="500" spans="1:6" x14ac:dyDescent="0.25">
      <c r="A500" s="4" t="s">
        <v>2633</v>
      </c>
      <c r="B500" s="1" t="s">
        <v>3153</v>
      </c>
      <c r="C500" s="5" t="s">
        <v>6548</v>
      </c>
      <c r="D500" s="1" t="s">
        <v>2633</v>
      </c>
      <c r="E500" s="5" t="s">
        <v>16403</v>
      </c>
      <c r="F500" s="6">
        <v>5835</v>
      </c>
    </row>
    <row r="501" spans="1:6" x14ac:dyDescent="0.25">
      <c r="A501" s="4" t="s">
        <v>3018</v>
      </c>
      <c r="B501" s="1" t="s">
        <v>3160</v>
      </c>
      <c r="C501" s="5" t="s">
        <v>7095</v>
      </c>
      <c r="D501" s="1" t="s">
        <v>3018</v>
      </c>
      <c r="E501" s="5" t="s">
        <v>17577</v>
      </c>
      <c r="F501" s="6">
        <v>9192</v>
      </c>
    </row>
    <row r="502" spans="1:6" x14ac:dyDescent="0.25">
      <c r="A502" s="4" t="s">
        <v>1229</v>
      </c>
      <c r="B502" s="1" t="s">
        <v>3148</v>
      </c>
      <c r="C502" s="5" t="s">
        <v>4996</v>
      </c>
      <c r="D502" s="1" t="s">
        <v>1229</v>
      </c>
      <c r="E502" s="5" t="s">
        <v>13855</v>
      </c>
      <c r="F502" s="6">
        <v>2505</v>
      </c>
    </row>
    <row r="503" spans="1:6" x14ac:dyDescent="0.25">
      <c r="A503" s="4" t="s">
        <v>2671</v>
      </c>
      <c r="B503" s="1" t="s">
        <v>3153</v>
      </c>
      <c r="C503" s="5">
        <v>476444</v>
      </c>
      <c r="D503" s="1" t="s">
        <v>2671</v>
      </c>
      <c r="E503" s="5" t="s">
        <v>16498</v>
      </c>
      <c r="F503" s="6">
        <v>6059</v>
      </c>
    </row>
    <row r="504" spans="1:6" x14ac:dyDescent="0.25">
      <c r="A504" s="4" t="s">
        <v>806</v>
      </c>
      <c r="B504" s="1" t="s">
        <v>3152</v>
      </c>
      <c r="C504" s="5" t="s">
        <v>4535</v>
      </c>
      <c r="D504" s="1" t="s">
        <v>8703</v>
      </c>
      <c r="E504" s="5" t="s">
        <v>13318</v>
      </c>
      <c r="F504" s="6">
        <v>1951</v>
      </c>
    </row>
    <row r="505" spans="1:6" x14ac:dyDescent="0.25">
      <c r="A505" s="4" t="s">
        <v>2430</v>
      </c>
      <c r="B505" s="1" t="s">
        <v>3158</v>
      </c>
      <c r="C505" s="5" t="s">
        <v>6287</v>
      </c>
      <c r="D505" s="1" t="s">
        <v>2430</v>
      </c>
      <c r="E505" s="5" t="s">
        <v>15881</v>
      </c>
      <c r="F505" s="6">
        <v>4795</v>
      </c>
    </row>
    <row r="506" spans="1:6" x14ac:dyDescent="0.25">
      <c r="A506" s="4" t="s">
        <v>2985</v>
      </c>
      <c r="B506" s="1" t="s">
        <v>3156</v>
      </c>
      <c r="C506" s="5" t="s">
        <v>7030</v>
      </c>
      <c r="D506" s="1" t="s">
        <v>11111</v>
      </c>
      <c r="E506" s="5" t="s">
        <v>17465</v>
      </c>
      <c r="F506" s="6">
        <v>9076</v>
      </c>
    </row>
    <row r="507" spans="1:6" x14ac:dyDescent="0.25">
      <c r="A507" s="4" t="s">
        <v>1701</v>
      </c>
      <c r="B507" s="1" t="s">
        <v>3151</v>
      </c>
      <c r="C507" s="5" t="s">
        <v>5485</v>
      </c>
      <c r="D507" s="1" t="s">
        <v>1701</v>
      </c>
      <c r="E507" s="5" t="s">
        <v>14495</v>
      </c>
      <c r="F507" s="6">
        <v>3180</v>
      </c>
    </row>
    <row r="508" spans="1:6" x14ac:dyDescent="0.25">
      <c r="A508" s="4" t="s">
        <v>315</v>
      </c>
      <c r="B508" s="1" t="s">
        <v>3156</v>
      </c>
      <c r="C508" s="5" t="s">
        <v>3791</v>
      </c>
      <c r="D508" s="1" t="s">
        <v>7968</v>
      </c>
      <c r="E508" s="5" t="s">
        <v>12285</v>
      </c>
      <c r="F508" s="6">
        <v>779</v>
      </c>
    </row>
    <row r="509" spans="1:6" x14ac:dyDescent="0.25">
      <c r="A509" s="4" t="s">
        <v>315</v>
      </c>
      <c r="B509" s="1" t="s">
        <v>3156</v>
      </c>
      <c r="C509" s="5" t="s">
        <v>3791</v>
      </c>
      <c r="D509" s="1" t="s">
        <v>10647</v>
      </c>
      <c r="E509" s="5" t="s">
        <v>16863</v>
      </c>
      <c r="F509" s="6">
        <v>7114</v>
      </c>
    </row>
    <row r="510" spans="1:6" x14ac:dyDescent="0.25">
      <c r="A510" s="4" t="s">
        <v>2886</v>
      </c>
      <c r="B510" s="1" t="s">
        <v>3155</v>
      </c>
      <c r="C510" s="5">
        <v>521324</v>
      </c>
      <c r="D510" s="1" t="s">
        <v>2886</v>
      </c>
      <c r="E510" s="5" t="s">
        <v>17145</v>
      </c>
      <c r="F510" s="6">
        <v>8042</v>
      </c>
    </row>
    <row r="511" spans="1:6" x14ac:dyDescent="0.25">
      <c r="A511" s="4" t="s">
        <v>1799</v>
      </c>
      <c r="B511" s="1" t="s">
        <v>3149</v>
      </c>
      <c r="C511" s="5" t="s">
        <v>5573</v>
      </c>
      <c r="D511" s="1" t="s">
        <v>9197</v>
      </c>
      <c r="E511" s="5" t="s">
        <v>14620</v>
      </c>
      <c r="F511" s="6">
        <v>3316</v>
      </c>
    </row>
    <row r="512" spans="1:6" x14ac:dyDescent="0.25">
      <c r="A512" s="4" t="s">
        <v>1317</v>
      </c>
      <c r="B512" s="1" t="s">
        <v>3155</v>
      </c>
      <c r="C512" s="5">
        <v>522101</v>
      </c>
      <c r="D512" s="1" t="s">
        <v>1317</v>
      </c>
      <c r="E512" s="5" t="s">
        <v>13988</v>
      </c>
      <c r="F512" s="6">
        <v>2642</v>
      </c>
    </row>
    <row r="513" spans="1:6" x14ac:dyDescent="0.25">
      <c r="A513" s="4" t="s">
        <v>1972</v>
      </c>
      <c r="B513" s="1" t="s">
        <v>3146</v>
      </c>
      <c r="C513" s="5" t="s">
        <v>5695</v>
      </c>
      <c r="D513" s="1" t="s">
        <v>1972</v>
      </c>
      <c r="E513" s="5" t="s">
        <v>14809</v>
      </c>
      <c r="F513" s="6">
        <v>3521</v>
      </c>
    </row>
    <row r="514" spans="1:6" x14ac:dyDescent="0.25">
      <c r="A514" s="4" t="s">
        <v>263</v>
      </c>
      <c r="B514" s="1" t="s">
        <v>3158</v>
      </c>
      <c r="C514" s="5" t="s">
        <v>3705</v>
      </c>
      <c r="D514" s="1" t="s">
        <v>7878</v>
      </c>
      <c r="E514" s="5" t="s">
        <v>12184</v>
      </c>
      <c r="F514" s="6">
        <v>658</v>
      </c>
    </row>
    <row r="515" spans="1:6" x14ac:dyDescent="0.25">
      <c r="A515" s="4" t="s">
        <v>263</v>
      </c>
      <c r="B515" s="1" t="s">
        <v>3158</v>
      </c>
      <c r="C515" s="5" t="s">
        <v>5932</v>
      </c>
      <c r="D515" s="1" t="s">
        <v>9501</v>
      </c>
      <c r="E515" s="5" t="s">
        <v>15286</v>
      </c>
      <c r="F515" s="6">
        <v>4021</v>
      </c>
    </row>
    <row r="516" spans="1:6" x14ac:dyDescent="0.25">
      <c r="A516" s="4" t="s">
        <v>263</v>
      </c>
      <c r="B516" s="1" t="s">
        <v>3158</v>
      </c>
      <c r="C516" s="5" t="s">
        <v>5944</v>
      </c>
      <c r="D516" s="1" t="s">
        <v>9515</v>
      </c>
      <c r="E516" s="5" t="s">
        <v>15306</v>
      </c>
      <c r="F516" s="6">
        <v>4043</v>
      </c>
    </row>
    <row r="517" spans="1:6" x14ac:dyDescent="0.25">
      <c r="A517" s="4" t="s">
        <v>263</v>
      </c>
      <c r="B517" s="1" t="s">
        <v>3158</v>
      </c>
      <c r="C517" s="5" t="s">
        <v>6284</v>
      </c>
      <c r="D517" s="1" t="s">
        <v>9930</v>
      </c>
      <c r="E517" s="5" t="s">
        <v>15876</v>
      </c>
      <c r="F517" s="6">
        <v>4790</v>
      </c>
    </row>
    <row r="518" spans="1:6" x14ac:dyDescent="0.25">
      <c r="A518" s="4" t="s">
        <v>2606</v>
      </c>
      <c r="B518" s="1" t="s">
        <v>3153</v>
      </c>
      <c r="C518" s="5" t="s">
        <v>6517</v>
      </c>
      <c r="D518" s="1" t="s">
        <v>2606</v>
      </c>
      <c r="E518" s="5" t="s">
        <v>16345</v>
      </c>
      <c r="F518" s="6">
        <v>5696</v>
      </c>
    </row>
    <row r="519" spans="1:6" x14ac:dyDescent="0.25">
      <c r="A519" s="4" t="s">
        <v>2414</v>
      </c>
      <c r="B519" s="1" t="s">
        <v>3164</v>
      </c>
      <c r="C519" s="5" t="s">
        <v>6254</v>
      </c>
      <c r="D519" s="1" t="s">
        <v>2414</v>
      </c>
      <c r="E519" s="5" t="s">
        <v>15824</v>
      </c>
      <c r="F519" s="6">
        <v>4735</v>
      </c>
    </row>
    <row r="520" spans="1:6" x14ac:dyDescent="0.25">
      <c r="A520" s="4" t="s">
        <v>1471</v>
      </c>
      <c r="B520" s="1" t="s">
        <v>3163</v>
      </c>
      <c r="C520" s="5" t="s">
        <v>5287</v>
      </c>
      <c r="D520" s="1" t="s">
        <v>1471</v>
      </c>
      <c r="E520" s="5" t="s">
        <v>14243</v>
      </c>
      <c r="F520" s="6">
        <v>2904</v>
      </c>
    </row>
    <row r="521" spans="1:6" x14ac:dyDescent="0.25">
      <c r="A521" s="4" t="s">
        <v>1293</v>
      </c>
      <c r="B521" s="1" t="s">
        <v>3156</v>
      </c>
      <c r="C521" s="5" t="s">
        <v>5079</v>
      </c>
      <c r="D521" s="1" t="s">
        <v>1293</v>
      </c>
      <c r="E521" s="5" t="s">
        <v>13960</v>
      </c>
      <c r="F521" s="6">
        <v>2612</v>
      </c>
    </row>
    <row r="522" spans="1:6" x14ac:dyDescent="0.25">
      <c r="A522" s="4" t="s">
        <v>1293</v>
      </c>
      <c r="B522" s="1" t="s">
        <v>3156</v>
      </c>
      <c r="C522" s="5" t="s">
        <v>5829</v>
      </c>
      <c r="D522" s="1" t="s">
        <v>9357</v>
      </c>
      <c r="E522" s="5" t="s">
        <v>15073</v>
      </c>
      <c r="F522" s="6">
        <v>3801</v>
      </c>
    </row>
    <row r="523" spans="1:6" x14ac:dyDescent="0.25">
      <c r="A523" s="4" t="s">
        <v>1293</v>
      </c>
      <c r="B523" s="1" t="s">
        <v>3156</v>
      </c>
      <c r="C523" s="5" t="s">
        <v>7003</v>
      </c>
      <c r="D523" s="1" t="s">
        <v>11076</v>
      </c>
      <c r="E523" s="5" t="s">
        <v>17418</v>
      </c>
      <c r="F523" s="6">
        <v>9026</v>
      </c>
    </row>
    <row r="524" spans="1:6" x14ac:dyDescent="0.25">
      <c r="A524" s="4" t="s">
        <v>1887</v>
      </c>
      <c r="B524" s="1" t="s">
        <v>3154</v>
      </c>
      <c r="C524" s="5">
        <v>132103</v>
      </c>
      <c r="D524" s="1" t="s">
        <v>1887</v>
      </c>
      <c r="E524" s="5" t="s">
        <v>14720</v>
      </c>
      <c r="F524" s="6">
        <v>3427</v>
      </c>
    </row>
    <row r="525" spans="1:6" x14ac:dyDescent="0.25">
      <c r="A525" s="4" t="s">
        <v>968</v>
      </c>
      <c r="B525" s="1" t="s">
        <v>3154</v>
      </c>
      <c r="C525" s="5" t="s">
        <v>4715</v>
      </c>
      <c r="D525" s="1" t="s">
        <v>968</v>
      </c>
      <c r="E525" s="5" t="s">
        <v>13535</v>
      </c>
      <c r="F525" s="6">
        <v>2174</v>
      </c>
    </row>
    <row r="526" spans="1:6" x14ac:dyDescent="0.25">
      <c r="A526" s="4" t="s">
        <v>3057</v>
      </c>
      <c r="B526" s="1" t="s">
        <v>812</v>
      </c>
      <c r="C526" s="5" t="s">
        <v>7173</v>
      </c>
      <c r="D526" s="1" t="s">
        <v>3057</v>
      </c>
      <c r="E526" s="5" t="s">
        <v>17716</v>
      </c>
      <c r="F526" s="6">
        <v>9338</v>
      </c>
    </row>
    <row r="527" spans="1:6" x14ac:dyDescent="0.25">
      <c r="A527" s="4" t="s">
        <v>1370</v>
      </c>
      <c r="B527" s="1" t="s">
        <v>3158</v>
      </c>
      <c r="C527" s="5" t="s">
        <v>5169</v>
      </c>
      <c r="D527" s="1" t="s">
        <v>1370</v>
      </c>
      <c r="E527" s="5" t="s">
        <v>14077</v>
      </c>
      <c r="F527" s="6">
        <v>2732</v>
      </c>
    </row>
    <row r="528" spans="1:6" x14ac:dyDescent="0.25">
      <c r="A528" s="4" t="s">
        <v>267</v>
      </c>
      <c r="B528" s="1" t="s">
        <v>3160</v>
      </c>
      <c r="C528" s="5" t="s">
        <v>3710</v>
      </c>
      <c r="D528" s="1" t="s">
        <v>7882</v>
      </c>
      <c r="E528" s="5" t="s">
        <v>12189</v>
      </c>
      <c r="F528" s="6">
        <v>664</v>
      </c>
    </row>
    <row r="529" spans="1:6" x14ac:dyDescent="0.25">
      <c r="A529" s="4" t="s">
        <v>2482</v>
      </c>
      <c r="B529" s="1" t="s">
        <v>3148</v>
      </c>
      <c r="C529" s="5" t="s">
        <v>6302</v>
      </c>
      <c r="D529" s="1" t="s">
        <v>10040</v>
      </c>
      <c r="E529" s="5" t="s">
        <v>16024</v>
      </c>
      <c r="F529" s="6">
        <v>5007</v>
      </c>
    </row>
    <row r="530" spans="1:6" x14ac:dyDescent="0.25">
      <c r="A530" s="4" t="s">
        <v>477</v>
      </c>
      <c r="B530" s="1" t="s">
        <v>1147</v>
      </c>
      <c r="C530" s="5" t="s">
        <v>4072</v>
      </c>
      <c r="D530" s="1" t="s">
        <v>8254</v>
      </c>
      <c r="E530" s="5" t="s">
        <v>12661</v>
      </c>
      <c r="F530" s="6">
        <v>1256</v>
      </c>
    </row>
    <row r="531" spans="1:6" x14ac:dyDescent="0.25">
      <c r="A531" s="4" t="s">
        <v>114</v>
      </c>
      <c r="B531" s="1" t="s">
        <v>3147</v>
      </c>
      <c r="C531" s="5" t="s">
        <v>3374</v>
      </c>
      <c r="D531" s="1" t="s">
        <v>7499</v>
      </c>
      <c r="E531" s="5" t="s">
        <v>11783</v>
      </c>
      <c r="F531" s="6">
        <v>209</v>
      </c>
    </row>
    <row r="532" spans="1:6" x14ac:dyDescent="0.25">
      <c r="A532" s="4" t="s">
        <v>114</v>
      </c>
      <c r="B532" s="1" t="s">
        <v>3147</v>
      </c>
      <c r="C532" s="5" t="s">
        <v>5601</v>
      </c>
      <c r="D532" s="1" t="s">
        <v>9207</v>
      </c>
      <c r="E532" s="5" t="s">
        <v>14655</v>
      </c>
      <c r="F532" s="6">
        <v>3353</v>
      </c>
    </row>
    <row r="533" spans="1:6" x14ac:dyDescent="0.25">
      <c r="A533" s="4" t="s">
        <v>160</v>
      </c>
      <c r="B533" s="1" t="s">
        <v>3158</v>
      </c>
      <c r="C533" s="5" t="s">
        <v>3454</v>
      </c>
      <c r="D533" s="1" t="s">
        <v>7585</v>
      </c>
      <c r="E533" s="5" t="s">
        <v>11872</v>
      </c>
      <c r="F533" s="6">
        <v>304</v>
      </c>
    </row>
    <row r="534" spans="1:6" x14ac:dyDescent="0.25">
      <c r="A534" s="4" t="s">
        <v>160</v>
      </c>
      <c r="B534" s="1" t="s">
        <v>3158</v>
      </c>
      <c r="C534" s="5" t="s">
        <v>3854</v>
      </c>
      <c r="D534" s="1" t="s">
        <v>8027</v>
      </c>
      <c r="E534" s="5" t="s">
        <v>12355</v>
      </c>
      <c r="F534" s="6">
        <v>860</v>
      </c>
    </row>
    <row r="535" spans="1:6" x14ac:dyDescent="0.25">
      <c r="A535" s="4" t="s">
        <v>160</v>
      </c>
      <c r="B535" s="1" t="s">
        <v>3158</v>
      </c>
      <c r="C535" s="5" t="s">
        <v>3454</v>
      </c>
      <c r="D535" s="1" t="s">
        <v>8671</v>
      </c>
      <c r="E535" s="5" t="s">
        <v>13254</v>
      </c>
      <c r="F535" s="6">
        <v>1887</v>
      </c>
    </row>
    <row r="536" spans="1:6" x14ac:dyDescent="0.25">
      <c r="A536" s="4" t="s">
        <v>160</v>
      </c>
      <c r="B536" s="1" t="s">
        <v>3158</v>
      </c>
      <c r="C536" s="5" t="s">
        <v>6179</v>
      </c>
      <c r="D536" s="1" t="s">
        <v>9787</v>
      </c>
      <c r="E536" s="5" t="s">
        <v>15696</v>
      </c>
      <c r="F536" s="6">
        <v>4463</v>
      </c>
    </row>
    <row r="537" spans="1:6" x14ac:dyDescent="0.25">
      <c r="A537" s="4" t="s">
        <v>160</v>
      </c>
      <c r="B537" s="1" t="s">
        <v>3158</v>
      </c>
      <c r="C537" s="5" t="s">
        <v>3454</v>
      </c>
      <c r="D537" s="1" t="s">
        <v>9951</v>
      </c>
      <c r="E537" s="5" t="s">
        <v>15905</v>
      </c>
      <c r="F537" s="6">
        <v>4821</v>
      </c>
    </row>
    <row r="538" spans="1:6" x14ac:dyDescent="0.25">
      <c r="A538" s="4" t="s">
        <v>160</v>
      </c>
      <c r="B538" s="1" t="s">
        <v>3158</v>
      </c>
      <c r="C538" s="5" t="s">
        <v>3854</v>
      </c>
      <c r="D538" s="1" t="s">
        <v>10439</v>
      </c>
      <c r="E538" s="5" t="s">
        <v>16588</v>
      </c>
      <c r="F538" s="6">
        <v>6303</v>
      </c>
    </row>
    <row r="539" spans="1:6" x14ac:dyDescent="0.25">
      <c r="A539" s="4" t="s">
        <v>160</v>
      </c>
      <c r="B539" s="1" t="s">
        <v>3158</v>
      </c>
      <c r="C539" s="5" t="s">
        <v>7183</v>
      </c>
      <c r="D539" s="1" t="s">
        <v>11312</v>
      </c>
      <c r="E539" s="5" t="s">
        <v>17733</v>
      </c>
      <c r="F539" s="6">
        <v>9355</v>
      </c>
    </row>
    <row r="540" spans="1:6" x14ac:dyDescent="0.25">
      <c r="A540" s="4" t="s">
        <v>1569</v>
      </c>
      <c r="B540" s="1" t="s">
        <v>3153</v>
      </c>
      <c r="C540" s="5" t="s">
        <v>4386</v>
      </c>
      <c r="D540" s="1" t="s">
        <v>1569</v>
      </c>
      <c r="E540" s="5" t="s">
        <v>14353</v>
      </c>
      <c r="F540" s="6">
        <v>3017</v>
      </c>
    </row>
    <row r="541" spans="1:6" x14ac:dyDescent="0.25">
      <c r="A541" s="4" t="s">
        <v>1390</v>
      </c>
      <c r="B541" s="1" t="s">
        <v>3152</v>
      </c>
      <c r="C541" s="5" t="s">
        <v>3849</v>
      </c>
      <c r="D541" s="1" t="s">
        <v>9040</v>
      </c>
      <c r="E541" s="5" t="s">
        <v>14112</v>
      </c>
      <c r="F541" s="6">
        <v>2769</v>
      </c>
    </row>
    <row r="542" spans="1:6" x14ac:dyDescent="0.25">
      <c r="A542" s="4" t="s">
        <v>2122</v>
      </c>
      <c r="B542" s="1" t="s">
        <v>3166</v>
      </c>
      <c r="C542" s="5" t="s">
        <v>5826</v>
      </c>
      <c r="D542" s="1" t="s">
        <v>9353</v>
      </c>
      <c r="E542" s="5" t="s">
        <v>15067</v>
      </c>
      <c r="F542" s="6">
        <v>3795</v>
      </c>
    </row>
    <row r="543" spans="1:6" x14ac:dyDescent="0.25">
      <c r="A543" s="4" t="s">
        <v>715</v>
      </c>
      <c r="B543" s="1" t="s">
        <v>3160</v>
      </c>
      <c r="C543" s="5" t="s">
        <v>4426</v>
      </c>
      <c r="D543" s="1" t="s">
        <v>715</v>
      </c>
      <c r="E543" s="5" t="s">
        <v>13184</v>
      </c>
      <c r="F543" s="6">
        <v>1817</v>
      </c>
    </row>
    <row r="544" spans="1:6" x14ac:dyDescent="0.25">
      <c r="A544" s="4" t="s">
        <v>715</v>
      </c>
      <c r="B544" s="1" t="s">
        <v>3160</v>
      </c>
      <c r="C544" s="5" t="s">
        <v>4426</v>
      </c>
      <c r="D544" s="1" t="s">
        <v>10967</v>
      </c>
      <c r="E544" s="5" t="s">
        <v>17269</v>
      </c>
      <c r="F544" s="6">
        <v>8368</v>
      </c>
    </row>
    <row r="545" spans="1:6" x14ac:dyDescent="0.25">
      <c r="A545" s="4" t="s">
        <v>1689</v>
      </c>
      <c r="B545" s="1" t="s">
        <v>3152</v>
      </c>
      <c r="C545" s="5" t="s">
        <v>5477</v>
      </c>
      <c r="D545" s="1" t="s">
        <v>1689</v>
      </c>
      <c r="E545" s="5" t="s">
        <v>14482</v>
      </c>
      <c r="F545" s="6">
        <v>3167</v>
      </c>
    </row>
    <row r="546" spans="1:6" x14ac:dyDescent="0.25">
      <c r="A546" s="4" t="s">
        <v>2734</v>
      </c>
      <c r="B546" s="1" t="s">
        <v>3146</v>
      </c>
      <c r="C546" s="5" t="s">
        <v>6676</v>
      </c>
      <c r="D546" s="1" t="s">
        <v>10507</v>
      </c>
      <c r="E546" s="5" t="s">
        <v>16676</v>
      </c>
      <c r="F546" s="6">
        <v>6544</v>
      </c>
    </row>
    <row r="547" spans="1:6" x14ac:dyDescent="0.25">
      <c r="A547" s="4" t="s">
        <v>1039</v>
      </c>
      <c r="B547" s="1" t="s">
        <v>812</v>
      </c>
      <c r="C547" s="5" t="s">
        <v>4782</v>
      </c>
      <c r="D547" s="1" t="s">
        <v>1039</v>
      </c>
      <c r="E547" s="5" t="s">
        <v>13606</v>
      </c>
      <c r="F547" s="6">
        <v>2248</v>
      </c>
    </row>
    <row r="548" spans="1:6" x14ac:dyDescent="0.25">
      <c r="A548" s="4" t="s">
        <v>2276</v>
      </c>
      <c r="B548" s="1" t="s">
        <v>3158</v>
      </c>
      <c r="C548" s="5" t="s">
        <v>6019</v>
      </c>
      <c r="D548" s="1" t="s">
        <v>2276</v>
      </c>
      <c r="E548" s="5" t="s">
        <v>15419</v>
      </c>
      <c r="F548" s="6">
        <v>4157</v>
      </c>
    </row>
    <row r="549" spans="1:6" x14ac:dyDescent="0.25">
      <c r="A549" s="4" t="s">
        <v>950</v>
      </c>
      <c r="B549" s="1" t="s">
        <v>3158</v>
      </c>
      <c r="C549" s="5" t="s">
        <v>4698</v>
      </c>
      <c r="D549" s="1" t="s">
        <v>8791</v>
      </c>
      <c r="E549" s="5" t="s">
        <v>13516</v>
      </c>
      <c r="F549" s="6">
        <v>2154</v>
      </c>
    </row>
    <row r="550" spans="1:6" x14ac:dyDescent="0.25">
      <c r="A550" s="4" t="s">
        <v>950</v>
      </c>
      <c r="B550" s="1" t="s">
        <v>3158</v>
      </c>
      <c r="C550" s="5" t="s">
        <v>7264</v>
      </c>
      <c r="D550" s="1" t="s">
        <v>11484</v>
      </c>
      <c r="E550" s="5" t="s">
        <v>17940</v>
      </c>
      <c r="F550" s="6">
        <v>9571</v>
      </c>
    </row>
    <row r="551" spans="1:6" x14ac:dyDescent="0.25">
      <c r="A551" s="4" t="s">
        <v>2070</v>
      </c>
      <c r="B551" s="1" t="s">
        <v>3154</v>
      </c>
      <c r="C551" s="5" t="s">
        <v>4125</v>
      </c>
      <c r="D551" s="1" t="s">
        <v>2070</v>
      </c>
      <c r="E551" s="5" t="s">
        <v>14919</v>
      </c>
      <c r="F551" s="6">
        <v>3640</v>
      </c>
    </row>
    <row r="552" spans="1:6" x14ac:dyDescent="0.25">
      <c r="A552" s="4" t="s">
        <v>1435</v>
      </c>
      <c r="B552" s="1" t="s">
        <v>3159</v>
      </c>
      <c r="C552" s="5" t="s">
        <v>5248</v>
      </c>
      <c r="D552" s="1" t="s">
        <v>1435</v>
      </c>
      <c r="E552" s="5" t="s">
        <v>14195</v>
      </c>
      <c r="F552" s="6">
        <v>2854</v>
      </c>
    </row>
    <row r="553" spans="1:6" x14ac:dyDescent="0.25">
      <c r="A553" s="4" t="s">
        <v>2928</v>
      </c>
      <c r="B553" s="1" t="s">
        <v>3156</v>
      </c>
      <c r="C553" s="5">
        <v>328021</v>
      </c>
      <c r="D553" s="1" t="s">
        <v>2928</v>
      </c>
      <c r="E553" s="5" t="s">
        <v>17292</v>
      </c>
      <c r="F553" s="6">
        <v>8559</v>
      </c>
    </row>
    <row r="554" spans="1:6" x14ac:dyDescent="0.25">
      <c r="A554" s="4" t="s">
        <v>1262</v>
      </c>
      <c r="B554" s="1" t="s">
        <v>3163</v>
      </c>
      <c r="C554" s="5" t="s">
        <v>5037</v>
      </c>
      <c r="D554" s="1" t="s">
        <v>1262</v>
      </c>
      <c r="E554" s="5" t="s">
        <v>13907</v>
      </c>
      <c r="F554" s="6">
        <v>2558</v>
      </c>
    </row>
    <row r="555" spans="1:6" x14ac:dyDescent="0.25">
      <c r="A555" s="4" t="s">
        <v>1691</v>
      </c>
      <c r="B555" s="1" t="s">
        <v>3152</v>
      </c>
      <c r="C555" s="5" t="s">
        <v>5479</v>
      </c>
      <c r="D555" s="1" t="s">
        <v>1691</v>
      </c>
      <c r="E555" s="5" t="s">
        <v>14484</v>
      </c>
      <c r="F555" s="6">
        <v>3169</v>
      </c>
    </row>
    <row r="556" spans="1:6" x14ac:dyDescent="0.25">
      <c r="A556" s="4" t="s">
        <v>807</v>
      </c>
      <c r="B556" s="1" t="s">
        <v>3160</v>
      </c>
      <c r="C556" s="5" t="s">
        <v>4536</v>
      </c>
      <c r="D556" s="1" t="s">
        <v>807</v>
      </c>
      <c r="E556" s="5" t="s">
        <v>13319</v>
      </c>
      <c r="F556" s="6">
        <v>1952</v>
      </c>
    </row>
    <row r="557" spans="1:6" x14ac:dyDescent="0.25">
      <c r="A557" s="4" t="s">
        <v>807</v>
      </c>
      <c r="B557" s="1" t="s">
        <v>3160</v>
      </c>
      <c r="C557" s="5" t="s">
        <v>4536</v>
      </c>
      <c r="D557" s="1" t="s">
        <v>10019</v>
      </c>
      <c r="E557" s="5" t="s">
        <v>15996</v>
      </c>
      <c r="F557" s="6">
        <v>4926</v>
      </c>
    </row>
    <row r="558" spans="1:6" x14ac:dyDescent="0.25">
      <c r="A558" s="4" t="s">
        <v>1785</v>
      </c>
      <c r="B558" s="1" t="s">
        <v>3152</v>
      </c>
      <c r="C558" s="5" t="s">
        <v>5565</v>
      </c>
      <c r="D558" s="1" t="s">
        <v>1785</v>
      </c>
      <c r="E558" s="5" t="s">
        <v>14604</v>
      </c>
      <c r="F558" s="6">
        <v>3299</v>
      </c>
    </row>
    <row r="559" spans="1:6" x14ac:dyDescent="0.25">
      <c r="A559" s="4" t="s">
        <v>2182</v>
      </c>
      <c r="B559" s="1" t="s">
        <v>3154</v>
      </c>
      <c r="C559" s="5" t="s">
        <v>3473</v>
      </c>
      <c r="D559" s="1" t="s">
        <v>2182</v>
      </c>
      <c r="E559" s="5" t="s">
        <v>15200</v>
      </c>
      <c r="F559" s="6">
        <v>3934</v>
      </c>
    </row>
    <row r="560" spans="1:6" x14ac:dyDescent="0.25">
      <c r="A560" s="4" t="s">
        <v>2549</v>
      </c>
      <c r="B560" s="1" t="s">
        <v>3165</v>
      </c>
      <c r="C560" s="5" t="s">
        <v>6454</v>
      </c>
      <c r="D560" s="1" t="s">
        <v>2549</v>
      </c>
      <c r="E560" s="5" t="s">
        <v>16251</v>
      </c>
      <c r="F560" s="6">
        <v>5491</v>
      </c>
    </row>
    <row r="561" spans="1:6" x14ac:dyDescent="0.25">
      <c r="A561" s="4" t="s">
        <v>733</v>
      </c>
      <c r="B561" s="1" t="s">
        <v>3156</v>
      </c>
      <c r="C561" s="5" t="s">
        <v>4444</v>
      </c>
      <c r="D561" s="1" t="s">
        <v>733</v>
      </c>
      <c r="E561" s="5" t="s">
        <v>13207</v>
      </c>
      <c r="F561" s="6">
        <v>1840</v>
      </c>
    </row>
    <row r="562" spans="1:6" x14ac:dyDescent="0.25">
      <c r="A562" s="4" t="s">
        <v>733</v>
      </c>
      <c r="B562" s="1" t="s">
        <v>3156</v>
      </c>
      <c r="C562" s="5" t="s">
        <v>6767</v>
      </c>
      <c r="D562" s="1" t="s">
        <v>10629</v>
      </c>
      <c r="E562" s="5" t="s">
        <v>16839</v>
      </c>
      <c r="F562" s="6">
        <v>7075</v>
      </c>
    </row>
    <row r="563" spans="1:6" x14ac:dyDescent="0.25">
      <c r="A563" s="4" t="s">
        <v>733</v>
      </c>
      <c r="B563" s="1" t="s">
        <v>3156</v>
      </c>
      <c r="C563" s="5" t="s">
        <v>4444</v>
      </c>
      <c r="D563" s="1" t="s">
        <v>11028</v>
      </c>
      <c r="E563" s="5" t="s">
        <v>17352</v>
      </c>
      <c r="F563" s="6">
        <v>8865</v>
      </c>
    </row>
    <row r="564" spans="1:6" x14ac:dyDescent="0.25">
      <c r="A564" s="4" t="s">
        <v>207</v>
      </c>
      <c r="B564" s="1" t="s">
        <v>3152</v>
      </c>
      <c r="C564" s="5" t="s">
        <v>3565</v>
      </c>
      <c r="D564" s="1" t="s">
        <v>7705</v>
      </c>
      <c r="E564" s="5" t="s">
        <v>11999</v>
      </c>
      <c r="F564" s="6">
        <v>432</v>
      </c>
    </row>
    <row r="565" spans="1:6" x14ac:dyDescent="0.25">
      <c r="A565" s="4" t="s">
        <v>2701</v>
      </c>
      <c r="B565" s="1" t="s">
        <v>3165</v>
      </c>
      <c r="C565" s="5">
        <v>173205</v>
      </c>
      <c r="D565" s="1" t="s">
        <v>10435</v>
      </c>
      <c r="E565" s="5" t="s">
        <v>16584</v>
      </c>
      <c r="F565" s="6">
        <v>6296</v>
      </c>
    </row>
    <row r="566" spans="1:6" x14ac:dyDescent="0.25">
      <c r="A566" s="4" t="s">
        <v>624</v>
      </c>
      <c r="B566" s="1" t="s">
        <v>3164</v>
      </c>
      <c r="C566" s="5" t="s">
        <v>4302</v>
      </c>
      <c r="D566" s="1" t="s">
        <v>8535</v>
      </c>
      <c r="E566" s="5" t="s">
        <v>13017</v>
      </c>
      <c r="F566" s="6">
        <v>1644</v>
      </c>
    </row>
    <row r="567" spans="1:6" x14ac:dyDescent="0.25">
      <c r="A567" s="4" t="s">
        <v>624</v>
      </c>
      <c r="B567" s="1" t="s">
        <v>3164</v>
      </c>
      <c r="C567" s="5" t="s">
        <v>4964</v>
      </c>
      <c r="D567" s="1" t="s">
        <v>8891</v>
      </c>
      <c r="E567" s="5" t="s">
        <v>13816</v>
      </c>
      <c r="F567" s="6">
        <v>2466</v>
      </c>
    </row>
    <row r="568" spans="1:6" x14ac:dyDescent="0.25">
      <c r="A568" s="4" t="s">
        <v>704</v>
      </c>
      <c r="B568" s="1" t="s">
        <v>3144</v>
      </c>
      <c r="C568" s="5" t="s">
        <v>4414</v>
      </c>
      <c r="D568" s="1" t="s">
        <v>704</v>
      </c>
      <c r="E568" s="5" t="s">
        <v>13169</v>
      </c>
      <c r="F568" s="6">
        <v>1802</v>
      </c>
    </row>
    <row r="569" spans="1:6" x14ac:dyDescent="0.25">
      <c r="A569" s="4" t="s">
        <v>2918</v>
      </c>
      <c r="B569" s="1" t="s">
        <v>3148</v>
      </c>
      <c r="C569" s="5" t="s">
        <v>3584</v>
      </c>
      <c r="D569" s="1" t="s">
        <v>10962</v>
      </c>
      <c r="E569" s="5" t="s">
        <v>17262</v>
      </c>
      <c r="F569" s="6">
        <v>8348</v>
      </c>
    </row>
    <row r="570" spans="1:6" x14ac:dyDescent="0.25">
      <c r="A570" s="4" t="s">
        <v>906</v>
      </c>
      <c r="B570" s="1" t="s">
        <v>3153</v>
      </c>
      <c r="C570" s="5" t="s">
        <v>4654</v>
      </c>
      <c r="D570" s="1" t="s">
        <v>906</v>
      </c>
      <c r="E570" s="5" t="s">
        <v>13472</v>
      </c>
      <c r="F570" s="6">
        <v>2109</v>
      </c>
    </row>
    <row r="571" spans="1:6" x14ac:dyDescent="0.25">
      <c r="A571" s="4" t="s">
        <v>969</v>
      </c>
      <c r="B571" s="1" t="s">
        <v>3154</v>
      </c>
      <c r="C571" s="5" t="s">
        <v>4716</v>
      </c>
      <c r="D571" s="1" t="s">
        <v>8795</v>
      </c>
      <c r="E571" s="5" t="s">
        <v>13536</v>
      </c>
      <c r="F571" s="6">
        <v>2175</v>
      </c>
    </row>
    <row r="572" spans="1:6" x14ac:dyDescent="0.25">
      <c r="A572" s="4" t="s">
        <v>665</v>
      </c>
      <c r="B572" s="1" t="s">
        <v>3154</v>
      </c>
      <c r="C572" s="5" t="s">
        <v>4362</v>
      </c>
      <c r="D572" s="1" t="s">
        <v>8589</v>
      </c>
      <c r="E572" s="5" t="s">
        <v>13102</v>
      </c>
      <c r="F572" s="6">
        <v>1735</v>
      </c>
    </row>
    <row r="573" spans="1:6" x14ac:dyDescent="0.25">
      <c r="A573" s="4" t="s">
        <v>2221</v>
      </c>
      <c r="B573" s="1" t="s">
        <v>3153</v>
      </c>
      <c r="C573" s="5" t="s">
        <v>5943</v>
      </c>
      <c r="D573" s="1" t="s">
        <v>2221</v>
      </c>
      <c r="E573" s="5" t="s">
        <v>15305</v>
      </c>
      <c r="F573" s="6">
        <v>4042</v>
      </c>
    </row>
    <row r="574" spans="1:6" x14ac:dyDescent="0.25">
      <c r="A574" s="4" t="s">
        <v>895</v>
      </c>
      <c r="B574" s="1" t="s">
        <v>3149</v>
      </c>
      <c r="C574" s="5" t="s">
        <v>4643</v>
      </c>
      <c r="D574" s="1" t="s">
        <v>895</v>
      </c>
      <c r="E574" s="5" t="s">
        <v>13461</v>
      </c>
      <c r="F574" s="6">
        <v>2098</v>
      </c>
    </row>
    <row r="575" spans="1:6" x14ac:dyDescent="0.25">
      <c r="A575" s="4" t="s">
        <v>2326</v>
      </c>
      <c r="B575" s="1" t="s">
        <v>3158</v>
      </c>
      <c r="C575" s="5" t="s">
        <v>6101</v>
      </c>
      <c r="D575" s="1" t="s">
        <v>2326</v>
      </c>
      <c r="E575" s="5" t="s">
        <v>15546</v>
      </c>
      <c r="F575" s="6">
        <v>4287</v>
      </c>
    </row>
    <row r="576" spans="1:6" x14ac:dyDescent="0.25">
      <c r="A576" s="4" t="s">
        <v>1901</v>
      </c>
      <c r="B576" s="1" t="s">
        <v>3154</v>
      </c>
      <c r="C576" s="5" t="s">
        <v>3663</v>
      </c>
      <c r="D576" s="1" t="s">
        <v>1901</v>
      </c>
      <c r="E576" s="5" t="s">
        <v>14734</v>
      </c>
      <c r="F576" s="6">
        <v>3444</v>
      </c>
    </row>
    <row r="577" spans="1:6" x14ac:dyDescent="0.25">
      <c r="A577" s="4" t="s">
        <v>3105</v>
      </c>
      <c r="B577" s="1" t="s">
        <v>3144</v>
      </c>
      <c r="C577" s="5" t="s">
        <v>5388</v>
      </c>
      <c r="D577" s="1" t="s">
        <v>3105</v>
      </c>
      <c r="E577" s="5" t="s">
        <v>17942</v>
      </c>
      <c r="F577" s="6">
        <v>9573</v>
      </c>
    </row>
    <row r="578" spans="1:6" x14ac:dyDescent="0.25">
      <c r="A578" s="4" t="s">
        <v>2270</v>
      </c>
      <c r="B578" s="1" t="s">
        <v>3161</v>
      </c>
      <c r="C578" s="5" t="s">
        <v>6009</v>
      </c>
      <c r="D578" s="1" t="s">
        <v>2270</v>
      </c>
      <c r="E578" s="5" t="s">
        <v>15406</v>
      </c>
      <c r="F578" s="6">
        <v>4143</v>
      </c>
    </row>
    <row r="579" spans="1:6" x14ac:dyDescent="0.25">
      <c r="A579" s="4" t="s">
        <v>2072</v>
      </c>
      <c r="B579" s="1" t="s">
        <v>3156</v>
      </c>
      <c r="C579" s="5">
        <v>342012</v>
      </c>
      <c r="D579" s="1" t="s">
        <v>9256</v>
      </c>
      <c r="E579" s="5" t="s">
        <v>14930</v>
      </c>
      <c r="F579" s="6">
        <v>3652</v>
      </c>
    </row>
    <row r="580" spans="1:6" x14ac:dyDescent="0.25">
      <c r="A580" s="4" t="s">
        <v>763</v>
      </c>
      <c r="B580" s="1" t="s">
        <v>3158</v>
      </c>
      <c r="C580" s="5" t="s">
        <v>4484</v>
      </c>
      <c r="D580" s="1" t="s">
        <v>763</v>
      </c>
      <c r="E580" s="5" t="s">
        <v>13255</v>
      </c>
      <c r="F580" s="6">
        <v>1888</v>
      </c>
    </row>
    <row r="581" spans="1:6" x14ac:dyDescent="0.25">
      <c r="A581" s="4" t="s">
        <v>763</v>
      </c>
      <c r="B581" s="1" t="s">
        <v>3158</v>
      </c>
      <c r="C581" s="5" t="s">
        <v>6256</v>
      </c>
      <c r="D581" s="1" t="s">
        <v>9892</v>
      </c>
      <c r="E581" s="5" t="s">
        <v>15828</v>
      </c>
      <c r="F581" s="6">
        <v>4739</v>
      </c>
    </row>
    <row r="582" spans="1:6" x14ac:dyDescent="0.25">
      <c r="A582" s="4" t="s">
        <v>763</v>
      </c>
      <c r="B582" s="1" t="s">
        <v>3158</v>
      </c>
      <c r="C582" s="5">
        <v>272001</v>
      </c>
      <c r="D582" s="1" t="s">
        <v>10155</v>
      </c>
      <c r="E582" s="5" t="s">
        <v>16165</v>
      </c>
      <c r="F582" s="6">
        <v>5283</v>
      </c>
    </row>
    <row r="583" spans="1:6" x14ac:dyDescent="0.25">
      <c r="A583" s="4" t="s">
        <v>763</v>
      </c>
      <c r="B583" s="1" t="s">
        <v>3158</v>
      </c>
      <c r="C583" s="5" t="s">
        <v>5781</v>
      </c>
      <c r="D583" s="1" t="s">
        <v>11503</v>
      </c>
      <c r="E583" s="5" t="s">
        <v>17966</v>
      </c>
      <c r="F583" s="6">
        <v>9598</v>
      </c>
    </row>
    <row r="584" spans="1:6" x14ac:dyDescent="0.25">
      <c r="A584" s="4" t="s">
        <v>255</v>
      </c>
      <c r="B584" s="1" t="s">
        <v>3152</v>
      </c>
      <c r="C584" s="5" t="s">
        <v>3692</v>
      </c>
      <c r="D584" s="1" t="s">
        <v>7862</v>
      </c>
      <c r="E584" s="5" t="s">
        <v>12167</v>
      </c>
      <c r="F584" s="6">
        <v>641</v>
      </c>
    </row>
    <row r="585" spans="1:6" x14ac:dyDescent="0.25">
      <c r="A585" s="4" t="s">
        <v>255</v>
      </c>
      <c r="B585" s="1" t="s">
        <v>3152</v>
      </c>
      <c r="C585" s="5" t="s">
        <v>3692</v>
      </c>
      <c r="D585" s="1" t="s">
        <v>9002</v>
      </c>
      <c r="E585" s="5" t="s">
        <v>14041</v>
      </c>
      <c r="F585" s="6">
        <v>2695</v>
      </c>
    </row>
    <row r="586" spans="1:6" x14ac:dyDescent="0.25">
      <c r="A586" s="4" t="s">
        <v>255</v>
      </c>
      <c r="B586" s="1" t="s">
        <v>3152</v>
      </c>
      <c r="C586" s="5" t="s">
        <v>6761</v>
      </c>
      <c r="D586" s="1" t="s">
        <v>10619</v>
      </c>
      <c r="E586" s="5" t="s">
        <v>16826</v>
      </c>
      <c r="F586" s="6">
        <v>7045</v>
      </c>
    </row>
    <row r="587" spans="1:6" x14ac:dyDescent="0.25">
      <c r="A587" s="4" t="s">
        <v>255</v>
      </c>
      <c r="B587" s="1" t="s">
        <v>3152</v>
      </c>
      <c r="C587" s="5" t="s">
        <v>6762</v>
      </c>
      <c r="D587" s="1" t="s">
        <v>10620</v>
      </c>
      <c r="E587" s="5" t="s">
        <v>16827</v>
      </c>
      <c r="F587" s="6">
        <v>7046</v>
      </c>
    </row>
    <row r="588" spans="1:6" x14ac:dyDescent="0.25">
      <c r="A588" s="4" t="s">
        <v>100</v>
      </c>
      <c r="B588" s="1" t="s">
        <v>3152</v>
      </c>
      <c r="C588" s="5" t="s">
        <v>3358</v>
      </c>
      <c r="D588" s="1" t="s">
        <v>7483</v>
      </c>
      <c r="E588" s="5" t="s">
        <v>11766</v>
      </c>
      <c r="F588" s="6">
        <v>187</v>
      </c>
    </row>
    <row r="589" spans="1:6" x14ac:dyDescent="0.25">
      <c r="A589" s="4" t="s">
        <v>100</v>
      </c>
      <c r="B589" s="1" t="s">
        <v>3152</v>
      </c>
      <c r="C589" s="5" t="s">
        <v>3358</v>
      </c>
      <c r="D589" s="1" t="s">
        <v>8330</v>
      </c>
      <c r="E589" s="5" t="s">
        <v>12749</v>
      </c>
      <c r="F589" s="6">
        <v>1346</v>
      </c>
    </row>
    <row r="590" spans="1:6" x14ac:dyDescent="0.25">
      <c r="A590" s="4" t="s">
        <v>100</v>
      </c>
      <c r="B590" s="1" t="s">
        <v>3152</v>
      </c>
      <c r="C590" s="5" t="s">
        <v>5198</v>
      </c>
      <c r="D590" s="1" t="s">
        <v>9050</v>
      </c>
      <c r="E590" s="5" t="s">
        <v>14125</v>
      </c>
      <c r="F590" s="6">
        <v>2782</v>
      </c>
    </row>
    <row r="591" spans="1:6" x14ac:dyDescent="0.25">
      <c r="A591" s="4" t="s">
        <v>100</v>
      </c>
      <c r="B591" s="1" t="s">
        <v>3152</v>
      </c>
      <c r="C591" s="5" t="s">
        <v>5635</v>
      </c>
      <c r="D591" s="1" t="s">
        <v>9444</v>
      </c>
      <c r="E591" s="5" t="s">
        <v>15209</v>
      </c>
      <c r="F591" s="6">
        <v>3943</v>
      </c>
    </row>
    <row r="592" spans="1:6" x14ac:dyDescent="0.25">
      <c r="A592" s="4" t="s">
        <v>100</v>
      </c>
      <c r="B592" s="1" t="s">
        <v>3152</v>
      </c>
      <c r="C592" s="5" t="s">
        <v>3358</v>
      </c>
      <c r="D592" s="1" t="s">
        <v>9969</v>
      </c>
      <c r="E592" s="5" t="s">
        <v>15926</v>
      </c>
      <c r="F592" s="6">
        <v>4844</v>
      </c>
    </row>
    <row r="593" spans="1:6" x14ac:dyDescent="0.25">
      <c r="A593" s="4" t="s">
        <v>100</v>
      </c>
      <c r="B593" s="1" t="s">
        <v>3152</v>
      </c>
      <c r="C593" s="5" t="s">
        <v>3358</v>
      </c>
      <c r="D593" s="1" t="s">
        <v>10846</v>
      </c>
      <c r="E593" s="5" t="s">
        <v>17123</v>
      </c>
      <c r="F593" s="6">
        <v>7971</v>
      </c>
    </row>
    <row r="594" spans="1:6" x14ac:dyDescent="0.25">
      <c r="A594" s="4" t="s">
        <v>100</v>
      </c>
      <c r="B594" s="1" t="s">
        <v>3152</v>
      </c>
      <c r="C594" s="5" t="s">
        <v>3358</v>
      </c>
      <c r="D594" s="1" t="s">
        <v>11422</v>
      </c>
      <c r="E594" s="5" t="s">
        <v>17855</v>
      </c>
      <c r="F594" s="6">
        <v>9483</v>
      </c>
    </row>
    <row r="595" spans="1:6" x14ac:dyDescent="0.25">
      <c r="A595" s="4" t="s">
        <v>1085</v>
      </c>
      <c r="B595" s="1" t="s">
        <v>3146</v>
      </c>
      <c r="C595" s="5" t="s">
        <v>4828</v>
      </c>
      <c r="D595" s="1" t="s">
        <v>1085</v>
      </c>
      <c r="E595" s="5" t="s">
        <v>13655</v>
      </c>
      <c r="F595" s="6">
        <v>2301</v>
      </c>
    </row>
    <row r="596" spans="1:6" x14ac:dyDescent="0.25">
      <c r="A596" s="4" t="s">
        <v>2361</v>
      </c>
      <c r="B596" s="1" t="s">
        <v>3160</v>
      </c>
      <c r="C596" s="5" t="s">
        <v>6156</v>
      </c>
      <c r="D596" s="1" t="s">
        <v>2361</v>
      </c>
      <c r="E596" s="5" t="s">
        <v>15635</v>
      </c>
      <c r="F596" s="6">
        <v>4377</v>
      </c>
    </row>
    <row r="597" spans="1:6" x14ac:dyDescent="0.25">
      <c r="A597" s="4" t="s">
        <v>2591</v>
      </c>
      <c r="B597" s="1" t="s">
        <v>3149</v>
      </c>
      <c r="C597" s="5" t="s">
        <v>3410</v>
      </c>
      <c r="D597" s="1" t="s">
        <v>10261</v>
      </c>
      <c r="E597" s="5" t="s">
        <v>16321</v>
      </c>
      <c r="F597" s="6">
        <v>5640</v>
      </c>
    </row>
    <row r="598" spans="1:6" x14ac:dyDescent="0.25">
      <c r="A598" s="4" t="s">
        <v>403</v>
      </c>
      <c r="B598" s="1" t="s">
        <v>3147</v>
      </c>
      <c r="C598" s="5" t="s">
        <v>3920</v>
      </c>
      <c r="D598" s="1" t="s">
        <v>403</v>
      </c>
      <c r="E598" s="5" t="s">
        <v>12440</v>
      </c>
      <c r="F598" s="6">
        <v>956</v>
      </c>
    </row>
    <row r="599" spans="1:6" x14ac:dyDescent="0.25">
      <c r="A599" s="4" t="s">
        <v>1143</v>
      </c>
      <c r="B599" s="1" t="s">
        <v>3154</v>
      </c>
      <c r="C599" s="5" t="s">
        <v>4884</v>
      </c>
      <c r="D599" s="1" t="s">
        <v>1143</v>
      </c>
      <c r="E599" s="5" t="s">
        <v>13717</v>
      </c>
      <c r="F599" s="6">
        <v>2364</v>
      </c>
    </row>
    <row r="600" spans="1:6" x14ac:dyDescent="0.25">
      <c r="A600" s="4" t="s">
        <v>2242</v>
      </c>
      <c r="B600" s="1" t="s">
        <v>3154</v>
      </c>
      <c r="C600" s="5" t="s">
        <v>5972</v>
      </c>
      <c r="D600" s="1" t="s">
        <v>2242</v>
      </c>
      <c r="E600" s="5" t="s">
        <v>15344</v>
      </c>
      <c r="F600" s="6">
        <v>4081</v>
      </c>
    </row>
    <row r="601" spans="1:6" x14ac:dyDescent="0.25">
      <c r="A601" s="4" t="s">
        <v>3115</v>
      </c>
      <c r="B601" s="1" t="s">
        <v>3156</v>
      </c>
      <c r="C601" s="5" t="s">
        <v>7280</v>
      </c>
      <c r="D601" s="1" t="s">
        <v>3115</v>
      </c>
      <c r="E601" s="5" t="s">
        <v>17971</v>
      </c>
      <c r="F601" s="6">
        <v>9603</v>
      </c>
    </row>
    <row r="602" spans="1:6" x14ac:dyDescent="0.25">
      <c r="A602" s="4" t="s">
        <v>2411</v>
      </c>
      <c r="B602" s="1" t="s">
        <v>3162</v>
      </c>
      <c r="C602" s="5" t="s">
        <v>6248</v>
      </c>
      <c r="D602" s="1" t="s">
        <v>2411</v>
      </c>
      <c r="E602" s="5" t="s">
        <v>15810</v>
      </c>
      <c r="F602" s="6">
        <v>4720</v>
      </c>
    </row>
    <row r="603" spans="1:6" x14ac:dyDescent="0.25">
      <c r="A603" s="4" t="s">
        <v>720</v>
      </c>
      <c r="B603" s="1" t="s">
        <v>3152</v>
      </c>
      <c r="C603" s="5" t="s">
        <v>4430</v>
      </c>
      <c r="D603" s="1" t="s">
        <v>720</v>
      </c>
      <c r="E603" s="5" t="s">
        <v>13190</v>
      </c>
      <c r="F603" s="6">
        <v>1823</v>
      </c>
    </row>
    <row r="604" spans="1:6" x14ac:dyDescent="0.25">
      <c r="A604" s="4" t="s">
        <v>720</v>
      </c>
      <c r="B604" s="1" t="s">
        <v>3152</v>
      </c>
      <c r="C604" s="5" t="s">
        <v>5122</v>
      </c>
      <c r="D604" s="1" t="s">
        <v>8987</v>
      </c>
      <c r="E604" s="5" t="s">
        <v>14014</v>
      </c>
      <c r="F604" s="6">
        <v>2668</v>
      </c>
    </row>
    <row r="605" spans="1:6" x14ac:dyDescent="0.25">
      <c r="A605" s="4" t="s">
        <v>440</v>
      </c>
      <c r="B605" s="1" t="s">
        <v>3156</v>
      </c>
      <c r="C605" s="5" t="s">
        <v>3987</v>
      </c>
      <c r="D605" s="1" t="s">
        <v>440</v>
      </c>
      <c r="E605" s="5" t="s">
        <v>12529</v>
      </c>
      <c r="F605" s="6">
        <v>1054</v>
      </c>
    </row>
    <row r="606" spans="1:6" x14ac:dyDescent="0.25">
      <c r="A606" s="4" t="s">
        <v>440</v>
      </c>
      <c r="B606" s="1" t="s">
        <v>3156</v>
      </c>
      <c r="C606" s="5" t="s">
        <v>3987</v>
      </c>
      <c r="D606" s="1" t="s">
        <v>10342</v>
      </c>
      <c r="E606" s="5" t="s">
        <v>16453</v>
      </c>
      <c r="F606" s="6">
        <v>5946</v>
      </c>
    </row>
    <row r="607" spans="1:6" x14ac:dyDescent="0.25">
      <c r="A607" s="4" t="s">
        <v>440</v>
      </c>
      <c r="B607" s="1" t="s">
        <v>3156</v>
      </c>
      <c r="C607" s="5" t="s">
        <v>3987</v>
      </c>
      <c r="D607" s="1" t="s">
        <v>10524</v>
      </c>
      <c r="E607" s="5" t="s">
        <v>16696</v>
      </c>
      <c r="F607" s="6">
        <v>6610</v>
      </c>
    </row>
    <row r="608" spans="1:6" x14ac:dyDescent="0.25">
      <c r="A608" s="4" t="s">
        <v>1955</v>
      </c>
      <c r="B608" s="1" t="s">
        <v>3144</v>
      </c>
      <c r="C608" s="5" t="s">
        <v>4410</v>
      </c>
      <c r="D608" s="1" t="s">
        <v>1955</v>
      </c>
      <c r="E608" s="5" t="s">
        <v>14790</v>
      </c>
      <c r="F608" s="6">
        <v>3501</v>
      </c>
    </row>
    <row r="609" spans="1:6" x14ac:dyDescent="0.25">
      <c r="A609" s="4" t="s">
        <v>2317</v>
      </c>
      <c r="B609" s="1" t="s">
        <v>3147</v>
      </c>
      <c r="C609" s="5" t="s">
        <v>6086</v>
      </c>
      <c r="D609" s="1" t="s">
        <v>9649</v>
      </c>
      <c r="E609" s="5" t="s">
        <v>15520</v>
      </c>
      <c r="F609" s="6">
        <v>4258</v>
      </c>
    </row>
    <row r="610" spans="1:6" x14ac:dyDescent="0.25">
      <c r="A610" s="4" t="s">
        <v>2317</v>
      </c>
      <c r="B610" s="1" t="s">
        <v>3147</v>
      </c>
      <c r="C610" s="5" t="s">
        <v>7134</v>
      </c>
      <c r="D610" s="1" t="s">
        <v>11244</v>
      </c>
      <c r="E610" s="5" t="s">
        <v>17643</v>
      </c>
      <c r="F610" s="6">
        <v>9261</v>
      </c>
    </row>
    <row r="611" spans="1:6" x14ac:dyDescent="0.25">
      <c r="A611" s="4" t="s">
        <v>2188</v>
      </c>
      <c r="B611" s="1" t="s">
        <v>3147</v>
      </c>
      <c r="C611" s="5" t="s">
        <v>4336</v>
      </c>
      <c r="D611" s="1" t="s">
        <v>9462</v>
      </c>
      <c r="E611" s="5" t="s">
        <v>15229</v>
      </c>
      <c r="F611" s="6">
        <v>3963</v>
      </c>
    </row>
    <row r="612" spans="1:6" x14ac:dyDescent="0.25">
      <c r="A612" s="4" t="s">
        <v>2542</v>
      </c>
      <c r="B612" s="1" t="s">
        <v>3151</v>
      </c>
      <c r="C612" s="5" t="s">
        <v>6447</v>
      </c>
      <c r="D612" s="1" t="s">
        <v>2542</v>
      </c>
      <c r="E612" s="5" t="s">
        <v>16235</v>
      </c>
      <c r="F612" s="6">
        <v>5457</v>
      </c>
    </row>
    <row r="613" spans="1:6" x14ac:dyDescent="0.25">
      <c r="A613" s="4" t="s">
        <v>2506</v>
      </c>
      <c r="B613" s="1" t="s">
        <v>3153</v>
      </c>
      <c r="C613" s="5" t="s">
        <v>6380</v>
      </c>
      <c r="D613" s="1" t="s">
        <v>10100</v>
      </c>
      <c r="E613" s="5" t="s">
        <v>16099</v>
      </c>
      <c r="F613" s="6">
        <v>5153</v>
      </c>
    </row>
    <row r="614" spans="1:6" x14ac:dyDescent="0.25">
      <c r="A614" s="4" t="s">
        <v>454</v>
      </c>
      <c r="B614" s="1" t="s">
        <v>3152</v>
      </c>
      <c r="C614" s="5" t="s">
        <v>4014</v>
      </c>
      <c r="D614" s="1" t="s">
        <v>454</v>
      </c>
      <c r="E614" s="5" t="s">
        <v>12562</v>
      </c>
      <c r="F614" s="6">
        <v>1089</v>
      </c>
    </row>
    <row r="615" spans="1:6" x14ac:dyDescent="0.25">
      <c r="A615" s="4" t="s">
        <v>1416</v>
      </c>
      <c r="B615" s="1" t="s">
        <v>3156</v>
      </c>
      <c r="C615" s="5" t="s">
        <v>5221</v>
      </c>
      <c r="D615" s="1" t="s">
        <v>1416</v>
      </c>
      <c r="E615" s="5" t="s">
        <v>14153</v>
      </c>
      <c r="F615" s="6">
        <v>2810</v>
      </c>
    </row>
    <row r="616" spans="1:6" x14ac:dyDescent="0.25">
      <c r="A616" s="4" t="s">
        <v>295</v>
      </c>
      <c r="B616" s="1" t="s">
        <v>812</v>
      </c>
      <c r="C616" s="5" t="s">
        <v>3770</v>
      </c>
      <c r="D616" s="1" t="s">
        <v>7948</v>
      </c>
      <c r="E616" s="5" t="s">
        <v>12263</v>
      </c>
      <c r="F616" s="6">
        <v>755</v>
      </c>
    </row>
    <row r="617" spans="1:6" x14ac:dyDescent="0.25">
      <c r="A617" s="4" t="s">
        <v>295</v>
      </c>
      <c r="B617" s="1" t="s">
        <v>812</v>
      </c>
      <c r="C617" s="5" t="s">
        <v>3770</v>
      </c>
      <c r="D617" s="1" t="s">
        <v>9455</v>
      </c>
      <c r="E617" s="5" t="s">
        <v>15222</v>
      </c>
      <c r="F617" s="6">
        <v>3956</v>
      </c>
    </row>
    <row r="618" spans="1:6" x14ac:dyDescent="0.25">
      <c r="A618" s="4" t="s">
        <v>2818</v>
      </c>
      <c r="B618" s="1" t="s">
        <v>3154</v>
      </c>
      <c r="C618" s="5">
        <v>127028</v>
      </c>
      <c r="D618" s="1" t="s">
        <v>2818</v>
      </c>
      <c r="E618" s="5" t="s">
        <v>16929</v>
      </c>
      <c r="F618" s="6">
        <v>7310</v>
      </c>
    </row>
    <row r="619" spans="1:6" x14ac:dyDescent="0.25">
      <c r="A619" s="4" t="s">
        <v>2378</v>
      </c>
      <c r="B619" s="1" t="s">
        <v>3158</v>
      </c>
      <c r="C619" s="5" t="s">
        <v>6185</v>
      </c>
      <c r="D619" s="1" t="s">
        <v>2378</v>
      </c>
      <c r="E619" s="5" t="s">
        <v>15703</v>
      </c>
      <c r="F619" s="6">
        <v>4470</v>
      </c>
    </row>
    <row r="620" spans="1:6" x14ac:dyDescent="0.25">
      <c r="A620" s="4" t="s">
        <v>359</v>
      </c>
      <c r="B620" s="1" t="s">
        <v>3158</v>
      </c>
      <c r="C620" s="5" t="s">
        <v>3859</v>
      </c>
      <c r="D620" s="1" t="s">
        <v>359</v>
      </c>
      <c r="E620" s="5" t="s">
        <v>12360</v>
      </c>
      <c r="F620" s="6">
        <v>866</v>
      </c>
    </row>
    <row r="621" spans="1:6" x14ac:dyDescent="0.25">
      <c r="A621" s="4" t="s">
        <v>1118</v>
      </c>
      <c r="B621" s="1" t="s">
        <v>3152</v>
      </c>
      <c r="C621" s="5" t="s">
        <v>4860</v>
      </c>
      <c r="D621" s="1" t="s">
        <v>1118</v>
      </c>
      <c r="E621" s="5" t="s">
        <v>13691</v>
      </c>
      <c r="F621" s="6">
        <v>2338</v>
      </c>
    </row>
    <row r="622" spans="1:6" x14ac:dyDescent="0.25">
      <c r="A622" s="4" t="s">
        <v>732</v>
      </c>
      <c r="B622" s="1" t="s">
        <v>3156</v>
      </c>
      <c r="C622" s="5" t="s">
        <v>4443</v>
      </c>
      <c r="D622" s="1" t="s">
        <v>732</v>
      </c>
      <c r="E622" s="5" t="s">
        <v>13206</v>
      </c>
      <c r="F622" s="6">
        <v>1839</v>
      </c>
    </row>
    <row r="623" spans="1:6" x14ac:dyDescent="0.25">
      <c r="A623" s="4" t="s">
        <v>2725</v>
      </c>
      <c r="B623" s="1" t="s">
        <v>3149</v>
      </c>
      <c r="C623" s="5" t="s">
        <v>6667</v>
      </c>
      <c r="D623" s="1" t="s">
        <v>10484</v>
      </c>
      <c r="E623" s="5" t="s">
        <v>16647</v>
      </c>
      <c r="F623" s="6">
        <v>6470</v>
      </c>
    </row>
    <row r="624" spans="1:6" x14ac:dyDescent="0.25">
      <c r="A624" s="4" t="s">
        <v>2725</v>
      </c>
      <c r="B624" s="1" t="s">
        <v>3149</v>
      </c>
      <c r="C624" s="5" t="s">
        <v>7233</v>
      </c>
      <c r="D624" s="1" t="s">
        <v>11465</v>
      </c>
      <c r="E624" s="5" t="s">
        <v>17900</v>
      </c>
      <c r="F624" s="6">
        <v>9529</v>
      </c>
    </row>
    <row r="625" spans="1:6" x14ac:dyDescent="0.25">
      <c r="A625" s="4" t="s">
        <v>138</v>
      </c>
      <c r="B625" s="1" t="s">
        <v>3149</v>
      </c>
      <c r="C625" s="5" t="s">
        <v>3410</v>
      </c>
      <c r="D625" s="1" t="s">
        <v>138</v>
      </c>
      <c r="E625" s="5" t="s">
        <v>11822</v>
      </c>
      <c r="F625" s="6">
        <v>253</v>
      </c>
    </row>
    <row r="626" spans="1:6" x14ac:dyDescent="0.25">
      <c r="A626" s="4" t="s">
        <v>138</v>
      </c>
      <c r="B626" s="1" t="s">
        <v>3149</v>
      </c>
      <c r="C626" s="5" t="s">
        <v>4067</v>
      </c>
      <c r="D626" s="1" t="s">
        <v>8245</v>
      </c>
      <c r="E626" s="5" t="s">
        <v>12652</v>
      </c>
      <c r="F626" s="6">
        <v>1247</v>
      </c>
    </row>
    <row r="627" spans="1:6" x14ac:dyDescent="0.25">
      <c r="A627" s="4" t="s">
        <v>138</v>
      </c>
      <c r="B627" s="1" t="s">
        <v>3149</v>
      </c>
      <c r="C627" s="5" t="s">
        <v>5874</v>
      </c>
      <c r="D627" s="1" t="s">
        <v>9424</v>
      </c>
      <c r="E627" s="5" t="s">
        <v>15177</v>
      </c>
      <c r="F627" s="6">
        <v>3909</v>
      </c>
    </row>
    <row r="628" spans="1:6" x14ac:dyDescent="0.25">
      <c r="A628" s="4" t="s">
        <v>138</v>
      </c>
      <c r="B628" s="1" t="s">
        <v>3149</v>
      </c>
      <c r="C628" s="5" t="s">
        <v>5885</v>
      </c>
      <c r="D628" s="1" t="s">
        <v>9436</v>
      </c>
      <c r="E628" s="5" t="s">
        <v>15194</v>
      </c>
      <c r="F628" s="6">
        <v>3928</v>
      </c>
    </row>
    <row r="629" spans="1:6" x14ac:dyDescent="0.25">
      <c r="A629" s="4" t="s">
        <v>138</v>
      </c>
      <c r="B629" s="1" t="s">
        <v>3149</v>
      </c>
      <c r="C629" s="5" t="s">
        <v>6932</v>
      </c>
      <c r="D629" s="1" t="s">
        <v>10960</v>
      </c>
      <c r="E629" s="5" t="s">
        <v>17260</v>
      </c>
      <c r="F629" s="6">
        <v>8344</v>
      </c>
    </row>
    <row r="630" spans="1:6" x14ac:dyDescent="0.25">
      <c r="A630" s="4" t="s">
        <v>1286</v>
      </c>
      <c r="B630" s="1" t="s">
        <v>3151</v>
      </c>
      <c r="C630" s="5" t="s">
        <v>5070</v>
      </c>
      <c r="D630" s="1" t="s">
        <v>8961</v>
      </c>
      <c r="E630" s="5" t="s">
        <v>13951</v>
      </c>
      <c r="F630" s="6">
        <v>2603</v>
      </c>
    </row>
    <row r="631" spans="1:6" x14ac:dyDescent="0.25">
      <c r="A631" s="4" t="s">
        <v>2675</v>
      </c>
      <c r="B631" s="1" t="s">
        <v>3149</v>
      </c>
      <c r="C631" s="5" t="s">
        <v>4378</v>
      </c>
      <c r="D631" s="1" t="s">
        <v>10379</v>
      </c>
      <c r="E631" s="5" t="s">
        <v>16506</v>
      </c>
      <c r="F631" s="6">
        <v>6088</v>
      </c>
    </row>
    <row r="632" spans="1:6" x14ac:dyDescent="0.25">
      <c r="A632" s="4" t="s">
        <v>2698</v>
      </c>
      <c r="B632" s="1" t="s">
        <v>3149</v>
      </c>
      <c r="C632" s="5" t="s">
        <v>6625</v>
      </c>
      <c r="D632" s="1" t="s">
        <v>10419</v>
      </c>
      <c r="E632" s="5" t="s">
        <v>16562</v>
      </c>
      <c r="F632" s="6">
        <v>6236</v>
      </c>
    </row>
    <row r="633" spans="1:6" x14ac:dyDescent="0.25">
      <c r="A633" s="4" t="s">
        <v>2580</v>
      </c>
      <c r="B633" s="1" t="s">
        <v>3168</v>
      </c>
      <c r="C633" s="5" t="s">
        <v>6489</v>
      </c>
      <c r="D633" s="1" t="s">
        <v>2580</v>
      </c>
      <c r="E633" s="5" t="s">
        <v>16301</v>
      </c>
      <c r="F633" s="6">
        <v>5605</v>
      </c>
    </row>
    <row r="634" spans="1:6" x14ac:dyDescent="0.25">
      <c r="A634" s="4" t="s">
        <v>2830</v>
      </c>
      <c r="B634" s="1" t="s">
        <v>3158</v>
      </c>
      <c r="C634" s="5">
        <v>271401</v>
      </c>
      <c r="D634" s="1" t="s">
        <v>2830</v>
      </c>
      <c r="E634" s="5" t="s">
        <v>16960</v>
      </c>
      <c r="F634" s="6">
        <v>7414</v>
      </c>
    </row>
    <row r="635" spans="1:6" x14ac:dyDescent="0.25">
      <c r="A635" s="4" t="s">
        <v>2967</v>
      </c>
      <c r="B635" s="1" t="s">
        <v>3149</v>
      </c>
      <c r="C635" s="5" t="s">
        <v>6992</v>
      </c>
      <c r="D635" s="1" t="s">
        <v>2967</v>
      </c>
      <c r="E635" s="5" t="s">
        <v>17401</v>
      </c>
      <c r="F635" s="6">
        <v>9008</v>
      </c>
    </row>
    <row r="636" spans="1:6" x14ac:dyDescent="0.25">
      <c r="A636" s="4" t="s">
        <v>2245</v>
      </c>
      <c r="B636" s="1" t="s">
        <v>3158</v>
      </c>
      <c r="C636" s="5" t="s">
        <v>5975</v>
      </c>
      <c r="D636" s="1" t="s">
        <v>2245</v>
      </c>
      <c r="E636" s="5" t="s">
        <v>15348</v>
      </c>
      <c r="F636" s="6">
        <v>4085</v>
      </c>
    </row>
    <row r="637" spans="1:6" x14ac:dyDescent="0.25">
      <c r="A637" s="4" t="s">
        <v>1496</v>
      </c>
      <c r="B637" s="1" t="s">
        <v>3164</v>
      </c>
      <c r="C637" s="5" t="s">
        <v>5311</v>
      </c>
      <c r="D637" s="1" t="s">
        <v>1496</v>
      </c>
      <c r="E637" s="5" t="s">
        <v>14269</v>
      </c>
      <c r="F637" s="6">
        <v>2930</v>
      </c>
    </row>
    <row r="638" spans="1:6" x14ac:dyDescent="0.25">
      <c r="A638" s="4" t="s">
        <v>1492</v>
      </c>
      <c r="B638" s="1" t="s">
        <v>3161</v>
      </c>
      <c r="C638" s="5" t="s">
        <v>5307</v>
      </c>
      <c r="D638" s="1" t="s">
        <v>1492</v>
      </c>
      <c r="E638" s="5" t="s">
        <v>14265</v>
      </c>
      <c r="F638" s="6">
        <v>2926</v>
      </c>
    </row>
    <row r="639" spans="1:6" x14ac:dyDescent="0.25">
      <c r="A639" s="4" t="s">
        <v>1894</v>
      </c>
      <c r="B639" s="1" t="s">
        <v>812</v>
      </c>
      <c r="C639" s="5" t="s">
        <v>5647</v>
      </c>
      <c r="D639" s="1" t="s">
        <v>1894</v>
      </c>
      <c r="E639" s="5" t="s">
        <v>14727</v>
      </c>
      <c r="F639" s="6">
        <v>3437</v>
      </c>
    </row>
    <row r="640" spans="1:6" x14ac:dyDescent="0.25">
      <c r="A640" s="4" t="s">
        <v>1947</v>
      </c>
      <c r="B640" s="1" t="s">
        <v>3148</v>
      </c>
      <c r="C640" s="5" t="s">
        <v>5680</v>
      </c>
      <c r="D640" s="1" t="s">
        <v>1947</v>
      </c>
      <c r="E640" s="5" t="s">
        <v>14781</v>
      </c>
      <c r="F640" s="6">
        <v>3492</v>
      </c>
    </row>
    <row r="641" spans="1:6" x14ac:dyDescent="0.25">
      <c r="A641" s="4" t="s">
        <v>1835</v>
      </c>
      <c r="B641" s="1" t="s">
        <v>1147</v>
      </c>
      <c r="C641" s="5" t="s">
        <v>5608</v>
      </c>
      <c r="D641" s="1" t="s">
        <v>1835</v>
      </c>
      <c r="E641" s="5" t="s">
        <v>14664</v>
      </c>
      <c r="F641" s="6">
        <v>3364</v>
      </c>
    </row>
    <row r="642" spans="1:6" x14ac:dyDescent="0.25">
      <c r="A642" s="4" t="s">
        <v>7</v>
      </c>
      <c r="B642" s="1" t="s">
        <v>3149</v>
      </c>
      <c r="C642" s="5" t="s">
        <v>3202</v>
      </c>
      <c r="D642" s="1" t="s">
        <v>7330</v>
      </c>
      <c r="E642" s="5" t="s">
        <v>11601</v>
      </c>
      <c r="F642" s="6">
        <v>9</v>
      </c>
    </row>
    <row r="643" spans="1:6" x14ac:dyDescent="0.25">
      <c r="A643" s="4" t="s">
        <v>7</v>
      </c>
      <c r="B643" s="1" t="s">
        <v>3149</v>
      </c>
      <c r="C643" s="5" t="s">
        <v>3234</v>
      </c>
      <c r="D643" s="1" t="s">
        <v>7361</v>
      </c>
      <c r="E643" s="5" t="s">
        <v>11633</v>
      </c>
      <c r="F643" s="6">
        <v>41</v>
      </c>
    </row>
    <row r="644" spans="1:6" x14ac:dyDescent="0.25">
      <c r="A644" s="4" t="s">
        <v>7</v>
      </c>
      <c r="B644" s="1" t="s">
        <v>3149</v>
      </c>
      <c r="C644" s="5" t="s">
        <v>3246</v>
      </c>
      <c r="D644" s="1" t="s">
        <v>7371</v>
      </c>
      <c r="E644" s="5" t="s">
        <v>11645</v>
      </c>
      <c r="F644" s="6">
        <v>53</v>
      </c>
    </row>
    <row r="645" spans="1:6" x14ac:dyDescent="0.25">
      <c r="A645" s="4" t="s">
        <v>7</v>
      </c>
      <c r="B645" s="1" t="s">
        <v>3149</v>
      </c>
      <c r="C645" s="5">
        <v>560017</v>
      </c>
      <c r="D645" s="1" t="s">
        <v>7388</v>
      </c>
      <c r="E645" s="5" t="s">
        <v>11663</v>
      </c>
      <c r="F645" s="6">
        <v>75</v>
      </c>
    </row>
    <row r="646" spans="1:6" x14ac:dyDescent="0.25">
      <c r="A646" s="4" t="s">
        <v>7</v>
      </c>
      <c r="B646" s="1" t="s">
        <v>3149</v>
      </c>
      <c r="C646" s="5" t="s">
        <v>3202</v>
      </c>
      <c r="D646" s="1" t="s">
        <v>7389</v>
      </c>
      <c r="E646" s="5" t="s">
        <v>11664</v>
      </c>
      <c r="F646" s="6">
        <v>76</v>
      </c>
    </row>
    <row r="647" spans="1:6" x14ac:dyDescent="0.25">
      <c r="A647" s="4" t="s">
        <v>7</v>
      </c>
      <c r="B647" s="1" t="s">
        <v>3149</v>
      </c>
      <c r="C647" s="5" t="s">
        <v>3263</v>
      </c>
      <c r="D647" s="1" t="s">
        <v>7390</v>
      </c>
      <c r="E647" s="5" t="s">
        <v>11665</v>
      </c>
      <c r="F647" s="6">
        <v>77</v>
      </c>
    </row>
    <row r="648" spans="1:6" x14ac:dyDescent="0.25">
      <c r="A648" s="4" t="s">
        <v>7</v>
      </c>
      <c r="B648" s="1" t="s">
        <v>3149</v>
      </c>
      <c r="C648" s="5" t="s">
        <v>3308</v>
      </c>
      <c r="D648" s="1" t="s">
        <v>7434</v>
      </c>
      <c r="E648" s="5" t="s">
        <v>11712</v>
      </c>
      <c r="F648" s="6">
        <v>133</v>
      </c>
    </row>
    <row r="649" spans="1:6" x14ac:dyDescent="0.25">
      <c r="A649" s="4" t="s">
        <v>7</v>
      </c>
      <c r="B649" s="1" t="s">
        <v>3149</v>
      </c>
      <c r="C649" s="5" t="s">
        <v>3315</v>
      </c>
      <c r="D649" s="1" t="s">
        <v>7440</v>
      </c>
      <c r="E649" s="5" t="s">
        <v>11719</v>
      </c>
      <c r="F649" s="6">
        <v>140</v>
      </c>
    </row>
    <row r="650" spans="1:6" x14ac:dyDescent="0.25">
      <c r="A650" s="4" t="s">
        <v>7</v>
      </c>
      <c r="B650" s="1" t="s">
        <v>3149</v>
      </c>
      <c r="C650" s="5" t="s">
        <v>3329</v>
      </c>
      <c r="D650" s="1" t="s">
        <v>7456</v>
      </c>
      <c r="E650" s="5" t="s">
        <v>11736</v>
      </c>
      <c r="F650" s="6">
        <v>157</v>
      </c>
    </row>
    <row r="651" spans="1:6" x14ac:dyDescent="0.25">
      <c r="A651" s="4" t="s">
        <v>7</v>
      </c>
      <c r="B651" s="1" t="s">
        <v>3149</v>
      </c>
      <c r="C651" s="5" t="s">
        <v>3355</v>
      </c>
      <c r="D651" s="1" t="s">
        <v>7481</v>
      </c>
      <c r="E651" s="5" t="s">
        <v>11763</v>
      </c>
      <c r="F651" s="6">
        <v>184</v>
      </c>
    </row>
    <row r="652" spans="1:6" x14ac:dyDescent="0.25">
      <c r="A652" s="4" t="s">
        <v>7</v>
      </c>
      <c r="B652" s="1" t="s">
        <v>3149</v>
      </c>
      <c r="C652" s="5" t="s">
        <v>3418</v>
      </c>
      <c r="D652" s="1" t="s">
        <v>7544</v>
      </c>
      <c r="E652" s="5" t="s">
        <v>11830</v>
      </c>
      <c r="F652" s="6">
        <v>261</v>
      </c>
    </row>
    <row r="653" spans="1:6" x14ac:dyDescent="0.25">
      <c r="A653" s="4" t="s">
        <v>7</v>
      </c>
      <c r="B653" s="1" t="s">
        <v>3149</v>
      </c>
      <c r="C653" s="5" t="s">
        <v>3440</v>
      </c>
      <c r="D653" s="1" t="s">
        <v>7569</v>
      </c>
      <c r="E653" s="5" t="s">
        <v>11855</v>
      </c>
      <c r="F653" s="6">
        <v>286</v>
      </c>
    </row>
    <row r="654" spans="1:6" x14ac:dyDescent="0.25">
      <c r="A654" s="4" t="s">
        <v>7</v>
      </c>
      <c r="B654" s="1" t="s">
        <v>3149</v>
      </c>
      <c r="C654" s="5" t="s">
        <v>3461</v>
      </c>
      <c r="D654" s="1" t="s">
        <v>7591</v>
      </c>
      <c r="E654" s="5" t="s">
        <v>11880</v>
      </c>
      <c r="F654" s="6">
        <v>312</v>
      </c>
    </row>
    <row r="655" spans="1:6" x14ac:dyDescent="0.25">
      <c r="A655" s="4" t="s">
        <v>7</v>
      </c>
      <c r="B655" s="1" t="s">
        <v>3149</v>
      </c>
      <c r="C655" s="5" t="s">
        <v>3498</v>
      </c>
      <c r="D655" s="1" t="s">
        <v>7631</v>
      </c>
      <c r="E655" s="5" t="s">
        <v>11920</v>
      </c>
      <c r="F655" s="6">
        <v>353</v>
      </c>
    </row>
    <row r="656" spans="1:6" x14ac:dyDescent="0.25">
      <c r="A656" s="4" t="s">
        <v>7</v>
      </c>
      <c r="B656" s="1" t="s">
        <v>3149</v>
      </c>
      <c r="C656" s="5" t="s">
        <v>3499</v>
      </c>
      <c r="D656" s="1" t="s">
        <v>7632</v>
      </c>
      <c r="E656" s="5" t="s">
        <v>11921</v>
      </c>
      <c r="F656" s="6">
        <v>354</v>
      </c>
    </row>
    <row r="657" spans="1:6" x14ac:dyDescent="0.25">
      <c r="A657" s="4" t="s">
        <v>7</v>
      </c>
      <c r="B657" s="1" t="s">
        <v>3149</v>
      </c>
      <c r="C657" s="5" t="s">
        <v>3505</v>
      </c>
      <c r="D657" s="1" t="s">
        <v>7639</v>
      </c>
      <c r="E657" s="5" t="s">
        <v>11928</v>
      </c>
      <c r="F657" s="6">
        <v>361</v>
      </c>
    </row>
    <row r="658" spans="1:6" x14ac:dyDescent="0.25">
      <c r="A658" s="4" t="s">
        <v>7</v>
      </c>
      <c r="B658" s="1" t="s">
        <v>3149</v>
      </c>
      <c r="C658" s="5" t="s">
        <v>3511</v>
      </c>
      <c r="D658" s="1" t="s">
        <v>7645</v>
      </c>
      <c r="E658" s="5" t="s">
        <v>11934</v>
      </c>
      <c r="F658" s="6">
        <v>367</v>
      </c>
    </row>
    <row r="659" spans="1:6" x14ac:dyDescent="0.25">
      <c r="A659" s="4" t="s">
        <v>7</v>
      </c>
      <c r="B659" s="1" t="s">
        <v>3149</v>
      </c>
      <c r="C659" s="5" t="s">
        <v>3514</v>
      </c>
      <c r="D659" s="1" t="s">
        <v>7649</v>
      </c>
      <c r="E659" s="5" t="s">
        <v>11938</v>
      </c>
      <c r="F659" s="6">
        <v>371</v>
      </c>
    </row>
    <row r="660" spans="1:6" x14ac:dyDescent="0.25">
      <c r="A660" s="4" t="s">
        <v>7</v>
      </c>
      <c r="B660" s="1" t="s">
        <v>3149</v>
      </c>
      <c r="C660" s="5" t="s">
        <v>3578</v>
      </c>
      <c r="D660" s="1" t="s">
        <v>7719</v>
      </c>
      <c r="E660" s="5" t="s">
        <v>12013</v>
      </c>
      <c r="F660" s="6">
        <v>446</v>
      </c>
    </row>
    <row r="661" spans="1:6" x14ac:dyDescent="0.25">
      <c r="A661" s="4" t="s">
        <v>7</v>
      </c>
      <c r="B661" s="1" t="s">
        <v>3149</v>
      </c>
      <c r="C661" s="5" t="s">
        <v>3621</v>
      </c>
      <c r="D661" s="1" t="s">
        <v>7766</v>
      </c>
      <c r="E661" s="5" t="s">
        <v>12065</v>
      </c>
      <c r="F661" s="6">
        <v>509</v>
      </c>
    </row>
    <row r="662" spans="1:6" x14ac:dyDescent="0.25">
      <c r="A662" s="4" t="s">
        <v>7</v>
      </c>
      <c r="B662" s="1" t="s">
        <v>3149</v>
      </c>
      <c r="C662" s="5" t="s">
        <v>3624</v>
      </c>
      <c r="D662" s="1" t="s">
        <v>7769</v>
      </c>
      <c r="E662" s="5" t="s">
        <v>12068</v>
      </c>
      <c r="F662" s="6">
        <v>514</v>
      </c>
    </row>
    <row r="663" spans="1:6" x14ac:dyDescent="0.25">
      <c r="A663" s="4" t="s">
        <v>7</v>
      </c>
      <c r="B663" s="1" t="s">
        <v>3149</v>
      </c>
      <c r="C663" s="5" t="s">
        <v>3630</v>
      </c>
      <c r="D663" s="1" t="s">
        <v>7776</v>
      </c>
      <c r="E663" s="5" t="s">
        <v>12076</v>
      </c>
      <c r="F663" s="6">
        <v>523</v>
      </c>
    </row>
    <row r="664" spans="1:6" x14ac:dyDescent="0.25">
      <c r="A664" s="4" t="s">
        <v>7</v>
      </c>
      <c r="B664" s="1" t="s">
        <v>3149</v>
      </c>
      <c r="C664" s="5" t="s">
        <v>3645</v>
      </c>
      <c r="D664" s="1" t="s">
        <v>7794</v>
      </c>
      <c r="E664" s="5" t="s">
        <v>12095</v>
      </c>
      <c r="F664" s="6">
        <v>549</v>
      </c>
    </row>
    <row r="665" spans="1:6" x14ac:dyDescent="0.25">
      <c r="A665" s="4" t="s">
        <v>7</v>
      </c>
      <c r="B665" s="1" t="s">
        <v>3149</v>
      </c>
      <c r="C665" s="5" t="s">
        <v>3680</v>
      </c>
      <c r="D665" s="1" t="s">
        <v>7851</v>
      </c>
      <c r="E665" s="5" t="s">
        <v>12154</v>
      </c>
      <c r="F665" s="6">
        <v>628</v>
      </c>
    </row>
    <row r="666" spans="1:6" x14ac:dyDescent="0.25">
      <c r="A666" s="4" t="s">
        <v>7</v>
      </c>
      <c r="B666" s="1" t="s">
        <v>3149</v>
      </c>
      <c r="C666" s="5" t="s">
        <v>3742</v>
      </c>
      <c r="D666" s="1" t="s">
        <v>7919</v>
      </c>
      <c r="E666" s="5" t="s">
        <v>12229</v>
      </c>
      <c r="F666" s="6">
        <v>714</v>
      </c>
    </row>
    <row r="667" spans="1:6" x14ac:dyDescent="0.25">
      <c r="A667" s="4" t="s">
        <v>7</v>
      </c>
      <c r="B667" s="1" t="s">
        <v>3149</v>
      </c>
      <c r="C667" s="5" t="s">
        <v>3355</v>
      </c>
      <c r="D667" s="1" t="s">
        <v>8012</v>
      </c>
      <c r="E667" s="5" t="s">
        <v>12336</v>
      </c>
      <c r="F667" s="6">
        <v>832</v>
      </c>
    </row>
    <row r="668" spans="1:6" x14ac:dyDescent="0.25">
      <c r="A668" s="4" t="s">
        <v>7</v>
      </c>
      <c r="B668" s="1" t="s">
        <v>3149</v>
      </c>
      <c r="C668" s="5" t="s">
        <v>3499</v>
      </c>
      <c r="D668" s="1" t="s">
        <v>8013</v>
      </c>
      <c r="E668" s="5" t="s">
        <v>12337</v>
      </c>
      <c r="F668" s="6">
        <v>833</v>
      </c>
    </row>
    <row r="669" spans="1:6" x14ac:dyDescent="0.25">
      <c r="A669" s="4" t="s">
        <v>7</v>
      </c>
      <c r="B669" s="1" t="s">
        <v>3149</v>
      </c>
      <c r="C669" s="5" t="s">
        <v>3867</v>
      </c>
      <c r="D669" s="1" t="s">
        <v>8034</v>
      </c>
      <c r="E669" s="5" t="s">
        <v>12368</v>
      </c>
      <c r="F669" s="6">
        <v>875</v>
      </c>
    </row>
    <row r="670" spans="1:6" x14ac:dyDescent="0.25">
      <c r="A670" s="4" t="s">
        <v>7</v>
      </c>
      <c r="B670" s="1" t="s">
        <v>3149</v>
      </c>
      <c r="C670" s="5" t="s">
        <v>3867</v>
      </c>
      <c r="D670" s="1" t="s">
        <v>8035</v>
      </c>
      <c r="E670" s="5" t="s">
        <v>12370</v>
      </c>
      <c r="F670" s="6">
        <v>877</v>
      </c>
    </row>
    <row r="671" spans="1:6" x14ac:dyDescent="0.25">
      <c r="A671" s="4" t="s">
        <v>7</v>
      </c>
      <c r="B671" s="1" t="s">
        <v>3149</v>
      </c>
      <c r="C671" s="5" t="s">
        <v>3875</v>
      </c>
      <c r="D671" s="1" t="s">
        <v>8042</v>
      </c>
      <c r="E671" s="5" t="s">
        <v>12377</v>
      </c>
      <c r="F671" s="6">
        <v>885</v>
      </c>
    </row>
    <row r="672" spans="1:6" x14ac:dyDescent="0.25">
      <c r="A672" s="4" t="s">
        <v>7</v>
      </c>
      <c r="B672" s="1" t="s">
        <v>3149</v>
      </c>
      <c r="C672" s="5" t="s">
        <v>3878</v>
      </c>
      <c r="D672" s="1" t="s">
        <v>8047</v>
      </c>
      <c r="E672" s="5" t="s">
        <v>12383</v>
      </c>
      <c r="F672" s="6">
        <v>891</v>
      </c>
    </row>
    <row r="673" spans="1:6" x14ac:dyDescent="0.25">
      <c r="A673" s="4" t="s">
        <v>7</v>
      </c>
      <c r="B673" s="1" t="s">
        <v>3149</v>
      </c>
      <c r="C673" s="5" t="s">
        <v>3972</v>
      </c>
      <c r="D673" s="1" t="s">
        <v>8127</v>
      </c>
      <c r="E673" s="5" t="s">
        <v>12511</v>
      </c>
      <c r="F673" s="6">
        <v>1036</v>
      </c>
    </row>
    <row r="674" spans="1:6" x14ac:dyDescent="0.25">
      <c r="A674" s="4" t="s">
        <v>7</v>
      </c>
      <c r="B674" s="1" t="s">
        <v>3149</v>
      </c>
      <c r="C674" s="5" t="s">
        <v>3973</v>
      </c>
      <c r="D674" s="1" t="s">
        <v>8128</v>
      </c>
      <c r="E674" s="5" t="s">
        <v>12512</v>
      </c>
      <c r="F674" s="6">
        <v>1037</v>
      </c>
    </row>
    <row r="675" spans="1:6" x14ac:dyDescent="0.25">
      <c r="A675" s="4" t="s">
        <v>7</v>
      </c>
      <c r="B675" s="1" t="s">
        <v>3149</v>
      </c>
      <c r="C675" s="5" t="s">
        <v>3975</v>
      </c>
      <c r="D675" s="1" t="s">
        <v>8130</v>
      </c>
      <c r="E675" s="5" t="s">
        <v>12514</v>
      </c>
      <c r="F675" s="6">
        <v>1039</v>
      </c>
    </row>
    <row r="676" spans="1:6" x14ac:dyDescent="0.25">
      <c r="A676" s="4" t="s">
        <v>7</v>
      </c>
      <c r="B676" s="1" t="s">
        <v>3149</v>
      </c>
      <c r="C676" s="5" t="s">
        <v>3980</v>
      </c>
      <c r="D676" s="1" t="s">
        <v>8134</v>
      </c>
      <c r="E676" s="5" t="s">
        <v>12520</v>
      </c>
      <c r="F676" s="6">
        <v>1045</v>
      </c>
    </row>
    <row r="677" spans="1:6" x14ac:dyDescent="0.25">
      <c r="A677" s="4" t="s">
        <v>7</v>
      </c>
      <c r="B677" s="1" t="s">
        <v>3149</v>
      </c>
      <c r="C677" s="5" t="s">
        <v>3982</v>
      </c>
      <c r="D677" s="1" t="s">
        <v>8135</v>
      </c>
      <c r="E677" s="5" t="s">
        <v>12522</v>
      </c>
      <c r="F677" s="6">
        <v>1047</v>
      </c>
    </row>
    <row r="678" spans="1:6" x14ac:dyDescent="0.25">
      <c r="A678" s="4" t="s">
        <v>7</v>
      </c>
      <c r="B678" s="1" t="s">
        <v>3149</v>
      </c>
      <c r="C678" s="5" t="s">
        <v>3875</v>
      </c>
      <c r="D678" s="1" t="s">
        <v>8136</v>
      </c>
      <c r="E678" s="5" t="s">
        <v>12523</v>
      </c>
      <c r="F678" s="6">
        <v>1048</v>
      </c>
    </row>
    <row r="679" spans="1:6" x14ac:dyDescent="0.25">
      <c r="A679" s="4" t="s">
        <v>7</v>
      </c>
      <c r="B679" s="1" t="s">
        <v>3149</v>
      </c>
      <c r="C679" s="5" t="s">
        <v>3983</v>
      </c>
      <c r="D679" s="1" t="s">
        <v>8137</v>
      </c>
      <c r="E679" s="5" t="s">
        <v>12524</v>
      </c>
      <c r="F679" s="6">
        <v>1049</v>
      </c>
    </row>
    <row r="680" spans="1:6" x14ac:dyDescent="0.25">
      <c r="A680" s="4" t="s">
        <v>7</v>
      </c>
      <c r="B680" s="1" t="s">
        <v>3149</v>
      </c>
      <c r="C680" s="5" t="s">
        <v>3498</v>
      </c>
      <c r="D680" s="1" t="s">
        <v>8138</v>
      </c>
      <c r="E680" s="5" t="s">
        <v>12525</v>
      </c>
      <c r="F680" s="6">
        <v>1050</v>
      </c>
    </row>
    <row r="681" spans="1:6" x14ac:dyDescent="0.25">
      <c r="A681" s="4" t="s">
        <v>7</v>
      </c>
      <c r="B681" s="1" t="s">
        <v>3149</v>
      </c>
      <c r="C681" s="5" t="s">
        <v>4005</v>
      </c>
      <c r="D681" s="1" t="s">
        <v>8156</v>
      </c>
      <c r="E681" s="5" t="s">
        <v>12553</v>
      </c>
      <c r="F681" s="6">
        <v>1078</v>
      </c>
    </row>
    <row r="682" spans="1:6" x14ac:dyDescent="0.25">
      <c r="A682" s="4" t="s">
        <v>7</v>
      </c>
      <c r="B682" s="1" t="s">
        <v>3149</v>
      </c>
      <c r="C682" s="5" t="s">
        <v>4006</v>
      </c>
      <c r="D682" s="1" t="s">
        <v>8157</v>
      </c>
      <c r="E682" s="5" t="s">
        <v>12554</v>
      </c>
      <c r="F682" s="6">
        <v>1079</v>
      </c>
    </row>
    <row r="683" spans="1:6" x14ac:dyDescent="0.25">
      <c r="A683" s="4" t="s">
        <v>7</v>
      </c>
      <c r="B683" s="1" t="s">
        <v>3149</v>
      </c>
      <c r="C683" s="5">
        <v>560027</v>
      </c>
      <c r="D683" s="1" t="s">
        <v>8209</v>
      </c>
      <c r="E683" s="5" t="s">
        <v>12614</v>
      </c>
      <c r="F683" s="6">
        <v>1206</v>
      </c>
    </row>
    <row r="684" spans="1:6" x14ac:dyDescent="0.25">
      <c r="A684" s="4" t="s">
        <v>7</v>
      </c>
      <c r="B684" s="1" t="s">
        <v>3149</v>
      </c>
      <c r="C684" s="5" t="s">
        <v>4046</v>
      </c>
      <c r="D684" s="1" t="s">
        <v>8211</v>
      </c>
      <c r="E684" s="5" t="s">
        <v>12616</v>
      </c>
      <c r="F684" s="6">
        <v>1208</v>
      </c>
    </row>
    <row r="685" spans="1:6" x14ac:dyDescent="0.25">
      <c r="A685" s="4" t="s">
        <v>7</v>
      </c>
      <c r="B685" s="1" t="s">
        <v>3149</v>
      </c>
      <c r="C685" s="5" t="s">
        <v>4053</v>
      </c>
      <c r="D685" s="1" t="s">
        <v>8227</v>
      </c>
      <c r="E685" s="5" t="s">
        <v>12632</v>
      </c>
      <c r="F685" s="6">
        <v>1226</v>
      </c>
    </row>
    <row r="686" spans="1:6" x14ac:dyDescent="0.25">
      <c r="A686" s="4" t="s">
        <v>7</v>
      </c>
      <c r="B686" s="1" t="s">
        <v>3149</v>
      </c>
      <c r="C686" s="5" t="s">
        <v>4056</v>
      </c>
      <c r="D686" s="1" t="s">
        <v>8233</v>
      </c>
      <c r="E686" s="5" t="s">
        <v>12638</v>
      </c>
      <c r="F686" s="6">
        <v>1232</v>
      </c>
    </row>
    <row r="687" spans="1:6" x14ac:dyDescent="0.25">
      <c r="A687" s="4" t="s">
        <v>7</v>
      </c>
      <c r="B687" s="1" t="s">
        <v>3149</v>
      </c>
      <c r="C687" s="5">
        <v>560001</v>
      </c>
      <c r="D687" s="1" t="s">
        <v>8264</v>
      </c>
      <c r="E687" s="5" t="s">
        <v>12672</v>
      </c>
      <c r="F687" s="6">
        <v>1268</v>
      </c>
    </row>
    <row r="688" spans="1:6" x14ac:dyDescent="0.25">
      <c r="A688" s="4" t="s">
        <v>7</v>
      </c>
      <c r="B688" s="1" t="s">
        <v>3149</v>
      </c>
      <c r="C688" s="5" t="s">
        <v>4102</v>
      </c>
      <c r="D688" s="1" t="s">
        <v>8289</v>
      </c>
      <c r="E688" s="5" t="s">
        <v>12701</v>
      </c>
      <c r="F688" s="6">
        <v>1298</v>
      </c>
    </row>
    <row r="689" spans="1:6" x14ac:dyDescent="0.25">
      <c r="A689" s="4" t="s">
        <v>7</v>
      </c>
      <c r="B689" s="1" t="s">
        <v>3149</v>
      </c>
      <c r="C689" s="5" t="s">
        <v>4104</v>
      </c>
      <c r="D689" s="1" t="s">
        <v>8290</v>
      </c>
      <c r="E689" s="5" t="s">
        <v>12703</v>
      </c>
      <c r="F689" s="6">
        <v>1300</v>
      </c>
    </row>
    <row r="690" spans="1:6" x14ac:dyDescent="0.25">
      <c r="A690" s="4" t="s">
        <v>7</v>
      </c>
      <c r="B690" s="1" t="s">
        <v>3149</v>
      </c>
      <c r="C690" s="5" t="s">
        <v>4136</v>
      </c>
      <c r="D690" s="1" t="s">
        <v>8354</v>
      </c>
      <c r="E690" s="5" t="s">
        <v>12776</v>
      </c>
      <c r="F690" s="6">
        <v>1373</v>
      </c>
    </row>
    <row r="691" spans="1:6" x14ac:dyDescent="0.25">
      <c r="A691" s="4" t="s">
        <v>7</v>
      </c>
      <c r="B691" s="1" t="s">
        <v>3149</v>
      </c>
      <c r="C691" s="5" t="s">
        <v>3263</v>
      </c>
      <c r="D691" s="1" t="s">
        <v>8431</v>
      </c>
      <c r="E691" s="5" t="s">
        <v>12871</v>
      </c>
      <c r="F691" s="6">
        <v>1472</v>
      </c>
    </row>
    <row r="692" spans="1:6" x14ac:dyDescent="0.25">
      <c r="A692" s="4" t="s">
        <v>7</v>
      </c>
      <c r="B692" s="1" t="s">
        <v>3149</v>
      </c>
      <c r="C692" s="5" t="s">
        <v>4257</v>
      </c>
      <c r="D692" s="1" t="s">
        <v>8496</v>
      </c>
      <c r="E692" s="5" t="s">
        <v>12960</v>
      </c>
      <c r="F692" s="6">
        <v>1569</v>
      </c>
    </row>
    <row r="693" spans="1:6" x14ac:dyDescent="0.25">
      <c r="A693" s="4" t="s">
        <v>7</v>
      </c>
      <c r="B693" s="1" t="s">
        <v>3149</v>
      </c>
      <c r="C693" s="5" t="s">
        <v>4374</v>
      </c>
      <c r="D693" s="1" t="s">
        <v>8595</v>
      </c>
      <c r="E693" s="5" t="s">
        <v>13115</v>
      </c>
      <c r="F693" s="6">
        <v>1748</v>
      </c>
    </row>
    <row r="694" spans="1:6" x14ac:dyDescent="0.25">
      <c r="A694" s="4" t="s">
        <v>7</v>
      </c>
      <c r="B694" s="1" t="s">
        <v>3149</v>
      </c>
      <c r="C694" s="5" t="s">
        <v>3578</v>
      </c>
      <c r="D694" s="1" t="s">
        <v>8596</v>
      </c>
      <c r="E694" s="5" t="s">
        <v>13116</v>
      </c>
      <c r="F694" s="6">
        <v>1749</v>
      </c>
    </row>
    <row r="695" spans="1:6" x14ac:dyDescent="0.25">
      <c r="A695" s="4" t="s">
        <v>7</v>
      </c>
      <c r="B695" s="1" t="s">
        <v>3149</v>
      </c>
      <c r="C695" s="5" t="s">
        <v>3329</v>
      </c>
      <c r="D695" s="1" t="s">
        <v>8597</v>
      </c>
      <c r="E695" s="5" t="s">
        <v>13117</v>
      </c>
      <c r="F695" s="6">
        <v>1750</v>
      </c>
    </row>
    <row r="696" spans="1:6" x14ac:dyDescent="0.25">
      <c r="A696" s="4" t="s">
        <v>7</v>
      </c>
      <c r="B696" s="1" t="s">
        <v>3149</v>
      </c>
      <c r="C696" s="5" t="s">
        <v>3202</v>
      </c>
      <c r="D696" s="1" t="s">
        <v>8598</v>
      </c>
      <c r="E696" s="5" t="s">
        <v>13118</v>
      </c>
      <c r="F696" s="6">
        <v>1751</v>
      </c>
    </row>
    <row r="697" spans="1:6" x14ac:dyDescent="0.25">
      <c r="A697" s="4" t="s">
        <v>7</v>
      </c>
      <c r="B697" s="1" t="s">
        <v>3149</v>
      </c>
      <c r="C697" s="5" t="s">
        <v>3308</v>
      </c>
      <c r="D697" s="1" t="s">
        <v>8599</v>
      </c>
      <c r="E697" s="5" t="s">
        <v>13119</v>
      </c>
      <c r="F697" s="6">
        <v>1752</v>
      </c>
    </row>
    <row r="698" spans="1:6" x14ac:dyDescent="0.25">
      <c r="A698" s="4" t="s">
        <v>7</v>
      </c>
      <c r="B698" s="1" t="s">
        <v>3149</v>
      </c>
      <c r="C698" s="5" t="s">
        <v>4375</v>
      </c>
      <c r="D698" s="1" t="s">
        <v>8600</v>
      </c>
      <c r="E698" s="5" t="s">
        <v>13120</v>
      </c>
      <c r="F698" s="6">
        <v>1753</v>
      </c>
    </row>
    <row r="699" spans="1:6" x14ac:dyDescent="0.25">
      <c r="A699" s="4" t="s">
        <v>7</v>
      </c>
      <c r="B699" s="1" t="s">
        <v>3149</v>
      </c>
      <c r="C699" s="5" t="s">
        <v>4376</v>
      </c>
      <c r="D699" s="1" t="s">
        <v>8601</v>
      </c>
      <c r="E699" s="5" t="s">
        <v>13121</v>
      </c>
      <c r="F699" s="6">
        <v>1754</v>
      </c>
    </row>
    <row r="700" spans="1:6" x14ac:dyDescent="0.25">
      <c r="A700" s="4" t="s">
        <v>7</v>
      </c>
      <c r="B700" s="1" t="s">
        <v>3149</v>
      </c>
      <c r="C700" s="5" t="s">
        <v>3355</v>
      </c>
      <c r="D700" s="1" t="s">
        <v>8602</v>
      </c>
      <c r="E700" s="5" t="s">
        <v>13122</v>
      </c>
      <c r="F700" s="6">
        <v>1755</v>
      </c>
    </row>
    <row r="701" spans="1:6" x14ac:dyDescent="0.25">
      <c r="A701" s="4" t="s">
        <v>7</v>
      </c>
      <c r="B701" s="1" t="s">
        <v>3149</v>
      </c>
      <c r="C701" s="5" t="s">
        <v>3937</v>
      </c>
      <c r="D701" s="1" t="s">
        <v>8603</v>
      </c>
      <c r="E701" s="5" t="s">
        <v>13123</v>
      </c>
      <c r="F701" s="6">
        <v>1756</v>
      </c>
    </row>
    <row r="702" spans="1:6" x14ac:dyDescent="0.25">
      <c r="A702" s="4" t="s">
        <v>7</v>
      </c>
      <c r="B702" s="1" t="s">
        <v>3149</v>
      </c>
      <c r="C702" s="5" t="s">
        <v>3461</v>
      </c>
      <c r="D702" s="1" t="s">
        <v>8604</v>
      </c>
      <c r="E702" s="5" t="s">
        <v>13124</v>
      </c>
      <c r="F702" s="6">
        <v>1757</v>
      </c>
    </row>
    <row r="703" spans="1:6" x14ac:dyDescent="0.25">
      <c r="A703" s="4" t="s">
        <v>7</v>
      </c>
      <c r="B703" s="1" t="s">
        <v>3149</v>
      </c>
      <c r="C703" s="5" t="s">
        <v>4377</v>
      </c>
      <c r="D703" s="1" t="s">
        <v>8605</v>
      </c>
      <c r="E703" s="5" t="s">
        <v>13125</v>
      </c>
      <c r="F703" s="6">
        <v>1758</v>
      </c>
    </row>
    <row r="704" spans="1:6" x14ac:dyDescent="0.25">
      <c r="A704" s="4" t="s">
        <v>7</v>
      </c>
      <c r="B704" s="1" t="s">
        <v>3149</v>
      </c>
      <c r="C704" s="5" t="s">
        <v>3498</v>
      </c>
      <c r="D704" s="1" t="s">
        <v>8606</v>
      </c>
      <c r="E704" s="5" t="s">
        <v>13126</v>
      </c>
      <c r="F704" s="6">
        <v>1759</v>
      </c>
    </row>
    <row r="705" spans="1:6" x14ac:dyDescent="0.25">
      <c r="A705" s="4" t="s">
        <v>7</v>
      </c>
      <c r="B705" s="1" t="s">
        <v>3149</v>
      </c>
      <c r="C705" s="5" t="s">
        <v>3499</v>
      </c>
      <c r="D705" s="1" t="s">
        <v>8724</v>
      </c>
      <c r="E705" s="5" t="s">
        <v>13360</v>
      </c>
      <c r="F705" s="6">
        <v>1993</v>
      </c>
    </row>
    <row r="706" spans="1:6" x14ac:dyDescent="0.25">
      <c r="A706" s="4" t="s">
        <v>7</v>
      </c>
      <c r="B706" s="1" t="s">
        <v>3149</v>
      </c>
      <c r="C706" s="5" t="s">
        <v>4609</v>
      </c>
      <c r="D706" s="1" t="s">
        <v>8755</v>
      </c>
      <c r="E706" s="5" t="s">
        <v>13413</v>
      </c>
      <c r="F706" s="6">
        <v>2047</v>
      </c>
    </row>
    <row r="707" spans="1:6" x14ac:dyDescent="0.25">
      <c r="A707" s="4" t="s">
        <v>7</v>
      </c>
      <c r="B707" s="1" t="s">
        <v>3149</v>
      </c>
      <c r="C707" s="5" t="s">
        <v>3263</v>
      </c>
      <c r="D707" s="1" t="s">
        <v>8838</v>
      </c>
      <c r="E707" s="5" t="s">
        <v>13729</v>
      </c>
      <c r="F707" s="6">
        <v>2377</v>
      </c>
    </row>
    <row r="708" spans="1:6" x14ac:dyDescent="0.25">
      <c r="A708" s="4" t="s">
        <v>7</v>
      </c>
      <c r="B708" s="1" t="s">
        <v>3149</v>
      </c>
      <c r="C708" s="5" t="s">
        <v>3308</v>
      </c>
      <c r="D708" s="1" t="s">
        <v>8847</v>
      </c>
      <c r="E708" s="5" t="s">
        <v>13746</v>
      </c>
      <c r="F708" s="6">
        <v>2394</v>
      </c>
    </row>
    <row r="709" spans="1:6" x14ac:dyDescent="0.25">
      <c r="A709" s="4" t="s">
        <v>7</v>
      </c>
      <c r="B709" s="1" t="s">
        <v>3149</v>
      </c>
      <c r="C709" s="5" t="s">
        <v>3937</v>
      </c>
      <c r="D709" s="1" t="s">
        <v>8939</v>
      </c>
      <c r="E709" s="5" t="s">
        <v>13913</v>
      </c>
      <c r="F709" s="6">
        <v>2565</v>
      </c>
    </row>
    <row r="710" spans="1:6" x14ac:dyDescent="0.25">
      <c r="A710" s="4" t="s">
        <v>7</v>
      </c>
      <c r="B710" s="1" t="s">
        <v>3149</v>
      </c>
      <c r="C710" s="5" t="s">
        <v>5152</v>
      </c>
      <c r="D710" s="1" t="s">
        <v>9008</v>
      </c>
      <c r="E710" s="5" t="s">
        <v>14054</v>
      </c>
      <c r="F710" s="6">
        <v>2709</v>
      </c>
    </row>
    <row r="711" spans="1:6" x14ac:dyDescent="0.25">
      <c r="A711" s="4" t="s">
        <v>7</v>
      </c>
      <c r="B711" s="1" t="s">
        <v>3149</v>
      </c>
      <c r="C711" s="5" t="s">
        <v>5153</v>
      </c>
      <c r="D711" s="1" t="s">
        <v>9009</v>
      </c>
      <c r="E711" s="5" t="s">
        <v>14055</v>
      </c>
      <c r="F711" s="6">
        <v>2710</v>
      </c>
    </row>
    <row r="712" spans="1:6" x14ac:dyDescent="0.25">
      <c r="A712" s="4" t="s">
        <v>7</v>
      </c>
      <c r="B712" s="1" t="s">
        <v>3149</v>
      </c>
      <c r="C712" s="5" t="s">
        <v>5166</v>
      </c>
      <c r="D712" s="1" t="s">
        <v>9019</v>
      </c>
      <c r="E712" s="5" t="s">
        <v>14074</v>
      </c>
      <c r="F712" s="6">
        <v>2729</v>
      </c>
    </row>
    <row r="713" spans="1:6" x14ac:dyDescent="0.25">
      <c r="A713" s="4" t="s">
        <v>7</v>
      </c>
      <c r="B713" s="1" t="s">
        <v>3149</v>
      </c>
      <c r="C713" s="5" t="s">
        <v>5195</v>
      </c>
      <c r="D713" s="1" t="s">
        <v>9045</v>
      </c>
      <c r="E713" s="5" t="s">
        <v>14120</v>
      </c>
      <c r="F713" s="6">
        <v>2777</v>
      </c>
    </row>
    <row r="714" spans="1:6" x14ac:dyDescent="0.25">
      <c r="A714" s="4" t="s">
        <v>7</v>
      </c>
      <c r="B714" s="1" t="s">
        <v>3149</v>
      </c>
      <c r="C714" s="5" t="s">
        <v>3234</v>
      </c>
      <c r="D714" s="1" t="s">
        <v>9046</v>
      </c>
      <c r="E714" s="5" t="s">
        <v>14121</v>
      </c>
      <c r="F714" s="6">
        <v>2778</v>
      </c>
    </row>
    <row r="715" spans="1:6" x14ac:dyDescent="0.25">
      <c r="A715" s="4" t="s">
        <v>7</v>
      </c>
      <c r="B715" s="1" t="s">
        <v>3149</v>
      </c>
      <c r="C715" s="5" t="s">
        <v>4609</v>
      </c>
      <c r="D715" s="1" t="s">
        <v>9047</v>
      </c>
      <c r="E715" s="5" t="s">
        <v>14122</v>
      </c>
      <c r="F715" s="6">
        <v>2779</v>
      </c>
    </row>
    <row r="716" spans="1:6" x14ac:dyDescent="0.25">
      <c r="A716" s="4" t="s">
        <v>7</v>
      </c>
      <c r="B716" s="1" t="s">
        <v>3149</v>
      </c>
      <c r="C716" s="5" t="s">
        <v>3498</v>
      </c>
      <c r="D716" s="1" t="s">
        <v>9061</v>
      </c>
      <c r="E716" s="5" t="s">
        <v>14158</v>
      </c>
      <c r="F716" s="6">
        <v>2815</v>
      </c>
    </row>
    <row r="717" spans="1:6" x14ac:dyDescent="0.25">
      <c r="A717" s="4" t="s">
        <v>7</v>
      </c>
      <c r="B717" s="1" t="s">
        <v>3149</v>
      </c>
      <c r="C717" s="5" t="s">
        <v>3202</v>
      </c>
      <c r="D717" s="1" t="s">
        <v>9071</v>
      </c>
      <c r="E717" s="5" t="s">
        <v>14172</v>
      </c>
      <c r="F717" s="6">
        <v>2829</v>
      </c>
    </row>
    <row r="718" spans="1:6" x14ac:dyDescent="0.25">
      <c r="A718" s="4" t="s">
        <v>7</v>
      </c>
      <c r="B718" s="1" t="s">
        <v>3149</v>
      </c>
      <c r="C718" s="5" t="s">
        <v>5241</v>
      </c>
      <c r="D718" s="1" t="s">
        <v>9079</v>
      </c>
      <c r="E718" s="5" t="s">
        <v>14184</v>
      </c>
      <c r="F718" s="6">
        <v>2841</v>
      </c>
    </row>
    <row r="719" spans="1:6" x14ac:dyDescent="0.25">
      <c r="A719" s="4" t="s">
        <v>7</v>
      </c>
      <c r="B719" s="1" t="s">
        <v>3149</v>
      </c>
      <c r="C719" s="5" t="s">
        <v>5246</v>
      </c>
      <c r="D719" s="1" t="s">
        <v>9084</v>
      </c>
      <c r="E719" s="5" t="s">
        <v>14191</v>
      </c>
      <c r="F719" s="6">
        <v>2850</v>
      </c>
    </row>
    <row r="720" spans="1:6" x14ac:dyDescent="0.25">
      <c r="A720" s="4" t="s">
        <v>7</v>
      </c>
      <c r="B720" s="1" t="s">
        <v>3149</v>
      </c>
      <c r="C720" s="5" t="s">
        <v>5249</v>
      </c>
      <c r="D720" s="1" t="s">
        <v>9088</v>
      </c>
      <c r="E720" s="5" t="s">
        <v>14196</v>
      </c>
      <c r="F720" s="6">
        <v>2855</v>
      </c>
    </row>
    <row r="721" spans="1:6" x14ac:dyDescent="0.25">
      <c r="A721" s="4" t="s">
        <v>7</v>
      </c>
      <c r="B721" s="1" t="s">
        <v>3149</v>
      </c>
      <c r="C721" s="5" t="s">
        <v>3867</v>
      </c>
      <c r="D721" s="1" t="s">
        <v>9091</v>
      </c>
      <c r="E721" s="5" t="s">
        <v>14199</v>
      </c>
      <c r="F721" s="6">
        <v>2858</v>
      </c>
    </row>
    <row r="722" spans="1:6" x14ac:dyDescent="0.25">
      <c r="A722" s="4" t="s">
        <v>7</v>
      </c>
      <c r="B722" s="1" t="s">
        <v>3149</v>
      </c>
      <c r="C722" s="5" t="s">
        <v>3498</v>
      </c>
      <c r="D722" s="1" t="s">
        <v>9092</v>
      </c>
      <c r="E722" s="5" t="s">
        <v>14200</v>
      </c>
      <c r="F722" s="6">
        <v>2859</v>
      </c>
    </row>
    <row r="723" spans="1:6" x14ac:dyDescent="0.25">
      <c r="A723" s="4" t="s">
        <v>7</v>
      </c>
      <c r="B723" s="1" t="s">
        <v>3149</v>
      </c>
      <c r="C723" s="5" t="s">
        <v>3980</v>
      </c>
      <c r="D723" s="1" t="s">
        <v>9098</v>
      </c>
      <c r="E723" s="5" t="s">
        <v>14210</v>
      </c>
      <c r="F723" s="6">
        <v>2870</v>
      </c>
    </row>
    <row r="724" spans="1:6" x14ac:dyDescent="0.25">
      <c r="A724" s="4" t="s">
        <v>7</v>
      </c>
      <c r="B724" s="1" t="s">
        <v>3149</v>
      </c>
      <c r="C724" s="5" t="s">
        <v>3418</v>
      </c>
      <c r="D724" s="1" t="s">
        <v>9244</v>
      </c>
      <c r="E724" s="5" t="s">
        <v>14914</v>
      </c>
      <c r="F724" s="6">
        <v>3635</v>
      </c>
    </row>
    <row r="725" spans="1:6" x14ac:dyDescent="0.25">
      <c r="A725" s="4" t="s">
        <v>7</v>
      </c>
      <c r="B725" s="1" t="s">
        <v>3149</v>
      </c>
      <c r="C725" s="5" t="s">
        <v>3941</v>
      </c>
      <c r="D725" s="1" t="s">
        <v>9245</v>
      </c>
      <c r="E725" s="5" t="s">
        <v>14915</v>
      </c>
      <c r="F725" s="6">
        <v>3636</v>
      </c>
    </row>
    <row r="726" spans="1:6" x14ac:dyDescent="0.25">
      <c r="A726" s="4" t="s">
        <v>7</v>
      </c>
      <c r="B726" s="1" t="s">
        <v>3149</v>
      </c>
      <c r="C726" s="5" t="s">
        <v>5740</v>
      </c>
      <c r="D726" s="1" t="s">
        <v>9246</v>
      </c>
      <c r="E726" s="5" t="s">
        <v>14916</v>
      </c>
      <c r="F726" s="6">
        <v>3637</v>
      </c>
    </row>
    <row r="727" spans="1:6" x14ac:dyDescent="0.25">
      <c r="A727" s="4" t="s">
        <v>7</v>
      </c>
      <c r="B727" s="1" t="s">
        <v>3149</v>
      </c>
      <c r="C727" s="5" t="s">
        <v>3498</v>
      </c>
      <c r="D727" s="1" t="s">
        <v>9279</v>
      </c>
      <c r="E727" s="5" t="s">
        <v>14955</v>
      </c>
      <c r="F727" s="6">
        <v>3678</v>
      </c>
    </row>
    <row r="728" spans="1:6" x14ac:dyDescent="0.25">
      <c r="A728" s="4" t="s">
        <v>7</v>
      </c>
      <c r="B728" s="1" t="s">
        <v>3149</v>
      </c>
      <c r="C728" s="5" t="s">
        <v>3440</v>
      </c>
      <c r="D728" s="1" t="s">
        <v>9287</v>
      </c>
      <c r="E728" s="5" t="s">
        <v>14966</v>
      </c>
      <c r="F728" s="6">
        <v>3689</v>
      </c>
    </row>
    <row r="729" spans="1:6" x14ac:dyDescent="0.25">
      <c r="A729" s="4" t="s">
        <v>7</v>
      </c>
      <c r="B729" s="1" t="s">
        <v>3149</v>
      </c>
      <c r="C729" s="5" t="s">
        <v>3680</v>
      </c>
      <c r="D729" s="1" t="s">
        <v>9288</v>
      </c>
      <c r="E729" s="5" t="s">
        <v>14967</v>
      </c>
      <c r="F729" s="6">
        <v>3690</v>
      </c>
    </row>
    <row r="730" spans="1:6" x14ac:dyDescent="0.25">
      <c r="A730" s="4" t="s">
        <v>7</v>
      </c>
      <c r="B730" s="1" t="s">
        <v>3149</v>
      </c>
      <c r="C730" s="5" t="s">
        <v>3315</v>
      </c>
      <c r="D730" s="1" t="s">
        <v>9307</v>
      </c>
      <c r="E730" s="5" t="s">
        <v>14993</v>
      </c>
      <c r="F730" s="6">
        <v>3718</v>
      </c>
    </row>
    <row r="731" spans="1:6" x14ac:dyDescent="0.25">
      <c r="A731" s="4" t="s">
        <v>7</v>
      </c>
      <c r="B731" s="1" t="s">
        <v>3149</v>
      </c>
      <c r="C731" s="5" t="s">
        <v>5783</v>
      </c>
      <c r="D731" s="1" t="s">
        <v>9308</v>
      </c>
      <c r="E731" s="5" t="s">
        <v>14994</v>
      </c>
      <c r="F731" s="6">
        <v>3719</v>
      </c>
    </row>
    <row r="732" spans="1:6" x14ac:dyDescent="0.25">
      <c r="A732" s="4" t="s">
        <v>7</v>
      </c>
      <c r="B732" s="1" t="s">
        <v>3149</v>
      </c>
      <c r="C732" s="5" t="s">
        <v>5805</v>
      </c>
      <c r="D732" s="1" t="s">
        <v>9328</v>
      </c>
      <c r="E732" s="5" t="s">
        <v>15029</v>
      </c>
      <c r="F732" s="6">
        <v>3757</v>
      </c>
    </row>
    <row r="733" spans="1:6" x14ac:dyDescent="0.25">
      <c r="A733" s="4" t="s">
        <v>7</v>
      </c>
      <c r="B733" s="1" t="s">
        <v>3149</v>
      </c>
      <c r="C733" s="5" t="s">
        <v>3499</v>
      </c>
      <c r="D733" s="1" t="s">
        <v>9329</v>
      </c>
      <c r="E733" s="5" t="s">
        <v>15030</v>
      </c>
      <c r="F733" s="6">
        <v>3758</v>
      </c>
    </row>
    <row r="734" spans="1:6" x14ac:dyDescent="0.25">
      <c r="A734" s="4" t="s">
        <v>7</v>
      </c>
      <c r="B734" s="1" t="s">
        <v>3149</v>
      </c>
      <c r="C734" s="5" t="s">
        <v>5195</v>
      </c>
      <c r="D734" s="1" t="s">
        <v>9342</v>
      </c>
      <c r="E734" s="5" t="s">
        <v>15052</v>
      </c>
      <c r="F734" s="6">
        <v>3780</v>
      </c>
    </row>
    <row r="735" spans="1:6" x14ac:dyDescent="0.25">
      <c r="A735" s="4" t="s">
        <v>7</v>
      </c>
      <c r="B735" s="1" t="s">
        <v>3149</v>
      </c>
      <c r="C735" s="5" t="s">
        <v>3645</v>
      </c>
      <c r="D735" s="1" t="s">
        <v>9343</v>
      </c>
      <c r="E735" s="5" t="s">
        <v>15053</v>
      </c>
      <c r="F735" s="6">
        <v>3781</v>
      </c>
    </row>
    <row r="736" spans="1:6" x14ac:dyDescent="0.25">
      <c r="A736" s="4" t="s">
        <v>7</v>
      </c>
      <c r="B736" s="1" t="s">
        <v>3149</v>
      </c>
      <c r="C736" s="5" t="s">
        <v>5195</v>
      </c>
      <c r="D736" s="1" t="s">
        <v>9344</v>
      </c>
      <c r="E736" s="5" t="s">
        <v>15054</v>
      </c>
      <c r="F736" s="6">
        <v>3782</v>
      </c>
    </row>
    <row r="737" spans="1:6" x14ac:dyDescent="0.25">
      <c r="A737" s="4" t="s">
        <v>7</v>
      </c>
      <c r="B737" s="1" t="s">
        <v>3149</v>
      </c>
      <c r="C737" s="5" t="s">
        <v>3742</v>
      </c>
      <c r="D737" s="1" t="s">
        <v>9350</v>
      </c>
      <c r="E737" s="5" t="s">
        <v>15062</v>
      </c>
      <c r="F737" s="6">
        <v>3790</v>
      </c>
    </row>
    <row r="738" spans="1:6" x14ac:dyDescent="0.25">
      <c r="A738" s="4" t="s">
        <v>7</v>
      </c>
      <c r="B738" s="1" t="s">
        <v>3149</v>
      </c>
      <c r="C738" s="5" t="s">
        <v>3263</v>
      </c>
      <c r="D738" s="1" t="s">
        <v>9360</v>
      </c>
      <c r="E738" s="5" t="s">
        <v>15076</v>
      </c>
      <c r="F738" s="6">
        <v>3804</v>
      </c>
    </row>
    <row r="739" spans="1:6" x14ac:dyDescent="0.25">
      <c r="A739" s="4" t="s">
        <v>7</v>
      </c>
      <c r="B739" s="1" t="s">
        <v>3149</v>
      </c>
      <c r="C739" s="5" t="s">
        <v>3308</v>
      </c>
      <c r="D739" s="1" t="s">
        <v>9372</v>
      </c>
      <c r="E739" s="5" t="s">
        <v>15095</v>
      </c>
      <c r="F739" s="6">
        <v>3824</v>
      </c>
    </row>
    <row r="740" spans="1:6" x14ac:dyDescent="0.25">
      <c r="A740" s="4" t="s">
        <v>7</v>
      </c>
      <c r="B740" s="1" t="s">
        <v>3149</v>
      </c>
      <c r="C740" s="5" t="s">
        <v>5195</v>
      </c>
      <c r="D740" s="1" t="s">
        <v>9373</v>
      </c>
      <c r="E740" s="5" t="s">
        <v>15096</v>
      </c>
      <c r="F740" s="6">
        <v>3825</v>
      </c>
    </row>
    <row r="741" spans="1:6" x14ac:dyDescent="0.25">
      <c r="A741" s="4" t="s">
        <v>7</v>
      </c>
      <c r="B741" s="1" t="s">
        <v>3149</v>
      </c>
      <c r="C741" s="5" t="s">
        <v>4046</v>
      </c>
      <c r="D741" s="1" t="s">
        <v>9405</v>
      </c>
      <c r="E741" s="5" t="s">
        <v>15150</v>
      </c>
      <c r="F741" s="6">
        <v>3881</v>
      </c>
    </row>
    <row r="742" spans="1:6" x14ac:dyDescent="0.25">
      <c r="A742" s="4" t="s">
        <v>7</v>
      </c>
      <c r="B742" s="1" t="s">
        <v>3149</v>
      </c>
      <c r="C742" s="5">
        <v>560008</v>
      </c>
      <c r="D742" s="1" t="s">
        <v>9406</v>
      </c>
      <c r="E742" s="5" t="s">
        <v>15151</v>
      </c>
      <c r="F742" s="6">
        <v>3882</v>
      </c>
    </row>
    <row r="743" spans="1:6" x14ac:dyDescent="0.25">
      <c r="A743" s="4" t="s">
        <v>7</v>
      </c>
      <c r="B743" s="1" t="s">
        <v>3149</v>
      </c>
      <c r="C743" s="5" t="s">
        <v>3624</v>
      </c>
      <c r="D743" s="1" t="s">
        <v>9441</v>
      </c>
      <c r="E743" s="5" t="s">
        <v>15206</v>
      </c>
      <c r="F743" s="6">
        <v>3940</v>
      </c>
    </row>
    <row r="744" spans="1:6" x14ac:dyDescent="0.25">
      <c r="A744" s="4" t="s">
        <v>7</v>
      </c>
      <c r="B744" s="1" t="s">
        <v>3149</v>
      </c>
      <c r="C744" s="5" t="s">
        <v>3263</v>
      </c>
      <c r="D744" s="1" t="s">
        <v>9461</v>
      </c>
      <c r="E744" s="5" t="s">
        <v>15228</v>
      </c>
      <c r="F744" s="6">
        <v>3962</v>
      </c>
    </row>
    <row r="745" spans="1:6" x14ac:dyDescent="0.25">
      <c r="A745" s="4" t="s">
        <v>7</v>
      </c>
      <c r="B745" s="1" t="s">
        <v>3149</v>
      </c>
      <c r="C745" s="5" t="s">
        <v>5910</v>
      </c>
      <c r="D745" s="1" t="s">
        <v>9472</v>
      </c>
      <c r="E745" s="5" t="s">
        <v>15245</v>
      </c>
      <c r="F745" s="6">
        <v>3980</v>
      </c>
    </row>
    <row r="746" spans="1:6" x14ac:dyDescent="0.25">
      <c r="A746" s="4" t="s">
        <v>7</v>
      </c>
      <c r="B746" s="1" t="s">
        <v>3149</v>
      </c>
      <c r="C746" s="5" t="s">
        <v>4136</v>
      </c>
      <c r="D746" s="1" t="s">
        <v>9488</v>
      </c>
      <c r="E746" s="5" t="s">
        <v>15265</v>
      </c>
      <c r="F746" s="6">
        <v>4000</v>
      </c>
    </row>
    <row r="747" spans="1:6" x14ac:dyDescent="0.25">
      <c r="A747" s="4" t="s">
        <v>7</v>
      </c>
      <c r="B747" s="1" t="s">
        <v>3149</v>
      </c>
      <c r="C747" s="5" t="s">
        <v>3263</v>
      </c>
      <c r="D747" s="1" t="s">
        <v>9509</v>
      </c>
      <c r="E747" s="5" t="s">
        <v>15295</v>
      </c>
      <c r="F747" s="6">
        <v>4032</v>
      </c>
    </row>
    <row r="748" spans="1:6" x14ac:dyDescent="0.25">
      <c r="A748" s="4" t="s">
        <v>7</v>
      </c>
      <c r="B748" s="1" t="s">
        <v>3149</v>
      </c>
      <c r="C748" s="5" t="s">
        <v>5936</v>
      </c>
      <c r="D748" s="1" t="s">
        <v>9510</v>
      </c>
      <c r="E748" s="5" t="s">
        <v>15296</v>
      </c>
      <c r="F748" s="6">
        <v>4033</v>
      </c>
    </row>
    <row r="749" spans="1:6" x14ac:dyDescent="0.25">
      <c r="A749" s="4" t="s">
        <v>7</v>
      </c>
      <c r="B749" s="1" t="s">
        <v>3149</v>
      </c>
      <c r="C749" s="5" t="s">
        <v>3355</v>
      </c>
      <c r="D749" s="1" t="s">
        <v>9519</v>
      </c>
      <c r="E749" s="5" t="s">
        <v>15314</v>
      </c>
      <c r="F749" s="6">
        <v>4051</v>
      </c>
    </row>
    <row r="750" spans="1:6" x14ac:dyDescent="0.25">
      <c r="A750" s="4" t="s">
        <v>7</v>
      </c>
      <c r="B750" s="1" t="s">
        <v>3149</v>
      </c>
      <c r="C750" s="5" t="s">
        <v>5950</v>
      </c>
      <c r="D750" s="1" t="s">
        <v>9520</v>
      </c>
      <c r="E750" s="5" t="s">
        <v>15315</v>
      </c>
      <c r="F750" s="6">
        <v>4052</v>
      </c>
    </row>
    <row r="751" spans="1:6" x14ac:dyDescent="0.25">
      <c r="A751" s="4" t="s">
        <v>7</v>
      </c>
      <c r="B751" s="1" t="s">
        <v>3149</v>
      </c>
      <c r="C751" s="5" t="s">
        <v>5241</v>
      </c>
      <c r="D751" s="1" t="s">
        <v>9521</v>
      </c>
      <c r="E751" s="5" t="s">
        <v>15316</v>
      </c>
      <c r="F751" s="6">
        <v>4053</v>
      </c>
    </row>
    <row r="752" spans="1:6" x14ac:dyDescent="0.25">
      <c r="A752" s="4" t="s">
        <v>7</v>
      </c>
      <c r="B752" s="1" t="s">
        <v>3149</v>
      </c>
      <c r="C752" s="5" t="s">
        <v>5966</v>
      </c>
      <c r="D752" s="1" t="s">
        <v>9534</v>
      </c>
      <c r="E752" s="5" t="s">
        <v>15338</v>
      </c>
      <c r="F752" s="6">
        <v>4075</v>
      </c>
    </row>
    <row r="753" spans="1:6" x14ac:dyDescent="0.25">
      <c r="A753" s="4" t="s">
        <v>7</v>
      </c>
      <c r="B753" s="1" t="s">
        <v>3149</v>
      </c>
      <c r="C753" s="5" t="s">
        <v>5967</v>
      </c>
      <c r="D753" s="1" t="s">
        <v>9535</v>
      </c>
      <c r="E753" s="5" t="s">
        <v>15339</v>
      </c>
      <c r="F753" s="6">
        <v>4076</v>
      </c>
    </row>
    <row r="754" spans="1:6" x14ac:dyDescent="0.25">
      <c r="A754" s="4" t="s">
        <v>7</v>
      </c>
      <c r="B754" s="1" t="s">
        <v>3149</v>
      </c>
      <c r="C754" s="5" t="s">
        <v>3514</v>
      </c>
      <c r="D754" s="1" t="s">
        <v>9538</v>
      </c>
      <c r="E754" s="5" t="s">
        <v>15345</v>
      </c>
      <c r="F754" s="6">
        <v>4082</v>
      </c>
    </row>
    <row r="755" spans="1:6" x14ac:dyDescent="0.25">
      <c r="A755" s="4" t="s">
        <v>7</v>
      </c>
      <c r="B755" s="1" t="s">
        <v>3149</v>
      </c>
      <c r="C755" s="5" t="s">
        <v>3499</v>
      </c>
      <c r="D755" s="1" t="s">
        <v>9542</v>
      </c>
      <c r="E755" s="5" t="s">
        <v>15357</v>
      </c>
      <c r="F755" s="6">
        <v>4094</v>
      </c>
    </row>
    <row r="756" spans="1:6" x14ac:dyDescent="0.25">
      <c r="A756" s="4" t="s">
        <v>7</v>
      </c>
      <c r="B756" s="1" t="s">
        <v>3149</v>
      </c>
      <c r="C756" s="5" t="s">
        <v>5166</v>
      </c>
      <c r="D756" s="1" t="s">
        <v>9545</v>
      </c>
      <c r="E756" s="5" t="s">
        <v>15364</v>
      </c>
      <c r="F756" s="6">
        <v>4101</v>
      </c>
    </row>
    <row r="757" spans="1:6" x14ac:dyDescent="0.25">
      <c r="A757" s="4" t="s">
        <v>7</v>
      </c>
      <c r="B757" s="1" t="s">
        <v>3149</v>
      </c>
      <c r="C757" s="5" t="s">
        <v>5241</v>
      </c>
      <c r="D757" s="1" t="s">
        <v>9557</v>
      </c>
      <c r="E757" s="5" t="s">
        <v>15380</v>
      </c>
      <c r="F757" s="6">
        <v>4117</v>
      </c>
    </row>
    <row r="758" spans="1:6" x14ac:dyDescent="0.25">
      <c r="A758" s="4" t="s">
        <v>7</v>
      </c>
      <c r="B758" s="1" t="s">
        <v>3149</v>
      </c>
      <c r="C758" s="5" t="s">
        <v>3875</v>
      </c>
      <c r="D758" s="1" t="s">
        <v>9558</v>
      </c>
      <c r="E758" s="5" t="s">
        <v>15381</v>
      </c>
      <c r="F758" s="6">
        <v>4118</v>
      </c>
    </row>
    <row r="759" spans="1:6" x14ac:dyDescent="0.25">
      <c r="A759" s="4" t="s">
        <v>7</v>
      </c>
      <c r="B759" s="1" t="s">
        <v>3149</v>
      </c>
      <c r="C759" s="5" t="s">
        <v>3329</v>
      </c>
      <c r="D759" s="1" t="s">
        <v>9566</v>
      </c>
      <c r="E759" s="5" t="s">
        <v>15395</v>
      </c>
      <c r="F759" s="6">
        <v>4132</v>
      </c>
    </row>
    <row r="760" spans="1:6" x14ac:dyDescent="0.25">
      <c r="A760" s="4" t="s">
        <v>7</v>
      </c>
      <c r="B760" s="1" t="s">
        <v>3149</v>
      </c>
      <c r="C760" s="5" t="s">
        <v>3308</v>
      </c>
      <c r="D760" s="1" t="s">
        <v>9570</v>
      </c>
      <c r="E760" s="5" t="s">
        <v>15403</v>
      </c>
      <c r="F760" s="6">
        <v>4140</v>
      </c>
    </row>
    <row r="761" spans="1:6" x14ac:dyDescent="0.25">
      <c r="A761" s="4" t="s">
        <v>7</v>
      </c>
      <c r="B761" s="1" t="s">
        <v>3149</v>
      </c>
      <c r="C761" s="5" t="s">
        <v>6034</v>
      </c>
      <c r="D761" s="1" t="s">
        <v>9594</v>
      </c>
      <c r="E761" s="5" t="s">
        <v>15440</v>
      </c>
      <c r="F761" s="6">
        <v>4178</v>
      </c>
    </row>
    <row r="762" spans="1:6" x14ac:dyDescent="0.25">
      <c r="A762" s="4" t="s">
        <v>7</v>
      </c>
      <c r="B762" s="1" t="s">
        <v>3149</v>
      </c>
      <c r="C762" s="5" t="s">
        <v>3263</v>
      </c>
      <c r="D762" s="1" t="s">
        <v>9597</v>
      </c>
      <c r="E762" s="5" t="s">
        <v>15444</v>
      </c>
      <c r="F762" s="6">
        <v>4182</v>
      </c>
    </row>
    <row r="763" spans="1:6" x14ac:dyDescent="0.25">
      <c r="A763" s="4" t="s">
        <v>7</v>
      </c>
      <c r="B763" s="1" t="s">
        <v>3149</v>
      </c>
      <c r="C763" s="5" t="s">
        <v>4053</v>
      </c>
      <c r="D763" s="1" t="s">
        <v>9598</v>
      </c>
      <c r="E763" s="5" t="s">
        <v>15445</v>
      </c>
      <c r="F763" s="6">
        <v>4183</v>
      </c>
    </row>
    <row r="764" spans="1:6" x14ac:dyDescent="0.25">
      <c r="A764" s="4" t="s">
        <v>7</v>
      </c>
      <c r="B764" s="1" t="s">
        <v>3149</v>
      </c>
      <c r="C764" s="5" t="s">
        <v>6044</v>
      </c>
      <c r="D764" s="1" t="s">
        <v>9607</v>
      </c>
      <c r="E764" s="5" t="s">
        <v>15454</v>
      </c>
      <c r="F764" s="6">
        <v>4192</v>
      </c>
    </row>
    <row r="765" spans="1:6" x14ac:dyDescent="0.25">
      <c r="A765" s="4" t="s">
        <v>7</v>
      </c>
      <c r="B765" s="1" t="s">
        <v>3149</v>
      </c>
      <c r="C765" s="5" t="s">
        <v>4609</v>
      </c>
      <c r="D765" s="1" t="s">
        <v>9608</v>
      </c>
      <c r="E765" s="5" t="s">
        <v>15455</v>
      </c>
      <c r="F765" s="6">
        <v>4193</v>
      </c>
    </row>
    <row r="766" spans="1:6" x14ac:dyDescent="0.25">
      <c r="A766" s="4" t="s">
        <v>7</v>
      </c>
      <c r="B766" s="1" t="s">
        <v>3149</v>
      </c>
      <c r="C766" s="5" t="s">
        <v>4609</v>
      </c>
      <c r="D766" s="1" t="s">
        <v>9620</v>
      </c>
      <c r="E766" s="5" t="s">
        <v>15472</v>
      </c>
      <c r="F766" s="6">
        <v>4210</v>
      </c>
    </row>
    <row r="767" spans="1:6" x14ac:dyDescent="0.25">
      <c r="A767" s="4" t="s">
        <v>7</v>
      </c>
      <c r="B767" s="1" t="s">
        <v>3149</v>
      </c>
      <c r="C767" s="5" t="s">
        <v>3499</v>
      </c>
      <c r="D767" s="1" t="s">
        <v>9628</v>
      </c>
      <c r="E767" s="5" t="s">
        <v>15482</v>
      </c>
      <c r="F767" s="6">
        <v>4220</v>
      </c>
    </row>
    <row r="768" spans="1:6" x14ac:dyDescent="0.25">
      <c r="A768" s="4" t="s">
        <v>7</v>
      </c>
      <c r="B768" s="1" t="s">
        <v>3149</v>
      </c>
      <c r="C768" s="5" t="s">
        <v>3514</v>
      </c>
      <c r="D768" s="1" t="s">
        <v>9632</v>
      </c>
      <c r="E768" s="5" t="s">
        <v>15490</v>
      </c>
      <c r="F768" s="6">
        <v>4228</v>
      </c>
    </row>
    <row r="769" spans="1:6" x14ac:dyDescent="0.25">
      <c r="A769" s="4" t="s">
        <v>7</v>
      </c>
      <c r="B769" s="1" t="s">
        <v>3149</v>
      </c>
      <c r="C769" s="5" t="s">
        <v>6080</v>
      </c>
      <c r="D769" s="1" t="s">
        <v>9643</v>
      </c>
      <c r="E769" s="5" t="s">
        <v>15510</v>
      </c>
      <c r="F769" s="6">
        <v>4248</v>
      </c>
    </row>
    <row r="770" spans="1:6" x14ac:dyDescent="0.25">
      <c r="A770" s="4" t="s">
        <v>7</v>
      </c>
      <c r="B770" s="1" t="s">
        <v>3149</v>
      </c>
      <c r="C770" s="5" t="s">
        <v>3461</v>
      </c>
      <c r="D770" s="1" t="s">
        <v>9646</v>
      </c>
      <c r="E770" s="5" t="s">
        <v>15513</v>
      </c>
      <c r="F770" s="6">
        <v>4251</v>
      </c>
    </row>
    <row r="771" spans="1:6" x14ac:dyDescent="0.25">
      <c r="A771" s="4" t="s">
        <v>7</v>
      </c>
      <c r="B771" s="1" t="s">
        <v>3149</v>
      </c>
      <c r="C771" s="5" t="s">
        <v>3355</v>
      </c>
      <c r="D771" s="1" t="s">
        <v>9651</v>
      </c>
      <c r="E771" s="5" t="s">
        <v>15522</v>
      </c>
      <c r="F771" s="6">
        <v>4260</v>
      </c>
    </row>
    <row r="772" spans="1:6" x14ac:dyDescent="0.25">
      <c r="A772" s="4" t="s">
        <v>7</v>
      </c>
      <c r="B772" s="1" t="s">
        <v>3149</v>
      </c>
      <c r="C772" s="5" t="s">
        <v>6087</v>
      </c>
      <c r="D772" s="1" t="s">
        <v>9652</v>
      </c>
      <c r="E772" s="5" t="s">
        <v>15523</v>
      </c>
      <c r="F772" s="6">
        <v>4261</v>
      </c>
    </row>
    <row r="773" spans="1:6" x14ac:dyDescent="0.25">
      <c r="A773" s="4" t="s">
        <v>7</v>
      </c>
      <c r="B773" s="1" t="s">
        <v>3149</v>
      </c>
      <c r="C773" s="5" t="s">
        <v>3680</v>
      </c>
      <c r="D773" s="1" t="s">
        <v>9658</v>
      </c>
      <c r="E773" s="5" t="s">
        <v>15531</v>
      </c>
      <c r="F773" s="6">
        <v>4269</v>
      </c>
    </row>
    <row r="774" spans="1:6" x14ac:dyDescent="0.25">
      <c r="A774" s="4" t="s">
        <v>7</v>
      </c>
      <c r="B774" s="1" t="s">
        <v>3149</v>
      </c>
      <c r="C774" s="5" t="s">
        <v>3867</v>
      </c>
      <c r="D774" s="1" t="s">
        <v>9661</v>
      </c>
      <c r="E774" s="5" t="s">
        <v>15534</v>
      </c>
      <c r="F774" s="6">
        <v>4274</v>
      </c>
    </row>
    <row r="775" spans="1:6" x14ac:dyDescent="0.25">
      <c r="A775" s="4" t="s">
        <v>7</v>
      </c>
      <c r="B775" s="1" t="s">
        <v>3149</v>
      </c>
      <c r="C775" s="5" t="s">
        <v>3875</v>
      </c>
      <c r="D775" s="1" t="s">
        <v>9685</v>
      </c>
      <c r="E775" s="5" t="s">
        <v>15568</v>
      </c>
      <c r="F775" s="6">
        <v>4310</v>
      </c>
    </row>
    <row r="776" spans="1:6" x14ac:dyDescent="0.25">
      <c r="A776" s="4" t="s">
        <v>7</v>
      </c>
      <c r="B776" s="1" t="s">
        <v>3149</v>
      </c>
      <c r="C776" s="5" t="s">
        <v>3498</v>
      </c>
      <c r="D776" s="1" t="s">
        <v>9728</v>
      </c>
      <c r="E776" s="5" t="s">
        <v>15625</v>
      </c>
      <c r="F776" s="6">
        <v>4367</v>
      </c>
    </row>
    <row r="777" spans="1:6" x14ac:dyDescent="0.25">
      <c r="A777" s="4" t="s">
        <v>7</v>
      </c>
      <c r="B777" s="1" t="s">
        <v>3149</v>
      </c>
      <c r="C777" s="5" t="s">
        <v>6161</v>
      </c>
      <c r="D777" s="1" t="s">
        <v>9737</v>
      </c>
      <c r="E777" s="5" t="s">
        <v>15642</v>
      </c>
      <c r="F777" s="6">
        <v>4384</v>
      </c>
    </row>
    <row r="778" spans="1:6" x14ac:dyDescent="0.25">
      <c r="A778" s="4" t="s">
        <v>7</v>
      </c>
      <c r="B778" s="1" t="s">
        <v>3149</v>
      </c>
      <c r="C778" s="5" t="s">
        <v>3498</v>
      </c>
      <c r="D778" s="1" t="s">
        <v>9738</v>
      </c>
      <c r="E778" s="5" t="s">
        <v>15643</v>
      </c>
      <c r="F778" s="6">
        <v>4385</v>
      </c>
    </row>
    <row r="779" spans="1:6" x14ac:dyDescent="0.25">
      <c r="A779" s="4" t="s">
        <v>7</v>
      </c>
      <c r="B779" s="1" t="s">
        <v>3149</v>
      </c>
      <c r="C779" s="5" t="s">
        <v>5805</v>
      </c>
      <c r="D779" s="1" t="s">
        <v>9739</v>
      </c>
      <c r="E779" s="5" t="s">
        <v>15644</v>
      </c>
      <c r="F779" s="6">
        <v>4386</v>
      </c>
    </row>
    <row r="780" spans="1:6" x14ac:dyDescent="0.25">
      <c r="A780" s="4" t="s">
        <v>7</v>
      </c>
      <c r="B780" s="1" t="s">
        <v>3149</v>
      </c>
      <c r="C780" s="5" t="s">
        <v>5195</v>
      </c>
      <c r="D780" s="1" t="s">
        <v>9785</v>
      </c>
      <c r="E780" s="5" t="s">
        <v>15694</v>
      </c>
      <c r="F780" s="6">
        <v>4460</v>
      </c>
    </row>
    <row r="781" spans="1:6" x14ac:dyDescent="0.25">
      <c r="A781" s="4" t="s">
        <v>7</v>
      </c>
      <c r="B781" s="1" t="s">
        <v>3149</v>
      </c>
      <c r="C781" s="5" t="s">
        <v>3645</v>
      </c>
      <c r="D781" s="1" t="s">
        <v>9849</v>
      </c>
      <c r="E781" s="5" t="s">
        <v>15774</v>
      </c>
      <c r="F781" s="6">
        <v>4680</v>
      </c>
    </row>
    <row r="782" spans="1:6" x14ac:dyDescent="0.25">
      <c r="A782" s="4" t="s">
        <v>7</v>
      </c>
      <c r="B782" s="1" t="s">
        <v>3149</v>
      </c>
      <c r="C782" s="5" t="s">
        <v>3621</v>
      </c>
      <c r="D782" s="1" t="s">
        <v>103</v>
      </c>
      <c r="E782" s="5" t="s">
        <v>15790</v>
      </c>
      <c r="F782" s="6">
        <v>4697</v>
      </c>
    </row>
    <row r="783" spans="1:6" x14ac:dyDescent="0.25">
      <c r="A783" s="4" t="s">
        <v>7</v>
      </c>
      <c r="B783" s="1" t="s">
        <v>3149</v>
      </c>
      <c r="C783" s="5" t="s">
        <v>6246</v>
      </c>
      <c r="D783" s="1" t="s">
        <v>9875</v>
      </c>
      <c r="E783" s="5" t="s">
        <v>15807</v>
      </c>
      <c r="F783" s="6">
        <v>4716</v>
      </c>
    </row>
    <row r="784" spans="1:6" x14ac:dyDescent="0.25">
      <c r="A784" s="4" t="s">
        <v>7</v>
      </c>
      <c r="B784" s="1" t="s">
        <v>3149</v>
      </c>
      <c r="C784" s="5" t="s">
        <v>4006</v>
      </c>
      <c r="D784" s="1" t="s">
        <v>9953</v>
      </c>
      <c r="E784" s="5" t="s">
        <v>15907</v>
      </c>
      <c r="F784" s="6">
        <v>4823</v>
      </c>
    </row>
    <row r="785" spans="1:6" x14ac:dyDescent="0.25">
      <c r="A785" s="4" t="s">
        <v>7</v>
      </c>
      <c r="B785" s="1" t="s">
        <v>3149</v>
      </c>
      <c r="C785" s="5" t="s">
        <v>3972</v>
      </c>
      <c r="D785" s="1" t="s">
        <v>9964</v>
      </c>
      <c r="E785" s="5" t="s">
        <v>15921</v>
      </c>
      <c r="F785" s="6">
        <v>4839</v>
      </c>
    </row>
    <row r="786" spans="1:6" x14ac:dyDescent="0.25">
      <c r="A786" s="4" t="s">
        <v>7</v>
      </c>
      <c r="B786" s="1" t="s">
        <v>3149</v>
      </c>
      <c r="C786" s="5" t="s">
        <v>6314</v>
      </c>
      <c r="D786" s="1" t="s">
        <v>9968</v>
      </c>
      <c r="E786" s="5" t="s">
        <v>15925</v>
      </c>
      <c r="F786" s="6">
        <v>4843</v>
      </c>
    </row>
    <row r="787" spans="1:6" x14ac:dyDescent="0.25">
      <c r="A787" s="4" t="s">
        <v>7</v>
      </c>
      <c r="B787" s="1" t="s">
        <v>3149</v>
      </c>
      <c r="C787" s="5" t="s">
        <v>6034</v>
      </c>
      <c r="D787" s="1" t="s">
        <v>9991</v>
      </c>
      <c r="E787" s="5" t="s">
        <v>15957</v>
      </c>
      <c r="F787" s="6">
        <v>4876</v>
      </c>
    </row>
    <row r="788" spans="1:6" x14ac:dyDescent="0.25">
      <c r="A788" s="4" t="s">
        <v>7</v>
      </c>
      <c r="B788" s="1" t="s">
        <v>3149</v>
      </c>
      <c r="C788" s="5" t="s">
        <v>3461</v>
      </c>
      <c r="D788" s="1" t="s">
        <v>10005</v>
      </c>
      <c r="E788" s="5" t="s">
        <v>15976</v>
      </c>
      <c r="F788" s="6">
        <v>4895</v>
      </c>
    </row>
    <row r="789" spans="1:6" x14ac:dyDescent="0.25">
      <c r="A789" s="4" t="s">
        <v>7</v>
      </c>
      <c r="B789" s="1" t="s">
        <v>3149</v>
      </c>
      <c r="C789" s="5">
        <v>560078</v>
      </c>
      <c r="D789" s="1" t="s">
        <v>10029</v>
      </c>
      <c r="E789" s="5" t="s">
        <v>16010</v>
      </c>
      <c r="F789" s="6">
        <v>4963</v>
      </c>
    </row>
    <row r="790" spans="1:6" x14ac:dyDescent="0.25">
      <c r="A790" s="4" t="s">
        <v>7</v>
      </c>
      <c r="B790" s="1" t="s">
        <v>3149</v>
      </c>
      <c r="C790" s="5" t="s">
        <v>3308</v>
      </c>
      <c r="D790" s="1" t="s">
        <v>10065</v>
      </c>
      <c r="E790" s="5" t="s">
        <v>16057</v>
      </c>
      <c r="F790" s="6">
        <v>5075</v>
      </c>
    </row>
    <row r="791" spans="1:6" x14ac:dyDescent="0.25">
      <c r="A791" s="4" t="s">
        <v>7</v>
      </c>
      <c r="B791" s="1" t="s">
        <v>3149</v>
      </c>
      <c r="C791" s="5" t="s">
        <v>3972</v>
      </c>
      <c r="D791" s="1" t="s">
        <v>10170</v>
      </c>
      <c r="E791" s="5" t="s">
        <v>16186</v>
      </c>
      <c r="F791" s="6">
        <v>5315</v>
      </c>
    </row>
    <row r="792" spans="1:6" x14ac:dyDescent="0.25">
      <c r="A792" s="4" t="s">
        <v>7</v>
      </c>
      <c r="B792" s="1" t="s">
        <v>3149</v>
      </c>
      <c r="C792" s="5" t="s">
        <v>3514</v>
      </c>
      <c r="D792" s="1" t="s">
        <v>10187</v>
      </c>
      <c r="E792" s="5" t="s">
        <v>16204</v>
      </c>
      <c r="F792" s="6">
        <v>5362</v>
      </c>
    </row>
    <row r="793" spans="1:6" x14ac:dyDescent="0.25">
      <c r="A793" s="4" t="s">
        <v>7</v>
      </c>
      <c r="B793" s="1" t="s">
        <v>3149</v>
      </c>
      <c r="C793" s="5" t="s">
        <v>3941</v>
      </c>
      <c r="D793" s="1" t="s">
        <v>10219</v>
      </c>
      <c r="E793" s="5" t="s">
        <v>16253</v>
      </c>
      <c r="F793" s="6">
        <v>5493</v>
      </c>
    </row>
    <row r="794" spans="1:6" x14ac:dyDescent="0.25">
      <c r="A794" s="4" t="s">
        <v>7</v>
      </c>
      <c r="B794" s="1" t="s">
        <v>3149</v>
      </c>
      <c r="C794" s="5" t="s">
        <v>6492</v>
      </c>
      <c r="D794" s="1" t="s">
        <v>10247</v>
      </c>
      <c r="E794" s="5" t="s">
        <v>16304</v>
      </c>
      <c r="F794" s="6">
        <v>5609</v>
      </c>
    </row>
    <row r="795" spans="1:6" x14ac:dyDescent="0.25">
      <c r="A795" s="4" t="s">
        <v>7</v>
      </c>
      <c r="B795" s="1" t="s">
        <v>3149</v>
      </c>
      <c r="C795" s="5" t="s">
        <v>3514</v>
      </c>
      <c r="D795" s="1" t="s">
        <v>10249</v>
      </c>
      <c r="E795" s="5" t="s">
        <v>16306</v>
      </c>
      <c r="F795" s="6">
        <v>5612</v>
      </c>
    </row>
    <row r="796" spans="1:6" x14ac:dyDescent="0.25">
      <c r="A796" s="4" t="s">
        <v>7</v>
      </c>
      <c r="B796" s="1" t="s">
        <v>3149</v>
      </c>
      <c r="C796" s="5" t="s">
        <v>6080</v>
      </c>
      <c r="D796" s="1" t="s">
        <v>10266</v>
      </c>
      <c r="E796" s="5" t="s">
        <v>16329</v>
      </c>
      <c r="F796" s="6">
        <v>5662</v>
      </c>
    </row>
    <row r="797" spans="1:6" x14ac:dyDescent="0.25">
      <c r="A797" s="4" t="s">
        <v>7</v>
      </c>
      <c r="B797" s="1" t="s">
        <v>3149</v>
      </c>
      <c r="C797" s="5" t="s">
        <v>5241</v>
      </c>
      <c r="D797" s="1" t="s">
        <v>10471</v>
      </c>
      <c r="E797" s="5" t="s">
        <v>16631</v>
      </c>
      <c r="F797" s="6">
        <v>6429</v>
      </c>
    </row>
    <row r="798" spans="1:6" x14ac:dyDescent="0.25">
      <c r="A798" s="4" t="s">
        <v>7</v>
      </c>
      <c r="B798" s="1" t="s">
        <v>3149</v>
      </c>
      <c r="C798" s="5" t="s">
        <v>4375</v>
      </c>
      <c r="D798" s="1" t="s">
        <v>10472</v>
      </c>
      <c r="E798" s="5" t="s">
        <v>16632</v>
      </c>
      <c r="F798" s="6">
        <v>6431</v>
      </c>
    </row>
    <row r="799" spans="1:6" x14ac:dyDescent="0.25">
      <c r="A799" s="4" t="s">
        <v>7</v>
      </c>
      <c r="B799" s="1" t="s">
        <v>3149</v>
      </c>
      <c r="C799" s="5" t="s">
        <v>6702</v>
      </c>
      <c r="D799" s="1" t="s">
        <v>10541</v>
      </c>
      <c r="E799" s="5" t="s">
        <v>16724</v>
      </c>
      <c r="F799" s="6">
        <v>6704</v>
      </c>
    </row>
    <row r="800" spans="1:6" x14ac:dyDescent="0.25">
      <c r="A800" s="4" t="s">
        <v>7</v>
      </c>
      <c r="B800" s="1" t="s">
        <v>3149</v>
      </c>
      <c r="C800" s="5">
        <v>560076</v>
      </c>
      <c r="D800" s="1" t="s">
        <v>10863</v>
      </c>
      <c r="E800" s="5" t="s">
        <v>17144</v>
      </c>
      <c r="F800" s="6">
        <v>8038</v>
      </c>
    </row>
    <row r="801" spans="1:6" x14ac:dyDescent="0.25">
      <c r="A801" s="4" t="s">
        <v>7</v>
      </c>
      <c r="B801" s="1" t="s">
        <v>3149</v>
      </c>
      <c r="C801" s="5" t="s">
        <v>4136</v>
      </c>
      <c r="D801" s="1" t="s">
        <v>11106</v>
      </c>
      <c r="E801" s="5" t="s">
        <v>17457</v>
      </c>
      <c r="F801" s="6">
        <v>9068</v>
      </c>
    </row>
    <row r="802" spans="1:6" x14ac:dyDescent="0.25">
      <c r="A802" s="4" t="s">
        <v>7</v>
      </c>
      <c r="B802" s="1" t="s">
        <v>3149</v>
      </c>
      <c r="C802" s="5" t="s">
        <v>7037</v>
      </c>
      <c r="D802" s="1" t="s">
        <v>11122</v>
      </c>
      <c r="E802" s="5" t="s">
        <v>17478</v>
      </c>
      <c r="F802" s="6">
        <v>9089</v>
      </c>
    </row>
    <row r="803" spans="1:6" x14ac:dyDescent="0.25">
      <c r="A803" s="4" t="s">
        <v>7</v>
      </c>
      <c r="B803" s="1" t="s">
        <v>3149</v>
      </c>
      <c r="C803" s="5" t="s">
        <v>4104</v>
      </c>
      <c r="D803" s="1" t="s">
        <v>11146</v>
      </c>
      <c r="E803" s="5" t="s">
        <v>17506</v>
      </c>
      <c r="F803" s="6">
        <v>9118</v>
      </c>
    </row>
    <row r="804" spans="1:6" x14ac:dyDescent="0.25">
      <c r="A804" s="4" t="s">
        <v>7</v>
      </c>
      <c r="B804" s="1" t="s">
        <v>3149</v>
      </c>
      <c r="C804" s="5" t="s">
        <v>3499</v>
      </c>
      <c r="D804" s="1" t="s">
        <v>11197</v>
      </c>
      <c r="E804" s="5" t="s">
        <v>17581</v>
      </c>
      <c r="F804" s="6">
        <v>9196</v>
      </c>
    </row>
    <row r="805" spans="1:6" x14ac:dyDescent="0.25">
      <c r="A805" s="4" t="s">
        <v>7</v>
      </c>
      <c r="B805" s="1" t="s">
        <v>3149</v>
      </c>
      <c r="C805" s="5" t="s">
        <v>3624</v>
      </c>
      <c r="D805" s="1" t="s">
        <v>11224</v>
      </c>
      <c r="E805" s="5" t="s">
        <v>17616</v>
      </c>
      <c r="F805" s="6">
        <v>9233</v>
      </c>
    </row>
    <row r="806" spans="1:6" x14ac:dyDescent="0.25">
      <c r="A806" s="4" t="s">
        <v>7</v>
      </c>
      <c r="B806" s="1" t="s">
        <v>3149</v>
      </c>
      <c r="C806" s="5" t="s">
        <v>3867</v>
      </c>
      <c r="D806" s="1" t="s">
        <v>11242</v>
      </c>
      <c r="E806" s="5" t="s">
        <v>17639</v>
      </c>
      <c r="F806" s="6">
        <v>9257</v>
      </c>
    </row>
    <row r="807" spans="1:6" x14ac:dyDescent="0.25">
      <c r="A807" s="4" t="s">
        <v>7</v>
      </c>
      <c r="B807" s="1" t="s">
        <v>3149</v>
      </c>
      <c r="C807" s="5" t="s">
        <v>4104</v>
      </c>
      <c r="D807" s="1" t="s">
        <v>11263</v>
      </c>
      <c r="E807" s="5" t="s">
        <v>17668</v>
      </c>
      <c r="F807" s="6">
        <v>9286</v>
      </c>
    </row>
    <row r="808" spans="1:6" x14ac:dyDescent="0.25">
      <c r="A808" s="4" t="s">
        <v>7</v>
      </c>
      <c r="B808" s="1" t="s">
        <v>3149</v>
      </c>
      <c r="C808" s="5" t="s">
        <v>3937</v>
      </c>
      <c r="D808" s="1" t="s">
        <v>11296</v>
      </c>
      <c r="E808" s="5" t="s">
        <v>17709</v>
      </c>
      <c r="F808" s="6">
        <v>9329</v>
      </c>
    </row>
    <row r="809" spans="1:6" x14ac:dyDescent="0.25">
      <c r="A809" s="4" t="s">
        <v>7</v>
      </c>
      <c r="B809" s="1" t="s">
        <v>3149</v>
      </c>
      <c r="C809" s="5" t="s">
        <v>4104</v>
      </c>
      <c r="D809" s="1" t="s">
        <v>11354</v>
      </c>
      <c r="E809" s="5" t="s">
        <v>17778</v>
      </c>
      <c r="F809" s="6">
        <v>9400</v>
      </c>
    </row>
    <row r="810" spans="1:6" x14ac:dyDescent="0.25">
      <c r="A810" s="4" t="s">
        <v>7</v>
      </c>
      <c r="B810" s="1" t="s">
        <v>3149</v>
      </c>
      <c r="C810" s="5" t="s">
        <v>6314</v>
      </c>
      <c r="D810" s="1" t="s">
        <v>11360</v>
      </c>
      <c r="E810" s="5" t="s">
        <v>17784</v>
      </c>
      <c r="F810" s="6">
        <v>9406</v>
      </c>
    </row>
    <row r="811" spans="1:6" x14ac:dyDescent="0.25">
      <c r="A811" s="4" t="s">
        <v>7</v>
      </c>
      <c r="B811" s="1" t="s">
        <v>3149</v>
      </c>
      <c r="C811" s="5" t="s">
        <v>5966</v>
      </c>
      <c r="D811" s="1" t="s">
        <v>11366</v>
      </c>
      <c r="E811" s="5" t="s">
        <v>17791</v>
      </c>
      <c r="F811" s="6">
        <v>9413</v>
      </c>
    </row>
    <row r="812" spans="1:6" x14ac:dyDescent="0.25">
      <c r="A812" s="4" t="s">
        <v>7</v>
      </c>
      <c r="B812" s="1" t="s">
        <v>3149</v>
      </c>
      <c r="C812" s="5" t="s">
        <v>6246</v>
      </c>
      <c r="D812" s="1" t="s">
        <v>11376</v>
      </c>
      <c r="E812" s="5" t="s">
        <v>17802</v>
      </c>
      <c r="F812" s="6">
        <v>9428</v>
      </c>
    </row>
    <row r="813" spans="1:6" x14ac:dyDescent="0.25">
      <c r="A813" s="4" t="s">
        <v>7</v>
      </c>
      <c r="B813" s="1" t="s">
        <v>3149</v>
      </c>
      <c r="C813" s="5" t="s">
        <v>3980</v>
      </c>
      <c r="D813" s="1" t="s">
        <v>11389</v>
      </c>
      <c r="E813" s="5" t="s">
        <v>17815</v>
      </c>
      <c r="F813" s="6">
        <v>9441</v>
      </c>
    </row>
    <row r="814" spans="1:6" x14ac:dyDescent="0.25">
      <c r="A814" s="4" t="s">
        <v>7</v>
      </c>
      <c r="B814" s="1" t="s">
        <v>3149</v>
      </c>
      <c r="C814" s="5" t="s">
        <v>3975</v>
      </c>
      <c r="D814" s="1" t="s">
        <v>11390</v>
      </c>
      <c r="E814" s="5" t="s">
        <v>17816</v>
      </c>
      <c r="F814" s="6">
        <v>9442</v>
      </c>
    </row>
    <row r="815" spans="1:6" x14ac:dyDescent="0.25">
      <c r="A815" s="4" t="s">
        <v>7</v>
      </c>
      <c r="B815" s="1" t="s">
        <v>3149</v>
      </c>
      <c r="C815" s="5" t="s">
        <v>4104</v>
      </c>
      <c r="D815" s="1" t="s">
        <v>11427</v>
      </c>
      <c r="E815" s="5" t="s">
        <v>17860</v>
      </c>
      <c r="F815" s="6">
        <v>9489</v>
      </c>
    </row>
    <row r="816" spans="1:6" x14ac:dyDescent="0.25">
      <c r="A816" s="4" t="s">
        <v>7</v>
      </c>
      <c r="B816" s="1" t="s">
        <v>3149</v>
      </c>
      <c r="C816" s="5" t="s">
        <v>5166</v>
      </c>
      <c r="D816" s="1" t="s">
        <v>11436</v>
      </c>
      <c r="E816" s="5" t="s">
        <v>17869</v>
      </c>
      <c r="F816" s="6">
        <v>9498</v>
      </c>
    </row>
    <row r="817" spans="1:6" x14ac:dyDescent="0.25">
      <c r="A817" s="4" t="s">
        <v>7</v>
      </c>
      <c r="B817" s="1" t="s">
        <v>3149</v>
      </c>
      <c r="C817" s="5" t="s">
        <v>3308</v>
      </c>
      <c r="D817" s="1" t="s">
        <v>11486</v>
      </c>
      <c r="E817" s="5" t="s">
        <v>17943</v>
      </c>
      <c r="F817" s="6">
        <v>9574</v>
      </c>
    </row>
    <row r="818" spans="1:6" x14ac:dyDescent="0.25">
      <c r="A818" s="4" t="s">
        <v>7</v>
      </c>
      <c r="B818" s="1" t="s">
        <v>3149</v>
      </c>
      <c r="C818" s="5" t="s">
        <v>7275</v>
      </c>
      <c r="D818" s="1" t="s">
        <v>11497</v>
      </c>
      <c r="E818" s="5" t="s">
        <v>17958</v>
      </c>
      <c r="F818" s="6">
        <v>9590</v>
      </c>
    </row>
    <row r="819" spans="1:6" x14ac:dyDescent="0.25">
      <c r="A819" s="4" t="s">
        <v>7</v>
      </c>
      <c r="B819" s="1" t="s">
        <v>3149</v>
      </c>
      <c r="C819" s="5" t="s">
        <v>3202</v>
      </c>
      <c r="D819" s="1" t="s">
        <v>11589</v>
      </c>
      <c r="E819" s="5" t="s">
        <v>18066</v>
      </c>
      <c r="F819" s="6">
        <v>9764</v>
      </c>
    </row>
    <row r="820" spans="1:6" x14ac:dyDescent="0.25">
      <c r="A820" s="4" t="s">
        <v>2496</v>
      </c>
      <c r="B820" s="1" t="s">
        <v>3153</v>
      </c>
      <c r="C820" s="5" t="s">
        <v>6368</v>
      </c>
      <c r="D820" s="1" t="s">
        <v>2496</v>
      </c>
      <c r="E820" s="5" t="s">
        <v>16064</v>
      </c>
      <c r="F820" s="6">
        <v>5094</v>
      </c>
    </row>
    <row r="821" spans="1:6" x14ac:dyDescent="0.25">
      <c r="A821" s="4" t="s">
        <v>2402</v>
      </c>
      <c r="B821" s="1" t="s">
        <v>3153</v>
      </c>
      <c r="C821" s="5" t="s">
        <v>6229</v>
      </c>
      <c r="D821" s="1" t="s">
        <v>2402</v>
      </c>
      <c r="E821" s="5" t="s">
        <v>15777</v>
      </c>
      <c r="F821" s="6">
        <v>4683</v>
      </c>
    </row>
    <row r="822" spans="1:6" x14ac:dyDescent="0.25">
      <c r="A822" s="4" t="s">
        <v>254</v>
      </c>
      <c r="B822" s="1" t="s">
        <v>3148</v>
      </c>
      <c r="C822" s="5" t="s">
        <v>3690</v>
      </c>
      <c r="D822" s="1" t="s">
        <v>7860</v>
      </c>
      <c r="E822" s="5" t="s">
        <v>12165</v>
      </c>
      <c r="F822" s="6">
        <v>639</v>
      </c>
    </row>
    <row r="823" spans="1:6" x14ac:dyDescent="0.25">
      <c r="A823" s="4" t="s">
        <v>254</v>
      </c>
      <c r="B823" s="1" t="s">
        <v>3148</v>
      </c>
      <c r="C823" s="5" t="s">
        <v>6580</v>
      </c>
      <c r="D823" s="1" t="s">
        <v>10357</v>
      </c>
      <c r="E823" s="5" t="s">
        <v>16474</v>
      </c>
      <c r="F823" s="6">
        <v>6005</v>
      </c>
    </row>
    <row r="824" spans="1:6" x14ac:dyDescent="0.25">
      <c r="A824" s="4" t="s">
        <v>2685</v>
      </c>
      <c r="B824" s="1" t="s">
        <v>3155</v>
      </c>
      <c r="C824" s="5" t="s">
        <v>6609</v>
      </c>
      <c r="D824" s="1" t="s">
        <v>2685</v>
      </c>
      <c r="E824" s="5" t="s">
        <v>16523</v>
      </c>
      <c r="F824" s="6">
        <v>6158</v>
      </c>
    </row>
    <row r="825" spans="1:6" x14ac:dyDescent="0.25">
      <c r="A825" s="4" t="s">
        <v>628</v>
      </c>
      <c r="B825" s="1" t="s">
        <v>812</v>
      </c>
      <c r="C825" s="5" t="s">
        <v>4306</v>
      </c>
      <c r="D825" s="1" t="s">
        <v>628</v>
      </c>
      <c r="E825" s="5" t="s">
        <v>13021</v>
      </c>
      <c r="F825" s="6">
        <v>1648</v>
      </c>
    </row>
    <row r="826" spans="1:6" x14ac:dyDescent="0.25">
      <c r="A826" s="4" t="s">
        <v>378</v>
      </c>
      <c r="B826" s="1" t="s">
        <v>3153</v>
      </c>
      <c r="C826" s="5" t="s">
        <v>3892</v>
      </c>
      <c r="D826" s="1" t="s">
        <v>378</v>
      </c>
      <c r="E826" s="5" t="s">
        <v>12400</v>
      </c>
      <c r="F826" s="6">
        <v>913</v>
      </c>
    </row>
    <row r="827" spans="1:6" x14ac:dyDescent="0.25">
      <c r="A827" s="4" t="s">
        <v>378</v>
      </c>
      <c r="B827" s="1" t="s">
        <v>3153</v>
      </c>
      <c r="C827" s="5">
        <v>460001</v>
      </c>
      <c r="D827" s="1" t="s">
        <v>10686</v>
      </c>
      <c r="E827" s="5" t="s">
        <v>16910</v>
      </c>
      <c r="F827" s="6">
        <v>7236</v>
      </c>
    </row>
    <row r="828" spans="1:6" x14ac:dyDescent="0.25">
      <c r="A828" s="4" t="s">
        <v>2998</v>
      </c>
      <c r="B828" s="1" t="s">
        <v>812</v>
      </c>
      <c r="C828" s="5" t="s">
        <v>7056</v>
      </c>
      <c r="D828" s="1" t="s">
        <v>2998</v>
      </c>
      <c r="E828" s="5" t="s">
        <v>17520</v>
      </c>
      <c r="F828" s="6">
        <v>9133</v>
      </c>
    </row>
    <row r="829" spans="1:6" x14ac:dyDescent="0.25">
      <c r="A829" s="4" t="s">
        <v>1079</v>
      </c>
      <c r="B829" s="1" t="s">
        <v>3147</v>
      </c>
      <c r="C829" s="5" t="s">
        <v>4822</v>
      </c>
      <c r="D829" s="1" t="s">
        <v>1079</v>
      </c>
      <c r="E829" s="5" t="s">
        <v>13649</v>
      </c>
      <c r="F829" s="6">
        <v>2295</v>
      </c>
    </row>
    <row r="830" spans="1:6" x14ac:dyDescent="0.25">
      <c r="A830" s="4" t="s">
        <v>1742</v>
      </c>
      <c r="B830" s="1" t="s">
        <v>3152</v>
      </c>
      <c r="C830" s="5" t="s">
        <v>5531</v>
      </c>
      <c r="D830" s="1" t="s">
        <v>1742</v>
      </c>
      <c r="E830" s="5" t="s">
        <v>14554</v>
      </c>
      <c r="F830" s="6">
        <v>3245</v>
      </c>
    </row>
    <row r="831" spans="1:6" x14ac:dyDescent="0.25">
      <c r="A831" s="4" t="s">
        <v>1411</v>
      </c>
      <c r="B831" s="1" t="s">
        <v>3163</v>
      </c>
      <c r="C831" s="5" t="s">
        <v>5214</v>
      </c>
      <c r="D831" s="1" t="s">
        <v>1411</v>
      </c>
      <c r="E831" s="5" t="s">
        <v>14144</v>
      </c>
      <c r="F831" s="6">
        <v>2801</v>
      </c>
    </row>
    <row r="832" spans="1:6" x14ac:dyDescent="0.25">
      <c r="A832" s="4" t="s">
        <v>1613</v>
      </c>
      <c r="B832" s="1" t="s">
        <v>3147</v>
      </c>
      <c r="C832" s="5" t="s">
        <v>3412</v>
      </c>
      <c r="D832" s="1" t="s">
        <v>1613</v>
      </c>
      <c r="E832" s="5" t="s">
        <v>14400</v>
      </c>
      <c r="F832" s="6">
        <v>3073</v>
      </c>
    </row>
    <row r="833" spans="1:6" x14ac:dyDescent="0.25">
      <c r="A833" s="4" t="s">
        <v>1080</v>
      </c>
      <c r="B833" s="1" t="s">
        <v>3151</v>
      </c>
      <c r="C833" s="5" t="s">
        <v>4823</v>
      </c>
      <c r="D833" s="1" t="s">
        <v>1080</v>
      </c>
      <c r="E833" s="5" t="s">
        <v>13650</v>
      </c>
      <c r="F833" s="6">
        <v>2296</v>
      </c>
    </row>
    <row r="834" spans="1:6" x14ac:dyDescent="0.25">
      <c r="A834" s="4" t="s">
        <v>809</v>
      </c>
      <c r="B834" s="1" t="s">
        <v>3160</v>
      </c>
      <c r="C834" s="5" t="s">
        <v>4539</v>
      </c>
      <c r="D834" s="1" t="s">
        <v>809</v>
      </c>
      <c r="E834" s="5" t="s">
        <v>13323</v>
      </c>
      <c r="F834" s="6">
        <v>1956</v>
      </c>
    </row>
    <row r="835" spans="1:6" x14ac:dyDescent="0.25">
      <c r="A835" s="4" t="s">
        <v>809</v>
      </c>
      <c r="B835" s="1" t="s">
        <v>3160</v>
      </c>
      <c r="C835" s="5" t="s">
        <v>4539</v>
      </c>
      <c r="D835" s="1" t="s">
        <v>9429</v>
      </c>
      <c r="E835" s="5" t="s">
        <v>15185</v>
      </c>
      <c r="F835" s="6">
        <v>3918</v>
      </c>
    </row>
    <row r="836" spans="1:6" x14ac:dyDescent="0.25">
      <c r="A836" s="4" t="s">
        <v>809</v>
      </c>
      <c r="B836" s="1" t="s">
        <v>3160</v>
      </c>
      <c r="C836" s="5" t="s">
        <v>7114</v>
      </c>
      <c r="D836" s="1" t="s">
        <v>11214</v>
      </c>
      <c r="E836" s="5" t="s">
        <v>17605</v>
      </c>
      <c r="F836" s="6">
        <v>9221</v>
      </c>
    </row>
    <row r="837" spans="1:6" x14ac:dyDescent="0.25">
      <c r="A837" s="4" t="s">
        <v>2434</v>
      </c>
      <c r="B837" s="1" t="s">
        <v>3149</v>
      </c>
      <c r="C837" s="5" t="s">
        <v>6299</v>
      </c>
      <c r="D837" s="1" t="s">
        <v>2434</v>
      </c>
      <c r="E837" s="5" t="s">
        <v>15897</v>
      </c>
      <c r="F837" s="6">
        <v>4813</v>
      </c>
    </row>
    <row r="838" spans="1:6" x14ac:dyDescent="0.25">
      <c r="A838" s="4" t="s">
        <v>1377</v>
      </c>
      <c r="B838" s="1" t="s">
        <v>3144</v>
      </c>
      <c r="C838" s="5" t="s">
        <v>5180</v>
      </c>
      <c r="D838" s="1" t="s">
        <v>1377</v>
      </c>
      <c r="E838" s="5" t="s">
        <v>14089</v>
      </c>
      <c r="F838" s="6">
        <v>2746</v>
      </c>
    </row>
    <row r="839" spans="1:6" x14ac:dyDescent="0.25">
      <c r="A839" s="4" t="s">
        <v>1102</v>
      </c>
      <c r="B839" s="1" t="s">
        <v>3152</v>
      </c>
      <c r="C839" s="5" t="s">
        <v>4844</v>
      </c>
      <c r="D839" s="1" t="s">
        <v>1102</v>
      </c>
      <c r="E839" s="5" t="s">
        <v>13673</v>
      </c>
      <c r="F839" s="6">
        <v>2319</v>
      </c>
    </row>
    <row r="840" spans="1:6" x14ac:dyDescent="0.25">
      <c r="A840" s="4" t="s">
        <v>304</v>
      </c>
      <c r="B840" s="1" t="s">
        <v>812</v>
      </c>
      <c r="C840" s="5" t="s">
        <v>3779</v>
      </c>
      <c r="D840" s="1" t="s">
        <v>7958</v>
      </c>
      <c r="E840" s="5" t="s">
        <v>12273</v>
      </c>
      <c r="F840" s="6">
        <v>765</v>
      </c>
    </row>
    <row r="841" spans="1:6" x14ac:dyDescent="0.25">
      <c r="A841" s="4" t="s">
        <v>304</v>
      </c>
      <c r="B841" s="1" t="s">
        <v>812</v>
      </c>
      <c r="C841" s="5" t="s">
        <v>5902</v>
      </c>
      <c r="D841" s="1" t="s">
        <v>9456</v>
      </c>
      <c r="E841" s="5" t="s">
        <v>15223</v>
      </c>
      <c r="F841" s="6">
        <v>3957</v>
      </c>
    </row>
    <row r="842" spans="1:6" x14ac:dyDescent="0.25">
      <c r="A842" s="4" t="s">
        <v>304</v>
      </c>
      <c r="B842" s="1" t="s">
        <v>3169</v>
      </c>
      <c r="C842" s="5" t="s">
        <v>6936</v>
      </c>
      <c r="D842" s="1" t="s">
        <v>10964</v>
      </c>
      <c r="E842" s="5" t="s">
        <v>17266</v>
      </c>
      <c r="F842" s="6">
        <v>8361</v>
      </c>
    </row>
    <row r="843" spans="1:6" x14ac:dyDescent="0.25">
      <c r="A843" s="4" t="s">
        <v>304</v>
      </c>
      <c r="B843" s="1" t="s">
        <v>812</v>
      </c>
      <c r="C843" s="5" t="s">
        <v>7147</v>
      </c>
      <c r="D843" s="1" t="s">
        <v>11264</v>
      </c>
      <c r="E843" s="5" t="s">
        <v>17669</v>
      </c>
      <c r="F843" s="6">
        <v>9287</v>
      </c>
    </row>
    <row r="844" spans="1:6" x14ac:dyDescent="0.25">
      <c r="A844" s="4" t="s">
        <v>2076</v>
      </c>
      <c r="B844" s="1" t="s">
        <v>3154</v>
      </c>
      <c r="C844" s="5" t="s">
        <v>5767</v>
      </c>
      <c r="D844" s="1" t="s">
        <v>2076</v>
      </c>
      <c r="E844" s="5" t="s">
        <v>14959</v>
      </c>
      <c r="F844" s="6">
        <v>3682</v>
      </c>
    </row>
    <row r="845" spans="1:6" x14ac:dyDescent="0.25">
      <c r="A845" s="4" t="s">
        <v>2013</v>
      </c>
      <c r="B845" s="1" t="s">
        <v>3152</v>
      </c>
      <c r="C845" s="5" t="s">
        <v>5400</v>
      </c>
      <c r="D845" s="1" t="s">
        <v>2013</v>
      </c>
      <c r="E845" s="5" t="s">
        <v>14851</v>
      </c>
      <c r="F845" s="6">
        <v>3564</v>
      </c>
    </row>
    <row r="846" spans="1:6" x14ac:dyDescent="0.25">
      <c r="A846" s="4" t="s">
        <v>2029</v>
      </c>
      <c r="B846" s="1" t="s">
        <v>3152</v>
      </c>
      <c r="C846" s="5" t="s">
        <v>4154</v>
      </c>
      <c r="D846" s="1" t="s">
        <v>9234</v>
      </c>
      <c r="E846" s="5" t="s">
        <v>14869</v>
      </c>
      <c r="F846" s="6">
        <v>3585</v>
      </c>
    </row>
    <row r="847" spans="1:6" x14ac:dyDescent="0.25">
      <c r="A847" s="4" t="s">
        <v>2048</v>
      </c>
      <c r="B847" s="1" t="s">
        <v>3152</v>
      </c>
      <c r="C847" s="5" t="s">
        <v>5728</v>
      </c>
      <c r="D847" s="1" t="s">
        <v>2048</v>
      </c>
      <c r="E847" s="5" t="s">
        <v>14888</v>
      </c>
      <c r="F847" s="6">
        <v>3605</v>
      </c>
    </row>
    <row r="848" spans="1:6" x14ac:dyDescent="0.25">
      <c r="A848" s="4" t="s">
        <v>1010</v>
      </c>
      <c r="B848" s="1" t="s">
        <v>3152</v>
      </c>
      <c r="C848" s="5" t="s">
        <v>4754</v>
      </c>
      <c r="D848" s="1" t="s">
        <v>8805</v>
      </c>
      <c r="E848" s="5" t="s">
        <v>13577</v>
      </c>
      <c r="F848" s="6">
        <v>2218</v>
      </c>
    </row>
    <row r="849" spans="1:6" x14ac:dyDescent="0.25">
      <c r="A849" s="4" t="s">
        <v>3051</v>
      </c>
      <c r="B849" s="1" t="s">
        <v>812</v>
      </c>
      <c r="C849" s="5" t="s">
        <v>7159</v>
      </c>
      <c r="D849" s="1" t="s">
        <v>3051</v>
      </c>
      <c r="E849" s="5" t="s">
        <v>17690</v>
      </c>
      <c r="F849" s="6">
        <v>9308</v>
      </c>
    </row>
    <row r="850" spans="1:6" x14ac:dyDescent="0.25">
      <c r="A850" s="4" t="s">
        <v>1065</v>
      </c>
      <c r="B850" s="1" t="s">
        <v>3151</v>
      </c>
      <c r="C850" s="5" t="s">
        <v>4806</v>
      </c>
      <c r="D850" s="1" t="s">
        <v>8816</v>
      </c>
      <c r="E850" s="5" t="s">
        <v>13633</v>
      </c>
      <c r="F850" s="6">
        <v>2276</v>
      </c>
    </row>
    <row r="851" spans="1:6" x14ac:dyDescent="0.25">
      <c r="A851" s="4" t="s">
        <v>1065</v>
      </c>
      <c r="B851" s="1" t="s">
        <v>3161</v>
      </c>
      <c r="C851" s="5" t="s">
        <v>5773</v>
      </c>
      <c r="D851" s="1" t="s">
        <v>1065</v>
      </c>
      <c r="E851" s="5" t="s">
        <v>14974</v>
      </c>
      <c r="F851" s="6">
        <v>3697</v>
      </c>
    </row>
    <row r="852" spans="1:6" x14ac:dyDescent="0.25">
      <c r="A852" s="4" t="s">
        <v>2083</v>
      </c>
      <c r="B852" s="1" t="s">
        <v>3160</v>
      </c>
      <c r="C852" s="5" t="s">
        <v>5776</v>
      </c>
      <c r="D852" s="1" t="s">
        <v>9296</v>
      </c>
      <c r="E852" s="5" t="s">
        <v>14978</v>
      </c>
      <c r="F852" s="6">
        <v>3701</v>
      </c>
    </row>
    <row r="853" spans="1:6" x14ac:dyDescent="0.25">
      <c r="A853" s="4" t="s">
        <v>1161</v>
      </c>
      <c r="B853" s="1" t="s">
        <v>3149</v>
      </c>
      <c r="C853" s="5" t="s">
        <v>4901</v>
      </c>
      <c r="D853" s="1" t="s">
        <v>1161</v>
      </c>
      <c r="E853" s="5" t="s">
        <v>13737</v>
      </c>
      <c r="F853" s="6">
        <v>2385</v>
      </c>
    </row>
    <row r="854" spans="1:6" x14ac:dyDescent="0.25">
      <c r="A854" s="4" t="s">
        <v>1672</v>
      </c>
      <c r="B854" s="1" t="s">
        <v>3152</v>
      </c>
      <c r="C854" s="5" t="s">
        <v>5465</v>
      </c>
      <c r="D854" s="1" t="s">
        <v>1672</v>
      </c>
      <c r="E854" s="5" t="s">
        <v>14462</v>
      </c>
      <c r="F854" s="6">
        <v>3147</v>
      </c>
    </row>
    <row r="855" spans="1:6" x14ac:dyDescent="0.25">
      <c r="A855" s="4" t="s">
        <v>2028</v>
      </c>
      <c r="B855" s="1" t="s">
        <v>3144</v>
      </c>
      <c r="C855" s="5" t="s">
        <v>3761</v>
      </c>
      <c r="D855" s="1" t="s">
        <v>2028</v>
      </c>
      <c r="E855" s="5" t="s">
        <v>14868</v>
      </c>
      <c r="F855" s="6">
        <v>3584</v>
      </c>
    </row>
    <row r="856" spans="1:6" x14ac:dyDescent="0.25">
      <c r="A856" s="4" t="s">
        <v>470</v>
      </c>
      <c r="B856" s="1" t="s">
        <v>3144</v>
      </c>
      <c r="C856" s="5" t="s">
        <v>4044</v>
      </c>
      <c r="D856" s="1" t="s">
        <v>8204</v>
      </c>
      <c r="E856" s="5" t="s">
        <v>12608</v>
      </c>
      <c r="F856" s="6">
        <v>1181</v>
      </c>
    </row>
    <row r="857" spans="1:6" x14ac:dyDescent="0.25">
      <c r="A857" s="4" t="s">
        <v>470</v>
      </c>
      <c r="B857" s="1" t="s">
        <v>3144</v>
      </c>
      <c r="C857" s="5" t="s">
        <v>4044</v>
      </c>
      <c r="D857" s="1" t="s">
        <v>470</v>
      </c>
      <c r="E857" s="5" t="s">
        <v>13850</v>
      </c>
      <c r="F857" s="6">
        <v>2500</v>
      </c>
    </row>
    <row r="858" spans="1:6" x14ac:dyDescent="0.25">
      <c r="A858" s="4" t="s">
        <v>2782</v>
      </c>
      <c r="B858" s="1" t="s">
        <v>3153</v>
      </c>
      <c r="C858" s="5" t="s">
        <v>6751</v>
      </c>
      <c r="D858" s="1" t="s">
        <v>2782</v>
      </c>
      <c r="E858" s="5" t="s">
        <v>16803</v>
      </c>
      <c r="F858" s="6">
        <v>6991</v>
      </c>
    </row>
    <row r="859" spans="1:6" x14ac:dyDescent="0.25">
      <c r="A859" s="4" t="s">
        <v>1693</v>
      </c>
      <c r="B859" s="1" t="s">
        <v>3152</v>
      </c>
      <c r="C859" s="5" t="s">
        <v>5480</v>
      </c>
      <c r="D859" s="1" t="s">
        <v>1693</v>
      </c>
      <c r="E859" s="5" t="s">
        <v>14486</v>
      </c>
      <c r="F859" s="6">
        <v>3171</v>
      </c>
    </row>
    <row r="860" spans="1:6" x14ac:dyDescent="0.25">
      <c r="A860" s="4" t="s">
        <v>1538</v>
      </c>
      <c r="B860" s="1" t="s">
        <v>3160</v>
      </c>
      <c r="C860" s="5" t="s">
        <v>5357</v>
      </c>
      <c r="D860" s="1" t="s">
        <v>1538</v>
      </c>
      <c r="E860" s="5" t="s">
        <v>14319</v>
      </c>
      <c r="F860" s="6">
        <v>2981</v>
      </c>
    </row>
    <row r="861" spans="1:6" x14ac:dyDescent="0.25">
      <c r="A861" s="4" t="s">
        <v>1538</v>
      </c>
      <c r="B861" s="1" t="s">
        <v>3160</v>
      </c>
      <c r="C861" s="5" t="s">
        <v>7025</v>
      </c>
      <c r="D861" s="1" t="s">
        <v>11103</v>
      </c>
      <c r="E861" s="5" t="s">
        <v>17454</v>
      </c>
      <c r="F861" s="6">
        <v>9065</v>
      </c>
    </row>
    <row r="862" spans="1:6" x14ac:dyDescent="0.25">
      <c r="A862" s="4" t="s">
        <v>1538</v>
      </c>
      <c r="B862" s="1" t="s">
        <v>3160</v>
      </c>
      <c r="C862" s="5" t="s">
        <v>7026</v>
      </c>
      <c r="D862" s="1" t="s">
        <v>11104</v>
      </c>
      <c r="E862" s="5" t="s">
        <v>17455</v>
      </c>
      <c r="F862" s="6">
        <v>9066</v>
      </c>
    </row>
    <row r="863" spans="1:6" x14ac:dyDescent="0.25">
      <c r="A863" s="4" t="s">
        <v>907</v>
      </c>
      <c r="B863" s="1" t="s">
        <v>3161</v>
      </c>
      <c r="C863" s="5" t="s">
        <v>4655</v>
      </c>
      <c r="D863" s="1" t="s">
        <v>907</v>
      </c>
      <c r="E863" s="5" t="s">
        <v>13473</v>
      </c>
      <c r="F863" s="6">
        <v>2110</v>
      </c>
    </row>
    <row r="864" spans="1:6" x14ac:dyDescent="0.25">
      <c r="A864" s="4" t="s">
        <v>2856</v>
      </c>
      <c r="B864" s="1" t="s">
        <v>3161</v>
      </c>
      <c r="C864" s="5" t="s">
        <v>6857</v>
      </c>
      <c r="D864" s="1" t="s">
        <v>2856</v>
      </c>
      <c r="E864" s="5" t="s">
        <v>17030</v>
      </c>
      <c r="F864" s="6">
        <v>7634</v>
      </c>
    </row>
    <row r="865" spans="1:6" x14ac:dyDescent="0.25">
      <c r="A865" s="4" t="s">
        <v>2381</v>
      </c>
      <c r="B865" s="1" t="s">
        <v>3147</v>
      </c>
      <c r="C865" s="5" t="s">
        <v>6193</v>
      </c>
      <c r="D865" s="1" t="s">
        <v>2381</v>
      </c>
      <c r="E865" s="5" t="s">
        <v>15714</v>
      </c>
      <c r="F865" s="6">
        <v>4482</v>
      </c>
    </row>
    <row r="866" spans="1:6" x14ac:dyDescent="0.25">
      <c r="A866" s="4" t="s">
        <v>441</v>
      </c>
      <c r="B866" s="1" t="s">
        <v>3156</v>
      </c>
      <c r="C866" s="5" t="s">
        <v>3988</v>
      </c>
      <c r="D866" s="1" t="s">
        <v>441</v>
      </c>
      <c r="E866" s="5" t="s">
        <v>12530</v>
      </c>
      <c r="F866" s="6">
        <v>1055</v>
      </c>
    </row>
    <row r="867" spans="1:6" x14ac:dyDescent="0.25">
      <c r="A867" s="4" t="s">
        <v>441</v>
      </c>
      <c r="B867" s="1" t="s">
        <v>3156</v>
      </c>
      <c r="C867" s="5" t="s">
        <v>3988</v>
      </c>
      <c r="D867" s="1" t="s">
        <v>8201</v>
      </c>
      <c r="E867" s="5" t="s">
        <v>12603</v>
      </c>
      <c r="F867" s="6">
        <v>1155</v>
      </c>
    </row>
    <row r="868" spans="1:6" x14ac:dyDescent="0.25">
      <c r="A868" s="4" t="s">
        <v>441</v>
      </c>
      <c r="B868" s="1" t="s">
        <v>3156</v>
      </c>
      <c r="C868" s="5" t="s">
        <v>3988</v>
      </c>
      <c r="D868" s="1" t="s">
        <v>10292</v>
      </c>
      <c r="E868" s="5" t="s">
        <v>16373</v>
      </c>
      <c r="F868" s="6">
        <v>5776</v>
      </c>
    </row>
    <row r="869" spans="1:6" x14ac:dyDescent="0.25">
      <c r="A869" s="4" t="s">
        <v>441</v>
      </c>
      <c r="B869" s="1" t="s">
        <v>3156</v>
      </c>
      <c r="C869" s="5">
        <v>321001</v>
      </c>
      <c r="D869" s="1" t="s">
        <v>10528</v>
      </c>
      <c r="E869" s="5" t="s">
        <v>17350</v>
      </c>
      <c r="F869" s="6">
        <v>8852</v>
      </c>
    </row>
    <row r="870" spans="1:6" x14ac:dyDescent="0.25">
      <c r="A870" s="4" t="s">
        <v>1473</v>
      </c>
      <c r="B870" s="1" t="s">
        <v>3165</v>
      </c>
      <c r="C870" s="5" t="s">
        <v>5289</v>
      </c>
      <c r="D870" s="1" t="s">
        <v>1473</v>
      </c>
      <c r="E870" s="5" t="s">
        <v>14245</v>
      </c>
      <c r="F870" s="6">
        <v>2906</v>
      </c>
    </row>
    <row r="871" spans="1:6" x14ac:dyDescent="0.25">
      <c r="A871" s="4" t="s">
        <v>2149</v>
      </c>
      <c r="B871" s="1" t="s">
        <v>3161</v>
      </c>
      <c r="C871" s="5" t="s">
        <v>5853</v>
      </c>
      <c r="D871" s="1" t="s">
        <v>2149</v>
      </c>
      <c r="E871" s="5" t="s">
        <v>15125</v>
      </c>
      <c r="F871" s="6">
        <v>3856</v>
      </c>
    </row>
    <row r="872" spans="1:6" x14ac:dyDescent="0.25">
      <c r="A872" s="4" t="s">
        <v>959</v>
      </c>
      <c r="B872" s="1" t="s">
        <v>3158</v>
      </c>
      <c r="C872" s="5" t="s">
        <v>4707</v>
      </c>
      <c r="D872" s="1" t="s">
        <v>959</v>
      </c>
      <c r="E872" s="5" t="s">
        <v>13525</v>
      </c>
      <c r="F872" s="6">
        <v>2163</v>
      </c>
    </row>
    <row r="873" spans="1:6" x14ac:dyDescent="0.25">
      <c r="A873" s="4" t="s">
        <v>39</v>
      </c>
      <c r="B873" s="1" t="s">
        <v>3147</v>
      </c>
      <c r="C873" s="5" t="s">
        <v>3259</v>
      </c>
      <c r="D873" s="1" t="s">
        <v>7384</v>
      </c>
      <c r="E873" s="5" t="s">
        <v>11658</v>
      </c>
      <c r="F873" s="6">
        <v>68</v>
      </c>
    </row>
    <row r="874" spans="1:6" x14ac:dyDescent="0.25">
      <c r="A874" s="4" t="s">
        <v>39</v>
      </c>
      <c r="B874" s="1" t="s">
        <v>3147</v>
      </c>
      <c r="C874" s="5" t="s">
        <v>4171</v>
      </c>
      <c r="D874" s="1" t="s">
        <v>8413</v>
      </c>
      <c r="E874" s="5" t="s">
        <v>12849</v>
      </c>
      <c r="F874" s="6">
        <v>1450</v>
      </c>
    </row>
    <row r="875" spans="1:6" x14ac:dyDescent="0.25">
      <c r="A875" s="4" t="s">
        <v>39</v>
      </c>
      <c r="B875" s="1" t="s">
        <v>3147</v>
      </c>
      <c r="C875" s="5" t="s">
        <v>3259</v>
      </c>
      <c r="D875" s="1" t="s">
        <v>9299</v>
      </c>
      <c r="E875" s="5" t="s">
        <v>14982</v>
      </c>
      <c r="F875" s="6">
        <v>3705</v>
      </c>
    </row>
    <row r="876" spans="1:6" x14ac:dyDescent="0.25">
      <c r="A876" s="4" t="s">
        <v>2426</v>
      </c>
      <c r="B876" s="1" t="s">
        <v>3158</v>
      </c>
      <c r="C876" s="5" t="s">
        <v>6279</v>
      </c>
      <c r="D876" s="1" t="s">
        <v>2426</v>
      </c>
      <c r="E876" s="5" t="s">
        <v>15869</v>
      </c>
      <c r="F876" s="6">
        <v>4783</v>
      </c>
    </row>
    <row r="877" spans="1:6" x14ac:dyDescent="0.25">
      <c r="A877" s="4" t="s">
        <v>381</v>
      </c>
      <c r="B877" s="1" t="s">
        <v>3161</v>
      </c>
      <c r="C877" s="5" t="s">
        <v>3895</v>
      </c>
      <c r="D877" s="1" t="s">
        <v>381</v>
      </c>
      <c r="E877" s="5" t="s">
        <v>12403</v>
      </c>
      <c r="F877" s="6">
        <v>916</v>
      </c>
    </row>
    <row r="878" spans="1:6" x14ac:dyDescent="0.25">
      <c r="A878" s="4" t="s">
        <v>2004</v>
      </c>
      <c r="B878" s="1" t="s">
        <v>3163</v>
      </c>
      <c r="C878" s="5" t="s">
        <v>5707</v>
      </c>
      <c r="D878" s="1" t="s">
        <v>2004</v>
      </c>
      <c r="E878" s="5" t="s">
        <v>14842</v>
      </c>
      <c r="F878" s="6">
        <v>3554</v>
      </c>
    </row>
    <row r="879" spans="1:6" x14ac:dyDescent="0.25">
      <c r="A879" s="4" t="s">
        <v>1961</v>
      </c>
      <c r="B879" s="1" t="s">
        <v>3149</v>
      </c>
      <c r="C879" s="5" t="s">
        <v>5690</v>
      </c>
      <c r="D879" s="1" t="s">
        <v>1961</v>
      </c>
      <c r="E879" s="5" t="s">
        <v>14797</v>
      </c>
      <c r="F879" s="6">
        <v>3508</v>
      </c>
    </row>
    <row r="880" spans="1:6" x14ac:dyDescent="0.25">
      <c r="A880" s="4" t="s">
        <v>1940</v>
      </c>
      <c r="B880" s="1" t="s">
        <v>3152</v>
      </c>
      <c r="C880" s="5" t="s">
        <v>4060</v>
      </c>
      <c r="D880" s="1" t="s">
        <v>1940</v>
      </c>
      <c r="E880" s="5" t="s">
        <v>14774</v>
      </c>
      <c r="F880" s="6">
        <v>3485</v>
      </c>
    </row>
    <row r="881" spans="1:6" x14ac:dyDescent="0.25">
      <c r="A881" s="4" t="s">
        <v>2375</v>
      </c>
      <c r="B881" s="1" t="s">
        <v>3154</v>
      </c>
      <c r="C881" s="5" t="s">
        <v>6180</v>
      </c>
      <c r="D881" s="1" t="s">
        <v>2375</v>
      </c>
      <c r="E881" s="5" t="s">
        <v>15697</v>
      </c>
      <c r="F881" s="6">
        <v>4464</v>
      </c>
    </row>
    <row r="882" spans="1:6" x14ac:dyDescent="0.25">
      <c r="A882" s="4" t="s">
        <v>67</v>
      </c>
      <c r="B882" s="1" t="s">
        <v>3147</v>
      </c>
      <c r="C882" s="5" t="s">
        <v>3312</v>
      </c>
      <c r="D882" s="1" t="s">
        <v>7437</v>
      </c>
      <c r="E882" s="5" t="s">
        <v>11716</v>
      </c>
      <c r="F882" s="6">
        <v>137</v>
      </c>
    </row>
    <row r="883" spans="1:6" x14ac:dyDescent="0.25">
      <c r="A883" s="4" t="s">
        <v>67</v>
      </c>
      <c r="B883" s="1" t="s">
        <v>3147</v>
      </c>
      <c r="C883" s="5" t="s">
        <v>4327</v>
      </c>
      <c r="D883" s="1" t="s">
        <v>8561</v>
      </c>
      <c r="E883" s="5" t="s">
        <v>13054</v>
      </c>
      <c r="F883" s="6">
        <v>1686</v>
      </c>
    </row>
    <row r="884" spans="1:6" x14ac:dyDescent="0.25">
      <c r="A884" s="4" t="s">
        <v>67</v>
      </c>
      <c r="B884" s="1" t="s">
        <v>3147</v>
      </c>
      <c r="C884" s="5" t="s">
        <v>4327</v>
      </c>
      <c r="D884" s="1" t="s">
        <v>8562</v>
      </c>
      <c r="E884" s="5" t="s">
        <v>13055</v>
      </c>
      <c r="F884" s="6">
        <v>1687</v>
      </c>
    </row>
    <row r="885" spans="1:6" x14ac:dyDescent="0.25">
      <c r="A885" s="4" t="s">
        <v>67</v>
      </c>
      <c r="B885" s="1" t="s">
        <v>3147</v>
      </c>
      <c r="C885" s="5" t="s">
        <v>4347</v>
      </c>
      <c r="D885" s="1" t="s">
        <v>8580</v>
      </c>
      <c r="E885" s="5" t="s">
        <v>13083</v>
      </c>
      <c r="F885" s="6">
        <v>1715</v>
      </c>
    </row>
    <row r="886" spans="1:6" x14ac:dyDescent="0.25">
      <c r="A886" s="4" t="s">
        <v>67</v>
      </c>
      <c r="B886" s="1" t="s">
        <v>3147</v>
      </c>
      <c r="C886" s="5" t="s">
        <v>3312</v>
      </c>
      <c r="D886" s="1" t="s">
        <v>9143</v>
      </c>
      <c r="E886" s="5" t="s">
        <v>14412</v>
      </c>
      <c r="F886" s="6">
        <v>3092</v>
      </c>
    </row>
    <row r="887" spans="1:6" x14ac:dyDescent="0.25">
      <c r="A887" s="4" t="s">
        <v>67</v>
      </c>
      <c r="B887" s="1" t="s">
        <v>3147</v>
      </c>
      <c r="C887" s="5" t="s">
        <v>4327</v>
      </c>
      <c r="D887" s="1" t="s">
        <v>10430</v>
      </c>
      <c r="E887" s="5" t="s">
        <v>16576</v>
      </c>
      <c r="F887" s="6">
        <v>6277</v>
      </c>
    </row>
    <row r="888" spans="1:6" x14ac:dyDescent="0.25">
      <c r="A888" s="4" t="s">
        <v>67</v>
      </c>
      <c r="B888" s="1" t="s">
        <v>3147</v>
      </c>
      <c r="C888" s="5" t="s">
        <v>6929</v>
      </c>
      <c r="D888" s="1" t="s">
        <v>10955</v>
      </c>
      <c r="E888" s="5" t="s">
        <v>17253</v>
      </c>
      <c r="F888" s="6">
        <v>8312</v>
      </c>
    </row>
    <row r="889" spans="1:6" x14ac:dyDescent="0.25">
      <c r="A889" s="4" t="s">
        <v>2787</v>
      </c>
      <c r="B889" s="1" t="s">
        <v>3156</v>
      </c>
      <c r="C889" s="5" t="s">
        <v>6764</v>
      </c>
      <c r="D889" s="1" t="s">
        <v>2787</v>
      </c>
      <c r="E889" s="5" t="s">
        <v>16830</v>
      </c>
      <c r="F889" s="6">
        <v>7052</v>
      </c>
    </row>
    <row r="890" spans="1:6" x14ac:dyDescent="0.25">
      <c r="A890" s="4" t="s">
        <v>810</v>
      </c>
      <c r="B890" s="1" t="s">
        <v>3152</v>
      </c>
      <c r="C890" s="5" t="s">
        <v>4540</v>
      </c>
      <c r="D890" s="1" t="s">
        <v>810</v>
      </c>
      <c r="E890" s="5" t="s">
        <v>13324</v>
      </c>
      <c r="F890" s="6">
        <v>1957</v>
      </c>
    </row>
    <row r="891" spans="1:6" x14ac:dyDescent="0.25">
      <c r="A891" s="4" t="s">
        <v>811</v>
      </c>
      <c r="B891" s="1" t="s">
        <v>3160</v>
      </c>
      <c r="C891" s="5" t="s">
        <v>4541</v>
      </c>
      <c r="D891" s="1" t="s">
        <v>811</v>
      </c>
      <c r="E891" s="5" t="s">
        <v>13325</v>
      </c>
      <c r="F891" s="6">
        <v>1958</v>
      </c>
    </row>
    <row r="892" spans="1:6" x14ac:dyDescent="0.25">
      <c r="A892" s="4" t="s">
        <v>2623</v>
      </c>
      <c r="B892" s="1" t="s">
        <v>3165</v>
      </c>
      <c r="C892" s="5" t="s">
        <v>6535</v>
      </c>
      <c r="D892" s="1" t="s">
        <v>10297</v>
      </c>
      <c r="E892" s="5" t="s">
        <v>16381</v>
      </c>
      <c r="F892" s="6">
        <v>5792</v>
      </c>
    </row>
    <row r="893" spans="1:6" x14ac:dyDescent="0.25">
      <c r="A893" s="4" t="s">
        <v>2764</v>
      </c>
      <c r="B893" s="1" t="s">
        <v>3151</v>
      </c>
      <c r="C893" s="5">
        <v>503307</v>
      </c>
      <c r="D893" s="1" t="s">
        <v>2764</v>
      </c>
      <c r="E893" s="5" t="s">
        <v>16756</v>
      </c>
      <c r="F893" s="6">
        <v>6841</v>
      </c>
    </row>
    <row r="894" spans="1:6" x14ac:dyDescent="0.25">
      <c r="A894" s="4" t="s">
        <v>2865</v>
      </c>
      <c r="B894" s="1" t="s">
        <v>3155</v>
      </c>
      <c r="C894" s="5">
        <v>531163</v>
      </c>
      <c r="D894" s="1" t="s">
        <v>2865</v>
      </c>
      <c r="E894" s="5" t="s">
        <v>17065</v>
      </c>
      <c r="F894" s="6">
        <v>7743</v>
      </c>
    </row>
    <row r="895" spans="1:6" x14ac:dyDescent="0.25">
      <c r="A895" s="4" t="s">
        <v>2875</v>
      </c>
      <c r="B895" s="1" t="s">
        <v>3153</v>
      </c>
      <c r="C895" s="5" t="s">
        <v>6880</v>
      </c>
      <c r="D895" s="1" t="s">
        <v>2875</v>
      </c>
      <c r="E895" s="5" t="s">
        <v>17093</v>
      </c>
      <c r="F895" s="6">
        <v>7833</v>
      </c>
    </row>
    <row r="896" spans="1:6" x14ac:dyDescent="0.25">
      <c r="A896" s="4" t="s">
        <v>524</v>
      </c>
      <c r="B896" s="1" t="s">
        <v>3152</v>
      </c>
      <c r="C896" s="5" t="s">
        <v>4160</v>
      </c>
      <c r="D896" s="1" t="s">
        <v>8393</v>
      </c>
      <c r="E896" s="5" t="s">
        <v>12827</v>
      </c>
      <c r="F896" s="6">
        <v>1426</v>
      </c>
    </row>
    <row r="897" spans="1:6" x14ac:dyDescent="0.25">
      <c r="A897" s="4" t="s">
        <v>1081</v>
      </c>
      <c r="B897" s="1" t="s">
        <v>3152</v>
      </c>
      <c r="C897" s="5" t="s">
        <v>4824</v>
      </c>
      <c r="D897" s="1" t="s">
        <v>1081</v>
      </c>
      <c r="E897" s="5" t="s">
        <v>13651</v>
      </c>
      <c r="F897" s="6">
        <v>2297</v>
      </c>
    </row>
    <row r="898" spans="1:6" x14ac:dyDescent="0.25">
      <c r="A898" s="4" t="s">
        <v>283</v>
      </c>
      <c r="B898" s="1" t="s">
        <v>3161</v>
      </c>
      <c r="C898" s="5" t="s">
        <v>3753</v>
      </c>
      <c r="D898" s="1" t="s">
        <v>7933</v>
      </c>
      <c r="E898" s="5" t="s">
        <v>12245</v>
      </c>
      <c r="F898" s="6">
        <v>734</v>
      </c>
    </row>
    <row r="899" spans="1:6" x14ac:dyDescent="0.25">
      <c r="A899" s="4" t="s">
        <v>283</v>
      </c>
      <c r="B899" s="1" t="s">
        <v>3161</v>
      </c>
      <c r="C899" s="5" t="s">
        <v>4945</v>
      </c>
      <c r="D899" s="1" t="s">
        <v>8874</v>
      </c>
      <c r="E899" s="5" t="s">
        <v>13790</v>
      </c>
      <c r="F899" s="6">
        <v>2440</v>
      </c>
    </row>
    <row r="900" spans="1:6" x14ac:dyDescent="0.25">
      <c r="A900" s="4" t="s">
        <v>283</v>
      </c>
      <c r="B900" s="1" t="s">
        <v>3161</v>
      </c>
      <c r="C900" s="5" t="s">
        <v>5752</v>
      </c>
      <c r="D900" s="1" t="s">
        <v>9262</v>
      </c>
      <c r="E900" s="5" t="s">
        <v>14936</v>
      </c>
      <c r="F900" s="6">
        <v>3658</v>
      </c>
    </row>
    <row r="901" spans="1:6" x14ac:dyDescent="0.25">
      <c r="A901" s="4" t="s">
        <v>1379</v>
      </c>
      <c r="B901" s="1" t="s">
        <v>3161</v>
      </c>
      <c r="C901" s="5" t="s">
        <v>5182</v>
      </c>
      <c r="D901" s="1" t="s">
        <v>1379</v>
      </c>
      <c r="E901" s="5" t="s">
        <v>14091</v>
      </c>
      <c r="F901" s="6">
        <v>2748</v>
      </c>
    </row>
    <row r="902" spans="1:6" x14ac:dyDescent="0.25">
      <c r="A902" s="4" t="s">
        <v>180</v>
      </c>
      <c r="B902" s="1" t="s">
        <v>3156</v>
      </c>
      <c r="C902" s="5" t="s">
        <v>3495</v>
      </c>
      <c r="D902" s="1" t="s">
        <v>7628</v>
      </c>
      <c r="E902" s="5" t="s">
        <v>11917</v>
      </c>
      <c r="F902" s="6">
        <v>350</v>
      </c>
    </row>
    <row r="903" spans="1:6" x14ac:dyDescent="0.25">
      <c r="A903" s="4" t="s">
        <v>180</v>
      </c>
      <c r="B903" s="1" t="s">
        <v>3156</v>
      </c>
      <c r="C903" s="5" t="s">
        <v>3495</v>
      </c>
      <c r="D903" s="1" t="s">
        <v>8706</v>
      </c>
      <c r="E903" s="5" t="s">
        <v>13326</v>
      </c>
      <c r="F903" s="6">
        <v>1959</v>
      </c>
    </row>
    <row r="904" spans="1:6" x14ac:dyDescent="0.25">
      <c r="A904" s="4" t="s">
        <v>180</v>
      </c>
      <c r="B904" s="1" t="s">
        <v>3156</v>
      </c>
      <c r="C904" s="5" t="s">
        <v>3495</v>
      </c>
      <c r="D904" s="1" t="s">
        <v>10116</v>
      </c>
      <c r="E904" s="5" t="s">
        <v>16118</v>
      </c>
      <c r="F904" s="6">
        <v>5188</v>
      </c>
    </row>
    <row r="905" spans="1:6" x14ac:dyDescent="0.25">
      <c r="A905" s="4" t="s">
        <v>180</v>
      </c>
      <c r="B905" s="1" t="s">
        <v>3156</v>
      </c>
      <c r="C905" s="5" t="s">
        <v>3495</v>
      </c>
      <c r="D905" s="1" t="s">
        <v>10378</v>
      </c>
      <c r="E905" s="5" t="s">
        <v>16505</v>
      </c>
      <c r="F905" s="6">
        <v>6087</v>
      </c>
    </row>
    <row r="906" spans="1:6" x14ac:dyDescent="0.25">
      <c r="A906" s="4" t="s">
        <v>180</v>
      </c>
      <c r="B906" s="1" t="s">
        <v>3156</v>
      </c>
      <c r="C906" s="5" t="s">
        <v>3495</v>
      </c>
      <c r="D906" s="1" t="s">
        <v>10521</v>
      </c>
      <c r="E906" s="5" t="s">
        <v>16693</v>
      </c>
      <c r="F906" s="6">
        <v>6604</v>
      </c>
    </row>
    <row r="907" spans="1:6" x14ac:dyDescent="0.25">
      <c r="A907" s="4" t="s">
        <v>180</v>
      </c>
      <c r="B907" s="1" t="s">
        <v>3156</v>
      </c>
      <c r="C907" s="5" t="s">
        <v>3495</v>
      </c>
      <c r="D907" s="1" t="s">
        <v>11532</v>
      </c>
      <c r="E907" s="5" t="s">
        <v>17999</v>
      </c>
      <c r="F907" s="6">
        <v>9631</v>
      </c>
    </row>
    <row r="908" spans="1:6" x14ac:dyDescent="0.25">
      <c r="A908" s="4" t="s">
        <v>2754</v>
      </c>
      <c r="B908" s="1" t="s">
        <v>3155</v>
      </c>
      <c r="C908" s="5" t="s">
        <v>6701</v>
      </c>
      <c r="D908" s="1" t="s">
        <v>2754</v>
      </c>
      <c r="E908" s="5" t="s">
        <v>16723</v>
      </c>
      <c r="F908" s="6">
        <v>6703</v>
      </c>
    </row>
    <row r="909" spans="1:6" x14ac:dyDescent="0.25">
      <c r="A909" s="4" t="s">
        <v>2877</v>
      </c>
      <c r="B909" s="1" t="s">
        <v>3155</v>
      </c>
      <c r="C909" s="5" t="s">
        <v>6883</v>
      </c>
      <c r="D909" s="1" t="s">
        <v>10836</v>
      </c>
      <c r="E909" s="5" t="s">
        <v>17109</v>
      </c>
      <c r="F909" s="6">
        <v>7938</v>
      </c>
    </row>
    <row r="910" spans="1:6" x14ac:dyDescent="0.25">
      <c r="A910" s="4" t="s">
        <v>2877</v>
      </c>
      <c r="B910" s="1" t="s">
        <v>3155</v>
      </c>
      <c r="C910" s="5" t="s">
        <v>7006</v>
      </c>
      <c r="D910" s="1" t="s">
        <v>2877</v>
      </c>
      <c r="E910" s="5" t="s">
        <v>17428</v>
      </c>
      <c r="F910" s="6">
        <v>9036</v>
      </c>
    </row>
    <row r="911" spans="1:6" x14ac:dyDescent="0.25">
      <c r="A911" s="4" t="s">
        <v>2600</v>
      </c>
      <c r="B911" s="1" t="s">
        <v>3162</v>
      </c>
      <c r="C911" s="5" t="s">
        <v>6511</v>
      </c>
      <c r="D911" s="1" t="s">
        <v>2600</v>
      </c>
      <c r="E911" s="5" t="s">
        <v>16336</v>
      </c>
      <c r="F911" s="6">
        <v>5677</v>
      </c>
    </row>
    <row r="912" spans="1:6" x14ac:dyDescent="0.25">
      <c r="A912" s="4" t="s">
        <v>2395</v>
      </c>
      <c r="B912" s="1" t="s">
        <v>3153</v>
      </c>
      <c r="C912" s="5" t="s">
        <v>6218</v>
      </c>
      <c r="D912" s="1" t="s">
        <v>2395</v>
      </c>
      <c r="E912" s="5" t="s">
        <v>15761</v>
      </c>
      <c r="F912" s="6">
        <v>4667</v>
      </c>
    </row>
    <row r="913" spans="1:6" x14ac:dyDescent="0.25">
      <c r="A913" s="4" t="s">
        <v>2507</v>
      </c>
      <c r="B913" s="1" t="s">
        <v>3156</v>
      </c>
      <c r="C913" s="5" t="s">
        <v>6385</v>
      </c>
      <c r="D913" s="1" t="s">
        <v>2507</v>
      </c>
      <c r="E913" s="5" t="s">
        <v>16106</v>
      </c>
      <c r="F913" s="6">
        <v>5166</v>
      </c>
    </row>
    <row r="914" spans="1:6" x14ac:dyDescent="0.25">
      <c r="A914" s="4" t="s">
        <v>2362</v>
      </c>
      <c r="B914" s="1" t="s">
        <v>3156</v>
      </c>
      <c r="C914" s="5" t="s">
        <v>6157</v>
      </c>
      <c r="D914" s="1" t="s">
        <v>2362</v>
      </c>
      <c r="E914" s="5" t="s">
        <v>15636</v>
      </c>
      <c r="F914" s="6">
        <v>4378</v>
      </c>
    </row>
    <row r="915" spans="1:6" x14ac:dyDescent="0.25">
      <c r="A915" s="4" t="s">
        <v>84</v>
      </c>
      <c r="B915" s="1" t="s">
        <v>3156</v>
      </c>
      <c r="C915" s="5" t="s">
        <v>3339</v>
      </c>
      <c r="D915" s="1" t="s">
        <v>7466</v>
      </c>
      <c r="E915" s="5" t="s">
        <v>11747</v>
      </c>
      <c r="F915" s="6">
        <v>168</v>
      </c>
    </row>
    <row r="916" spans="1:6" x14ac:dyDescent="0.25">
      <c r="A916" s="4" t="s">
        <v>84</v>
      </c>
      <c r="B916" s="1" t="s">
        <v>3156</v>
      </c>
      <c r="C916" s="5" t="s">
        <v>3339</v>
      </c>
      <c r="D916" s="1" t="s">
        <v>8153</v>
      </c>
      <c r="E916" s="5" t="s">
        <v>12549</v>
      </c>
      <c r="F916" s="6">
        <v>1074</v>
      </c>
    </row>
    <row r="917" spans="1:6" x14ac:dyDescent="0.25">
      <c r="A917" s="4" t="s">
        <v>84</v>
      </c>
      <c r="B917" s="1" t="s">
        <v>3156</v>
      </c>
      <c r="C917" s="5" t="s">
        <v>3339</v>
      </c>
      <c r="D917" s="1" t="s">
        <v>8812</v>
      </c>
      <c r="E917" s="5" t="s">
        <v>13607</v>
      </c>
      <c r="F917" s="6">
        <v>2249</v>
      </c>
    </row>
    <row r="918" spans="1:6" x14ac:dyDescent="0.25">
      <c r="A918" s="4" t="s">
        <v>84</v>
      </c>
      <c r="B918" s="1" t="s">
        <v>3156</v>
      </c>
      <c r="C918" s="5" t="s">
        <v>3339</v>
      </c>
      <c r="D918" s="1" t="s">
        <v>84</v>
      </c>
      <c r="E918" s="5" t="s">
        <v>16236</v>
      </c>
      <c r="F918" s="6">
        <v>5460</v>
      </c>
    </row>
    <row r="919" spans="1:6" x14ac:dyDescent="0.25">
      <c r="A919" s="4" t="s">
        <v>282</v>
      </c>
      <c r="B919" s="1" t="s">
        <v>3144</v>
      </c>
      <c r="C919" s="5" t="s">
        <v>3752</v>
      </c>
      <c r="D919" s="1" t="s">
        <v>282</v>
      </c>
      <c r="E919" s="5" t="s">
        <v>12244</v>
      </c>
      <c r="F919" s="6">
        <v>733</v>
      </c>
    </row>
    <row r="920" spans="1:6" x14ac:dyDescent="0.25">
      <c r="A920" s="4" t="s">
        <v>282</v>
      </c>
      <c r="B920" s="1" t="s">
        <v>3144</v>
      </c>
      <c r="C920" s="5" t="s">
        <v>6236</v>
      </c>
      <c r="D920" s="1" t="s">
        <v>9860</v>
      </c>
      <c r="E920" s="5" t="s">
        <v>15789</v>
      </c>
      <c r="F920" s="6">
        <v>4696</v>
      </c>
    </row>
    <row r="921" spans="1:6" x14ac:dyDescent="0.25">
      <c r="A921" s="4" t="s">
        <v>282</v>
      </c>
      <c r="B921" s="1" t="s">
        <v>3171</v>
      </c>
      <c r="C921" s="5" t="s">
        <v>3752</v>
      </c>
      <c r="D921" s="1" t="s">
        <v>10405</v>
      </c>
      <c r="E921" s="5" t="s">
        <v>16546</v>
      </c>
      <c r="F921" s="6">
        <v>6198</v>
      </c>
    </row>
    <row r="922" spans="1:6" x14ac:dyDescent="0.25">
      <c r="A922" s="4" t="s">
        <v>282</v>
      </c>
      <c r="B922" s="1" t="s">
        <v>3144</v>
      </c>
      <c r="C922" s="5" t="s">
        <v>3752</v>
      </c>
      <c r="D922" s="1" t="s">
        <v>11212</v>
      </c>
      <c r="E922" s="5" t="s">
        <v>17602</v>
      </c>
      <c r="F922" s="6">
        <v>9218</v>
      </c>
    </row>
    <row r="923" spans="1:6" x14ac:dyDescent="0.25">
      <c r="A923" s="4" t="s">
        <v>282</v>
      </c>
      <c r="B923" s="1" t="s">
        <v>3144</v>
      </c>
      <c r="C923" s="5" t="s">
        <v>3752</v>
      </c>
      <c r="D923" s="1" t="s">
        <v>11247</v>
      </c>
      <c r="E923" s="5" t="s">
        <v>17646</v>
      </c>
      <c r="F923" s="6">
        <v>9264</v>
      </c>
    </row>
    <row r="924" spans="1:6" x14ac:dyDescent="0.25">
      <c r="A924" s="4" t="s">
        <v>225</v>
      </c>
      <c r="B924" s="1" t="s">
        <v>3154</v>
      </c>
      <c r="C924" s="5" t="s">
        <v>3607</v>
      </c>
      <c r="D924" s="1" t="s">
        <v>7746</v>
      </c>
      <c r="E924" s="5" t="s">
        <v>12045</v>
      </c>
      <c r="F924" s="6">
        <v>479</v>
      </c>
    </row>
    <row r="925" spans="1:6" x14ac:dyDescent="0.25">
      <c r="A925" s="4" t="s">
        <v>225</v>
      </c>
      <c r="B925" s="1" t="s">
        <v>3154</v>
      </c>
      <c r="C925" s="5" t="s">
        <v>3607</v>
      </c>
      <c r="D925" s="1" t="s">
        <v>9383</v>
      </c>
      <c r="E925" s="5" t="s">
        <v>15117</v>
      </c>
      <c r="F925" s="6">
        <v>3846</v>
      </c>
    </row>
    <row r="926" spans="1:6" x14ac:dyDescent="0.25">
      <c r="A926" s="4" t="s">
        <v>225</v>
      </c>
      <c r="B926" s="1" t="s">
        <v>3154</v>
      </c>
      <c r="C926" s="5" t="s">
        <v>7137</v>
      </c>
      <c r="D926" s="1" t="s">
        <v>11250</v>
      </c>
      <c r="E926" s="5" t="s">
        <v>17649</v>
      </c>
      <c r="F926" s="6">
        <v>9267</v>
      </c>
    </row>
    <row r="927" spans="1:6" x14ac:dyDescent="0.25">
      <c r="A927" s="4" t="s">
        <v>1876</v>
      </c>
      <c r="B927" s="1" t="s">
        <v>3152</v>
      </c>
      <c r="C927" s="5" t="s">
        <v>5636</v>
      </c>
      <c r="D927" s="1" t="s">
        <v>1876</v>
      </c>
      <c r="E927" s="5" t="s">
        <v>14709</v>
      </c>
      <c r="F927" s="6">
        <v>3415</v>
      </c>
    </row>
    <row r="928" spans="1:6" x14ac:dyDescent="0.25">
      <c r="A928" s="4" t="s">
        <v>1603</v>
      </c>
      <c r="B928" s="1" t="s">
        <v>3155</v>
      </c>
      <c r="C928" s="5" t="s">
        <v>4282</v>
      </c>
      <c r="D928" s="1" t="s">
        <v>9139</v>
      </c>
      <c r="E928" s="5" t="s">
        <v>14389</v>
      </c>
      <c r="F928" s="6">
        <v>3055</v>
      </c>
    </row>
    <row r="929" spans="1:6" x14ac:dyDescent="0.25">
      <c r="A929" s="4" t="s">
        <v>495</v>
      </c>
      <c r="B929" s="1" t="s">
        <v>3152</v>
      </c>
      <c r="C929" s="5" t="s">
        <v>4120</v>
      </c>
      <c r="D929" s="1" t="s">
        <v>8320</v>
      </c>
      <c r="E929" s="5" t="s">
        <v>12738</v>
      </c>
      <c r="F929" s="6">
        <v>1335</v>
      </c>
    </row>
    <row r="930" spans="1:6" x14ac:dyDescent="0.25">
      <c r="A930" s="4" t="s">
        <v>2916</v>
      </c>
      <c r="B930" s="1" t="s">
        <v>3144</v>
      </c>
      <c r="C930" s="5">
        <v>431801</v>
      </c>
      <c r="D930" s="1" t="s">
        <v>2916</v>
      </c>
      <c r="E930" s="5" t="s">
        <v>17255</v>
      </c>
      <c r="F930" s="6">
        <v>8323</v>
      </c>
    </row>
    <row r="931" spans="1:6" x14ac:dyDescent="0.25">
      <c r="A931" s="4" t="s">
        <v>2551</v>
      </c>
      <c r="B931" s="1" t="s">
        <v>3144</v>
      </c>
      <c r="C931" s="5" t="s">
        <v>5697</v>
      </c>
      <c r="D931" s="1" t="s">
        <v>2551</v>
      </c>
      <c r="E931" s="5" t="s">
        <v>16261</v>
      </c>
      <c r="F931" s="6">
        <v>5506</v>
      </c>
    </row>
    <row r="932" spans="1:6" x14ac:dyDescent="0.25">
      <c r="A932" s="4" t="s">
        <v>1661</v>
      </c>
      <c r="B932" s="1" t="s">
        <v>3152</v>
      </c>
      <c r="C932" s="5" t="s">
        <v>4785</v>
      </c>
      <c r="D932" s="1" t="s">
        <v>1661</v>
      </c>
      <c r="E932" s="5" t="s">
        <v>14451</v>
      </c>
      <c r="F932" s="6">
        <v>3136</v>
      </c>
    </row>
    <row r="933" spans="1:6" x14ac:dyDescent="0.25">
      <c r="A933" s="4" t="s">
        <v>616</v>
      </c>
      <c r="B933" s="1" t="s">
        <v>3151</v>
      </c>
      <c r="C933" s="5" t="s">
        <v>4294</v>
      </c>
      <c r="D933" s="1" t="s">
        <v>616</v>
      </c>
      <c r="E933" s="5" t="s">
        <v>13008</v>
      </c>
      <c r="F933" s="6">
        <v>1635</v>
      </c>
    </row>
    <row r="934" spans="1:6" x14ac:dyDescent="0.25">
      <c r="A934" s="4" t="s">
        <v>34</v>
      </c>
      <c r="B934" s="1" t="s">
        <v>3153</v>
      </c>
      <c r="C934" s="5" t="s">
        <v>3254</v>
      </c>
      <c r="D934" s="1" t="s">
        <v>7379</v>
      </c>
      <c r="E934" s="5" t="s">
        <v>11653</v>
      </c>
      <c r="F934" s="6">
        <v>62</v>
      </c>
    </row>
    <row r="935" spans="1:6" x14ac:dyDescent="0.25">
      <c r="A935" s="4" t="s">
        <v>34</v>
      </c>
      <c r="B935" s="1" t="s">
        <v>3153</v>
      </c>
      <c r="C935" s="5" t="s">
        <v>3536</v>
      </c>
      <c r="D935" s="1" t="s">
        <v>7675</v>
      </c>
      <c r="E935" s="5" t="s">
        <v>11967</v>
      </c>
      <c r="F935" s="6">
        <v>400</v>
      </c>
    </row>
    <row r="936" spans="1:6" x14ac:dyDescent="0.25">
      <c r="A936" s="4" t="s">
        <v>34</v>
      </c>
      <c r="B936" s="1" t="s">
        <v>3153</v>
      </c>
      <c r="C936" s="5" t="s">
        <v>3254</v>
      </c>
      <c r="D936" s="1" t="s">
        <v>8141</v>
      </c>
      <c r="E936" s="5" t="s">
        <v>12533</v>
      </c>
      <c r="F936" s="6">
        <v>1058</v>
      </c>
    </row>
    <row r="937" spans="1:6" x14ac:dyDescent="0.25">
      <c r="A937" s="4" t="s">
        <v>34</v>
      </c>
      <c r="B937" s="1" t="s">
        <v>3153</v>
      </c>
      <c r="C937" s="5" t="s">
        <v>4073</v>
      </c>
      <c r="D937" s="1" t="s">
        <v>8255</v>
      </c>
      <c r="E937" s="5" t="s">
        <v>12662</v>
      </c>
      <c r="F937" s="6">
        <v>1257</v>
      </c>
    </row>
    <row r="938" spans="1:6" x14ac:dyDescent="0.25">
      <c r="A938" s="4" t="s">
        <v>34</v>
      </c>
      <c r="B938" s="1" t="s">
        <v>3153</v>
      </c>
      <c r="C938" s="5" t="s">
        <v>4384</v>
      </c>
      <c r="D938" s="1" t="s">
        <v>8609</v>
      </c>
      <c r="E938" s="5" t="s">
        <v>13135</v>
      </c>
      <c r="F938" s="6">
        <v>1768</v>
      </c>
    </row>
    <row r="939" spans="1:6" x14ac:dyDescent="0.25">
      <c r="A939" s="4" t="s">
        <v>34</v>
      </c>
      <c r="B939" s="1" t="s">
        <v>3153</v>
      </c>
      <c r="C939" s="5" t="s">
        <v>4982</v>
      </c>
      <c r="D939" s="1" t="s">
        <v>8901</v>
      </c>
      <c r="E939" s="5" t="s">
        <v>13836</v>
      </c>
      <c r="F939" s="6">
        <v>2486</v>
      </c>
    </row>
    <row r="940" spans="1:6" x14ac:dyDescent="0.25">
      <c r="A940" s="4" t="s">
        <v>34</v>
      </c>
      <c r="B940" s="1" t="s">
        <v>3153</v>
      </c>
      <c r="C940" s="5" t="s">
        <v>5196</v>
      </c>
      <c r="D940" s="1" t="s">
        <v>9048</v>
      </c>
      <c r="E940" s="5" t="s">
        <v>14123</v>
      </c>
      <c r="F940" s="6">
        <v>2780</v>
      </c>
    </row>
    <row r="941" spans="1:6" x14ac:dyDescent="0.25">
      <c r="A941" s="4" t="s">
        <v>34</v>
      </c>
      <c r="B941" s="1" t="s">
        <v>3153</v>
      </c>
      <c r="C941" s="5" t="s">
        <v>5743</v>
      </c>
      <c r="D941" s="1" t="s">
        <v>9247</v>
      </c>
      <c r="E941" s="5" t="s">
        <v>14920</v>
      </c>
      <c r="F941" s="6">
        <v>3641</v>
      </c>
    </row>
    <row r="942" spans="1:6" x14ac:dyDescent="0.25">
      <c r="A942" s="4" t="s">
        <v>34</v>
      </c>
      <c r="B942" s="1" t="s">
        <v>3153</v>
      </c>
      <c r="C942" s="5" t="s">
        <v>5744</v>
      </c>
      <c r="D942" s="1" t="s">
        <v>9248</v>
      </c>
      <c r="E942" s="5" t="s">
        <v>14921</v>
      </c>
      <c r="F942" s="6">
        <v>3642</v>
      </c>
    </row>
    <row r="943" spans="1:6" x14ac:dyDescent="0.25">
      <c r="A943" s="4" t="s">
        <v>34</v>
      </c>
      <c r="B943" s="1" t="s">
        <v>3153</v>
      </c>
      <c r="C943" s="5" t="s">
        <v>5755</v>
      </c>
      <c r="D943" s="1" t="s">
        <v>9266</v>
      </c>
      <c r="E943" s="5" t="s">
        <v>14940</v>
      </c>
      <c r="F943" s="6">
        <v>3662</v>
      </c>
    </row>
    <row r="944" spans="1:6" x14ac:dyDescent="0.25">
      <c r="A944" s="4" t="s">
        <v>34</v>
      </c>
      <c r="B944" s="1" t="s">
        <v>3153</v>
      </c>
      <c r="C944" s="5" t="s">
        <v>5755</v>
      </c>
      <c r="D944" s="1" t="s">
        <v>9292</v>
      </c>
      <c r="E944" s="5" t="s">
        <v>14971</v>
      </c>
      <c r="F944" s="6">
        <v>3694</v>
      </c>
    </row>
    <row r="945" spans="1:6" x14ac:dyDescent="0.25">
      <c r="A945" s="4" t="s">
        <v>34</v>
      </c>
      <c r="B945" s="1" t="s">
        <v>3153</v>
      </c>
      <c r="C945" s="5" t="s">
        <v>6217</v>
      </c>
      <c r="D945" s="1" t="s">
        <v>9839</v>
      </c>
      <c r="E945" s="5" t="s">
        <v>15759</v>
      </c>
      <c r="F945" s="6">
        <v>4665</v>
      </c>
    </row>
    <row r="946" spans="1:6" x14ac:dyDescent="0.25">
      <c r="A946" s="4" t="s">
        <v>34</v>
      </c>
      <c r="B946" s="1" t="s">
        <v>3153</v>
      </c>
      <c r="C946" s="5" t="s">
        <v>6219</v>
      </c>
      <c r="D946" s="1" t="s">
        <v>9841</v>
      </c>
      <c r="E946" s="5" t="s">
        <v>15762</v>
      </c>
      <c r="F946" s="6">
        <v>4668</v>
      </c>
    </row>
    <row r="947" spans="1:6" x14ac:dyDescent="0.25">
      <c r="A947" s="4" t="s">
        <v>34</v>
      </c>
      <c r="B947" s="1" t="s">
        <v>3153</v>
      </c>
      <c r="C947" s="5" t="s">
        <v>6353</v>
      </c>
      <c r="D947" s="1" t="s">
        <v>10038</v>
      </c>
      <c r="E947" s="5" t="s">
        <v>16022</v>
      </c>
      <c r="F947" s="6">
        <v>5004</v>
      </c>
    </row>
    <row r="948" spans="1:6" x14ac:dyDescent="0.25">
      <c r="A948" s="4" t="s">
        <v>2703</v>
      </c>
      <c r="B948" s="1" t="s">
        <v>3153</v>
      </c>
      <c r="C948" s="5" t="s">
        <v>6635</v>
      </c>
      <c r="D948" s="1" t="s">
        <v>10441</v>
      </c>
      <c r="E948" s="5" t="s">
        <v>16590</v>
      </c>
      <c r="F948" s="6">
        <v>6309</v>
      </c>
    </row>
    <row r="949" spans="1:6" x14ac:dyDescent="0.25">
      <c r="A949" s="4" t="s">
        <v>34</v>
      </c>
      <c r="B949" s="1" t="s">
        <v>3153</v>
      </c>
      <c r="C949" s="5" t="s">
        <v>3536</v>
      </c>
      <c r="D949" s="1" t="s">
        <v>10655</v>
      </c>
      <c r="E949" s="5" t="s">
        <v>16871</v>
      </c>
      <c r="F949" s="6">
        <v>7134</v>
      </c>
    </row>
    <row r="950" spans="1:6" x14ac:dyDescent="0.25">
      <c r="A950" s="4" t="s">
        <v>34</v>
      </c>
      <c r="B950" s="1" t="s">
        <v>3153</v>
      </c>
      <c r="C950" s="5" t="s">
        <v>3536</v>
      </c>
      <c r="D950" s="1" t="s">
        <v>10685</v>
      </c>
      <c r="E950" s="5" t="s">
        <v>16909</v>
      </c>
      <c r="F950" s="6">
        <v>7235</v>
      </c>
    </row>
    <row r="951" spans="1:6" x14ac:dyDescent="0.25">
      <c r="A951" s="4" t="s">
        <v>34</v>
      </c>
      <c r="B951" s="1" t="s">
        <v>3153</v>
      </c>
      <c r="C951" s="5" t="s">
        <v>4073</v>
      </c>
      <c r="D951" s="1" t="s">
        <v>10905</v>
      </c>
      <c r="E951" s="5" t="s">
        <v>17193</v>
      </c>
      <c r="F951" s="6">
        <v>8167</v>
      </c>
    </row>
    <row r="952" spans="1:6" x14ac:dyDescent="0.25">
      <c r="A952" s="4" t="s">
        <v>34</v>
      </c>
      <c r="B952" s="1" t="s">
        <v>3153</v>
      </c>
      <c r="C952" s="5" t="s">
        <v>6999</v>
      </c>
      <c r="D952" s="1" t="s">
        <v>11072</v>
      </c>
      <c r="E952" s="5" t="s">
        <v>17413</v>
      </c>
      <c r="F952" s="6">
        <v>9020</v>
      </c>
    </row>
    <row r="953" spans="1:6" x14ac:dyDescent="0.25">
      <c r="A953" s="4" t="s">
        <v>34</v>
      </c>
      <c r="B953" s="1" t="s">
        <v>3153</v>
      </c>
      <c r="C953" s="5" t="s">
        <v>7189</v>
      </c>
      <c r="D953" s="1" t="s">
        <v>11342</v>
      </c>
      <c r="E953" s="5" t="s">
        <v>17764</v>
      </c>
      <c r="F953" s="6">
        <v>9386</v>
      </c>
    </row>
    <row r="954" spans="1:6" x14ac:dyDescent="0.25">
      <c r="A954" s="4" t="s">
        <v>34</v>
      </c>
      <c r="B954" s="1" t="s">
        <v>3153</v>
      </c>
      <c r="C954" s="5" t="s">
        <v>3254</v>
      </c>
      <c r="D954" s="1" t="s">
        <v>11344</v>
      </c>
      <c r="E954" s="5" t="s">
        <v>17766</v>
      </c>
      <c r="F954" s="6">
        <v>9388</v>
      </c>
    </row>
    <row r="955" spans="1:6" x14ac:dyDescent="0.25">
      <c r="A955" s="4" t="s">
        <v>34</v>
      </c>
      <c r="B955" s="1" t="s">
        <v>3153</v>
      </c>
      <c r="C955" s="5" t="s">
        <v>7197</v>
      </c>
      <c r="D955" s="1" t="s">
        <v>11364</v>
      </c>
      <c r="E955" s="5" t="s">
        <v>17789</v>
      </c>
      <c r="F955" s="6">
        <v>9411</v>
      </c>
    </row>
    <row r="956" spans="1:6" x14ac:dyDescent="0.25">
      <c r="A956" s="4" t="s">
        <v>1921</v>
      </c>
      <c r="B956" s="1" t="s">
        <v>3154</v>
      </c>
      <c r="C956" s="5" t="s">
        <v>4181</v>
      </c>
      <c r="D956" s="1" t="s">
        <v>1921</v>
      </c>
      <c r="E956" s="5" t="s">
        <v>14754</v>
      </c>
      <c r="F956" s="6">
        <v>3465</v>
      </c>
    </row>
    <row r="957" spans="1:6" x14ac:dyDescent="0.25">
      <c r="A957" s="4" t="s">
        <v>2575</v>
      </c>
      <c r="B957" s="1" t="s">
        <v>3144</v>
      </c>
      <c r="C957" s="5" t="s">
        <v>6483</v>
      </c>
      <c r="D957" s="1" t="s">
        <v>2575</v>
      </c>
      <c r="E957" s="5" t="s">
        <v>16293</v>
      </c>
      <c r="F957" s="6">
        <v>5591</v>
      </c>
    </row>
    <row r="958" spans="1:6" x14ac:dyDescent="0.25">
      <c r="A958" s="4" t="s">
        <v>1649</v>
      </c>
      <c r="B958" s="1" t="s">
        <v>3161</v>
      </c>
      <c r="C958" s="5" t="s">
        <v>4313</v>
      </c>
      <c r="D958" s="1" t="s">
        <v>1649</v>
      </c>
      <c r="E958" s="5" t="s">
        <v>14439</v>
      </c>
      <c r="F958" s="6">
        <v>3123</v>
      </c>
    </row>
    <row r="959" spans="1:6" x14ac:dyDescent="0.25">
      <c r="A959" s="4" t="s">
        <v>2472</v>
      </c>
      <c r="B959" s="1" t="s">
        <v>3160</v>
      </c>
      <c r="C959" s="5">
        <v>759017</v>
      </c>
      <c r="D959" s="1" t="s">
        <v>2472</v>
      </c>
      <c r="E959" s="5" t="s">
        <v>15997</v>
      </c>
      <c r="F959" s="6">
        <v>4930</v>
      </c>
    </row>
    <row r="960" spans="1:6" x14ac:dyDescent="0.25">
      <c r="A960" s="4" t="s">
        <v>60</v>
      </c>
      <c r="B960" s="1" t="s">
        <v>3160</v>
      </c>
      <c r="C960" s="5" t="s">
        <v>3298</v>
      </c>
      <c r="D960" s="1" t="s">
        <v>7427</v>
      </c>
      <c r="E960" s="5" t="s">
        <v>11702</v>
      </c>
      <c r="F960" s="6">
        <v>122</v>
      </c>
    </row>
    <row r="961" spans="1:6" x14ac:dyDescent="0.25">
      <c r="A961" s="4" t="s">
        <v>60</v>
      </c>
      <c r="B961" s="1" t="s">
        <v>3160</v>
      </c>
      <c r="C961" s="5" t="s">
        <v>3682</v>
      </c>
      <c r="D961" s="1" t="s">
        <v>7853</v>
      </c>
      <c r="E961" s="5" t="s">
        <v>12156</v>
      </c>
      <c r="F961" s="6">
        <v>630</v>
      </c>
    </row>
    <row r="962" spans="1:6" x14ac:dyDescent="0.25">
      <c r="A962" s="4" t="s">
        <v>60</v>
      </c>
      <c r="B962" s="1" t="s">
        <v>3160</v>
      </c>
      <c r="C962" s="5" t="s">
        <v>3691</v>
      </c>
      <c r="D962" s="1" t="s">
        <v>7861</v>
      </c>
      <c r="E962" s="5" t="s">
        <v>12166</v>
      </c>
      <c r="F962" s="6">
        <v>640</v>
      </c>
    </row>
    <row r="963" spans="1:6" x14ac:dyDescent="0.25">
      <c r="A963" s="4" t="s">
        <v>60</v>
      </c>
      <c r="B963" s="1" t="s">
        <v>3160</v>
      </c>
      <c r="C963" s="5" t="s">
        <v>4007</v>
      </c>
      <c r="D963" s="1" t="s">
        <v>8158</v>
      </c>
      <c r="E963" s="5" t="s">
        <v>12555</v>
      </c>
      <c r="F963" s="6">
        <v>1080</v>
      </c>
    </row>
    <row r="964" spans="1:6" x14ac:dyDescent="0.25">
      <c r="A964" s="4" t="s">
        <v>60</v>
      </c>
      <c r="B964" s="1" t="s">
        <v>3160</v>
      </c>
      <c r="C964" s="5">
        <v>751016</v>
      </c>
      <c r="D964" s="1" t="s">
        <v>8250</v>
      </c>
      <c r="E964" s="5" t="s">
        <v>12657</v>
      </c>
      <c r="F964" s="6">
        <v>1252</v>
      </c>
    </row>
    <row r="965" spans="1:6" x14ac:dyDescent="0.25">
      <c r="A965" s="4" t="s">
        <v>60</v>
      </c>
      <c r="B965" s="1" t="s">
        <v>3160</v>
      </c>
      <c r="C965" s="5" t="s">
        <v>4909</v>
      </c>
      <c r="D965" s="1" t="s">
        <v>8848</v>
      </c>
      <c r="E965" s="5" t="s">
        <v>13748</v>
      </c>
      <c r="F965" s="6">
        <v>2396</v>
      </c>
    </row>
    <row r="966" spans="1:6" x14ac:dyDescent="0.25">
      <c r="A966" s="4" t="s">
        <v>60</v>
      </c>
      <c r="B966" s="1" t="s">
        <v>3160</v>
      </c>
      <c r="C966" s="5" t="s">
        <v>4913</v>
      </c>
      <c r="D966" s="1" t="s">
        <v>8854</v>
      </c>
      <c r="E966" s="5" t="s">
        <v>13754</v>
      </c>
      <c r="F966" s="6">
        <v>2402</v>
      </c>
    </row>
    <row r="967" spans="1:6" x14ac:dyDescent="0.25">
      <c r="A967" s="4" t="s">
        <v>60</v>
      </c>
      <c r="B967" s="1" t="s">
        <v>3160</v>
      </c>
      <c r="C967" s="5" t="s">
        <v>4957</v>
      </c>
      <c r="D967" s="1" t="s">
        <v>8887</v>
      </c>
      <c r="E967" s="5" t="s">
        <v>13807</v>
      </c>
      <c r="F967" s="6">
        <v>2457</v>
      </c>
    </row>
    <row r="968" spans="1:6" x14ac:dyDescent="0.25">
      <c r="A968" s="4" t="s">
        <v>60</v>
      </c>
      <c r="B968" s="1" t="s">
        <v>3160</v>
      </c>
      <c r="C968" s="5" t="s">
        <v>5023</v>
      </c>
      <c r="D968" s="1" t="s">
        <v>8930</v>
      </c>
      <c r="E968" s="5" t="s">
        <v>13891</v>
      </c>
      <c r="F968" s="6">
        <v>2542</v>
      </c>
    </row>
    <row r="969" spans="1:6" x14ac:dyDescent="0.25">
      <c r="A969" s="4" t="s">
        <v>60</v>
      </c>
      <c r="B969" s="1" t="s">
        <v>3160</v>
      </c>
      <c r="C969" s="5" t="s">
        <v>5055</v>
      </c>
      <c r="D969" s="1" t="s">
        <v>8955</v>
      </c>
      <c r="E969" s="5" t="s">
        <v>13934</v>
      </c>
      <c r="F969" s="6">
        <v>2586</v>
      </c>
    </row>
    <row r="970" spans="1:6" x14ac:dyDescent="0.25">
      <c r="A970" s="4" t="s">
        <v>60</v>
      </c>
      <c r="B970" s="1" t="s">
        <v>3160</v>
      </c>
      <c r="C970" s="5" t="s">
        <v>5197</v>
      </c>
      <c r="D970" s="1" t="s">
        <v>9049</v>
      </c>
      <c r="E970" s="5" t="s">
        <v>14124</v>
      </c>
      <c r="F970" s="6">
        <v>2781</v>
      </c>
    </row>
    <row r="971" spans="1:6" x14ac:dyDescent="0.25">
      <c r="A971" s="4" t="s">
        <v>60</v>
      </c>
      <c r="B971" s="1" t="s">
        <v>3160</v>
      </c>
      <c r="C971" s="5" t="s">
        <v>5785</v>
      </c>
      <c r="D971" s="1" t="s">
        <v>9311</v>
      </c>
      <c r="E971" s="5" t="s">
        <v>14997</v>
      </c>
      <c r="F971" s="6">
        <v>3722</v>
      </c>
    </row>
    <row r="972" spans="1:6" x14ac:dyDescent="0.25">
      <c r="A972" s="4" t="s">
        <v>60</v>
      </c>
      <c r="B972" s="1" t="s">
        <v>3160</v>
      </c>
      <c r="C972" s="5" t="s">
        <v>5023</v>
      </c>
      <c r="D972" s="1" t="s">
        <v>9451</v>
      </c>
      <c r="E972" s="5" t="s">
        <v>15217</v>
      </c>
      <c r="F972" s="6">
        <v>3951</v>
      </c>
    </row>
    <row r="973" spans="1:6" x14ac:dyDescent="0.25">
      <c r="A973" s="4" t="s">
        <v>60</v>
      </c>
      <c r="B973" s="1" t="s">
        <v>3160</v>
      </c>
      <c r="C973" s="5" t="s">
        <v>5023</v>
      </c>
      <c r="D973" s="1" t="s">
        <v>9496</v>
      </c>
      <c r="E973" s="5" t="s">
        <v>15278</v>
      </c>
      <c r="F973" s="6">
        <v>4013</v>
      </c>
    </row>
    <row r="974" spans="1:6" x14ac:dyDescent="0.25">
      <c r="A974" s="4" t="s">
        <v>60</v>
      </c>
      <c r="B974" s="1" t="s">
        <v>3160</v>
      </c>
      <c r="C974" s="5" t="s">
        <v>6096</v>
      </c>
      <c r="D974" s="1" t="s">
        <v>9666</v>
      </c>
      <c r="E974" s="5" t="s">
        <v>15540</v>
      </c>
      <c r="F974" s="6">
        <v>4281</v>
      </c>
    </row>
    <row r="975" spans="1:6" x14ac:dyDescent="0.25">
      <c r="A975" s="4" t="s">
        <v>60</v>
      </c>
      <c r="B975" s="1" t="s">
        <v>3160</v>
      </c>
      <c r="C975" s="5" t="s">
        <v>6138</v>
      </c>
      <c r="D975" s="1" t="s">
        <v>9704</v>
      </c>
      <c r="E975" s="5" t="s">
        <v>15595</v>
      </c>
      <c r="F975" s="6">
        <v>4337</v>
      </c>
    </row>
    <row r="976" spans="1:6" x14ac:dyDescent="0.25">
      <c r="A976" s="4" t="s">
        <v>60</v>
      </c>
      <c r="B976" s="1" t="s">
        <v>3160</v>
      </c>
      <c r="C976" s="5" t="s">
        <v>6199</v>
      </c>
      <c r="D976" s="1" t="s">
        <v>9805</v>
      </c>
      <c r="E976" s="5" t="s">
        <v>15722</v>
      </c>
      <c r="F976" s="6">
        <v>4491</v>
      </c>
    </row>
    <row r="977" spans="1:6" x14ac:dyDescent="0.25">
      <c r="A977" s="4" t="s">
        <v>60</v>
      </c>
      <c r="B977" s="1" t="s">
        <v>3160</v>
      </c>
      <c r="C977" s="5" t="s">
        <v>5023</v>
      </c>
      <c r="D977" s="1" t="s">
        <v>9835</v>
      </c>
      <c r="E977" s="5" t="s">
        <v>15754</v>
      </c>
      <c r="F977" s="6">
        <v>4638</v>
      </c>
    </row>
    <row r="978" spans="1:6" x14ac:dyDescent="0.25">
      <c r="A978" s="4" t="s">
        <v>60</v>
      </c>
      <c r="B978" s="1" t="s">
        <v>3160</v>
      </c>
      <c r="C978" s="5" t="s">
        <v>5023</v>
      </c>
      <c r="D978" s="1" t="s">
        <v>9865</v>
      </c>
      <c r="E978" s="5" t="s">
        <v>15797</v>
      </c>
      <c r="F978" s="6">
        <v>4705</v>
      </c>
    </row>
    <row r="979" spans="1:6" x14ac:dyDescent="0.25">
      <c r="A979" s="4" t="s">
        <v>60</v>
      </c>
      <c r="B979" s="1" t="s">
        <v>3160</v>
      </c>
      <c r="C979" s="5" t="s">
        <v>6399</v>
      </c>
      <c r="D979" s="1" t="s">
        <v>10133</v>
      </c>
      <c r="E979" s="5" t="s">
        <v>16138</v>
      </c>
      <c r="F979" s="6">
        <v>5233</v>
      </c>
    </row>
    <row r="980" spans="1:6" x14ac:dyDescent="0.25">
      <c r="A980" s="4" t="s">
        <v>60</v>
      </c>
      <c r="B980" s="1" t="s">
        <v>3160</v>
      </c>
      <c r="C980" s="5" t="s">
        <v>4957</v>
      </c>
      <c r="D980" s="1" t="s">
        <v>10188</v>
      </c>
      <c r="E980" s="5" t="s">
        <v>16206</v>
      </c>
      <c r="F980" s="6">
        <v>5364</v>
      </c>
    </row>
    <row r="981" spans="1:6" x14ac:dyDescent="0.25">
      <c r="A981" s="4" t="s">
        <v>60</v>
      </c>
      <c r="B981" s="1" t="s">
        <v>3160</v>
      </c>
      <c r="C981" s="5" t="s">
        <v>6199</v>
      </c>
      <c r="D981" s="1" t="s">
        <v>10293</v>
      </c>
      <c r="E981" s="5" t="s">
        <v>16374</v>
      </c>
      <c r="F981" s="6">
        <v>5778</v>
      </c>
    </row>
    <row r="982" spans="1:6" x14ac:dyDescent="0.25">
      <c r="A982" s="4" t="s">
        <v>60</v>
      </c>
      <c r="B982" s="1" t="s">
        <v>3160</v>
      </c>
      <c r="C982" s="5" t="s">
        <v>6138</v>
      </c>
      <c r="D982" s="1" t="s">
        <v>10323</v>
      </c>
      <c r="E982" s="5" t="s">
        <v>16417</v>
      </c>
      <c r="F982" s="6">
        <v>5874</v>
      </c>
    </row>
    <row r="983" spans="1:6" x14ac:dyDescent="0.25">
      <c r="A983" s="4" t="s">
        <v>60</v>
      </c>
      <c r="B983" s="1" t="s">
        <v>3160</v>
      </c>
      <c r="C983" s="5" t="s">
        <v>6916</v>
      </c>
      <c r="D983" s="1" t="s">
        <v>10917</v>
      </c>
      <c r="E983" s="5" t="s">
        <v>17209</v>
      </c>
      <c r="F983" s="6">
        <v>8194</v>
      </c>
    </row>
    <row r="984" spans="1:6" x14ac:dyDescent="0.25">
      <c r="A984" s="4" t="s">
        <v>1425</v>
      </c>
      <c r="B984" s="1" t="s">
        <v>3152</v>
      </c>
      <c r="C984" s="5" t="s">
        <v>5232</v>
      </c>
      <c r="D984" s="1" t="s">
        <v>1425</v>
      </c>
      <c r="E984" s="5" t="s">
        <v>14166</v>
      </c>
      <c r="F984" s="6">
        <v>2823</v>
      </c>
    </row>
    <row r="985" spans="1:6" x14ac:dyDescent="0.25">
      <c r="A985" s="4" t="s">
        <v>2758</v>
      </c>
      <c r="B985" s="1" t="s">
        <v>3144</v>
      </c>
      <c r="C985" s="5" t="s">
        <v>6713</v>
      </c>
      <c r="D985" s="1" t="s">
        <v>2758</v>
      </c>
      <c r="E985" s="5" t="s">
        <v>16737</v>
      </c>
      <c r="F985" s="6">
        <v>6751</v>
      </c>
    </row>
    <row r="986" spans="1:6" x14ac:dyDescent="0.25">
      <c r="A986" s="4" t="s">
        <v>111</v>
      </c>
      <c r="B986" s="1" t="s">
        <v>3147</v>
      </c>
      <c r="C986" s="5" t="s">
        <v>3370</v>
      </c>
      <c r="D986" s="1" t="s">
        <v>7495</v>
      </c>
      <c r="E986" s="5" t="s">
        <v>11779</v>
      </c>
      <c r="F986" s="6">
        <v>204</v>
      </c>
    </row>
    <row r="987" spans="1:6" x14ac:dyDescent="0.25">
      <c r="A987" s="4" t="s">
        <v>111</v>
      </c>
      <c r="B987" s="1" t="s">
        <v>3147</v>
      </c>
      <c r="C987" s="5" t="s">
        <v>3370</v>
      </c>
      <c r="D987" s="1" t="s">
        <v>10742</v>
      </c>
      <c r="E987" s="5" t="s">
        <v>16987</v>
      </c>
      <c r="F987" s="6">
        <v>7508</v>
      </c>
    </row>
    <row r="988" spans="1:6" x14ac:dyDescent="0.25">
      <c r="A988" s="4" t="s">
        <v>111</v>
      </c>
      <c r="B988" s="1" t="s">
        <v>3147</v>
      </c>
      <c r="C988" s="5" t="s">
        <v>3370</v>
      </c>
      <c r="D988" s="1" t="s">
        <v>11380</v>
      </c>
      <c r="E988" s="5" t="s">
        <v>17806</v>
      </c>
      <c r="F988" s="6">
        <v>9432</v>
      </c>
    </row>
    <row r="989" spans="1:6" x14ac:dyDescent="0.25">
      <c r="A989" s="4" t="s">
        <v>111</v>
      </c>
      <c r="B989" s="1" t="s">
        <v>3147</v>
      </c>
      <c r="C989" s="5" t="s">
        <v>7241</v>
      </c>
      <c r="D989" s="1" t="s">
        <v>11470</v>
      </c>
      <c r="E989" s="5" t="s">
        <v>17912</v>
      </c>
      <c r="F989" s="6">
        <v>9541</v>
      </c>
    </row>
    <row r="990" spans="1:6" x14ac:dyDescent="0.25">
      <c r="A990" s="4" t="s">
        <v>1637</v>
      </c>
      <c r="B990" s="1" t="s">
        <v>3147</v>
      </c>
      <c r="C990" s="5" t="s">
        <v>5445</v>
      </c>
      <c r="D990" s="1" t="s">
        <v>1637</v>
      </c>
      <c r="E990" s="5" t="s">
        <v>14426</v>
      </c>
      <c r="F990" s="6">
        <v>3108</v>
      </c>
    </row>
    <row r="991" spans="1:6" x14ac:dyDescent="0.25">
      <c r="A991" s="4" t="s">
        <v>1011</v>
      </c>
      <c r="B991" s="1" t="s">
        <v>3152</v>
      </c>
      <c r="C991" s="5" t="s">
        <v>4755</v>
      </c>
      <c r="D991" s="1" t="s">
        <v>1011</v>
      </c>
      <c r="E991" s="5" t="s">
        <v>13578</v>
      </c>
      <c r="F991" s="6">
        <v>2219</v>
      </c>
    </row>
    <row r="992" spans="1:6" x14ac:dyDescent="0.25">
      <c r="A992" s="4" t="s">
        <v>1846</v>
      </c>
      <c r="B992" s="1" t="s">
        <v>3152</v>
      </c>
      <c r="C992" s="5" t="s">
        <v>5617</v>
      </c>
      <c r="D992" s="1" t="s">
        <v>1846</v>
      </c>
      <c r="E992" s="5" t="s">
        <v>14675</v>
      </c>
      <c r="F992" s="6">
        <v>3377</v>
      </c>
    </row>
    <row r="993" spans="1:6" x14ac:dyDescent="0.25">
      <c r="A993" s="4" t="s">
        <v>1653</v>
      </c>
      <c r="B993" s="1" t="s">
        <v>3165</v>
      </c>
      <c r="C993" s="5" t="s">
        <v>5454</v>
      </c>
      <c r="D993" s="1" t="s">
        <v>9151</v>
      </c>
      <c r="E993" s="5" t="s">
        <v>14443</v>
      </c>
      <c r="F993" s="6">
        <v>3128</v>
      </c>
    </row>
    <row r="994" spans="1:6" x14ac:dyDescent="0.25">
      <c r="A994" s="4" t="s">
        <v>3017</v>
      </c>
      <c r="B994" s="1" t="s">
        <v>3151</v>
      </c>
      <c r="C994" s="5" t="s">
        <v>7090</v>
      </c>
      <c r="D994" s="1" t="s">
        <v>3017</v>
      </c>
      <c r="E994" s="5" t="s">
        <v>17571</v>
      </c>
      <c r="F994" s="6">
        <v>9185</v>
      </c>
    </row>
    <row r="995" spans="1:6" x14ac:dyDescent="0.25">
      <c r="A995" s="4" t="s">
        <v>326</v>
      </c>
      <c r="B995" s="1" t="s">
        <v>3144</v>
      </c>
      <c r="C995" s="5" t="s">
        <v>3803</v>
      </c>
      <c r="D995" s="1" t="s">
        <v>7979</v>
      </c>
      <c r="E995" s="5" t="s">
        <v>12298</v>
      </c>
      <c r="F995" s="6">
        <v>792</v>
      </c>
    </row>
    <row r="996" spans="1:6" x14ac:dyDescent="0.25">
      <c r="A996" s="4" t="s">
        <v>908</v>
      </c>
      <c r="B996" s="1" t="s">
        <v>3153</v>
      </c>
      <c r="C996" s="5" t="s">
        <v>4656</v>
      </c>
      <c r="D996" s="1" t="s">
        <v>908</v>
      </c>
      <c r="E996" s="5" t="s">
        <v>13474</v>
      </c>
      <c r="F996" s="6">
        <v>2111</v>
      </c>
    </row>
    <row r="997" spans="1:6" x14ac:dyDescent="0.25">
      <c r="A997" s="4" t="s">
        <v>390</v>
      </c>
      <c r="B997" s="1" t="s">
        <v>1147</v>
      </c>
      <c r="C997" s="5" t="s">
        <v>3906</v>
      </c>
      <c r="D997" s="1" t="s">
        <v>8069</v>
      </c>
      <c r="E997" s="5" t="s">
        <v>12425</v>
      </c>
      <c r="F997" s="6">
        <v>939</v>
      </c>
    </row>
    <row r="998" spans="1:6" x14ac:dyDescent="0.25">
      <c r="A998" s="4" t="s">
        <v>390</v>
      </c>
      <c r="B998" s="1" t="s">
        <v>1147</v>
      </c>
      <c r="C998" s="5" t="s">
        <v>5585</v>
      </c>
      <c r="D998" s="1" t="s">
        <v>9201</v>
      </c>
      <c r="E998" s="5" t="s">
        <v>14635</v>
      </c>
      <c r="F998" s="6">
        <v>3331</v>
      </c>
    </row>
    <row r="999" spans="1:6" x14ac:dyDescent="0.25">
      <c r="A999" s="4" t="s">
        <v>390</v>
      </c>
      <c r="B999" s="1" t="s">
        <v>1147</v>
      </c>
      <c r="C999" s="5" t="s">
        <v>5475</v>
      </c>
      <c r="D999" s="1" t="s">
        <v>9202</v>
      </c>
      <c r="E999" s="5" t="s">
        <v>14637</v>
      </c>
      <c r="F999" s="6">
        <v>3333</v>
      </c>
    </row>
    <row r="1000" spans="1:6" x14ac:dyDescent="0.25">
      <c r="A1000" s="4" t="s">
        <v>696</v>
      </c>
      <c r="B1000" s="1" t="s">
        <v>3144</v>
      </c>
      <c r="C1000" s="5" t="s">
        <v>4399</v>
      </c>
      <c r="D1000" s="1" t="s">
        <v>8617</v>
      </c>
      <c r="E1000" s="5" t="s">
        <v>13151</v>
      </c>
      <c r="F1000" s="6">
        <v>1784</v>
      </c>
    </row>
    <row r="1001" spans="1:6" x14ac:dyDescent="0.25">
      <c r="A1001" s="4" t="s">
        <v>437</v>
      </c>
      <c r="B1001" s="1" t="s">
        <v>3149</v>
      </c>
      <c r="C1001" s="5" t="s">
        <v>3981</v>
      </c>
      <c r="D1001" s="1" t="s">
        <v>437</v>
      </c>
      <c r="E1001" s="5" t="s">
        <v>12521</v>
      </c>
      <c r="F1001" s="6">
        <v>1046</v>
      </c>
    </row>
    <row r="1002" spans="1:6" x14ac:dyDescent="0.25">
      <c r="A1002" s="4" t="s">
        <v>412</v>
      </c>
      <c r="B1002" s="1" t="s">
        <v>3149</v>
      </c>
      <c r="C1002" s="5" t="s">
        <v>3934</v>
      </c>
      <c r="D1002" s="1" t="s">
        <v>412</v>
      </c>
      <c r="E1002" s="5" t="s">
        <v>12456</v>
      </c>
      <c r="F1002" s="6">
        <v>972</v>
      </c>
    </row>
    <row r="1003" spans="1:6" x14ac:dyDescent="0.25">
      <c r="A1003" s="4" t="s">
        <v>412</v>
      </c>
      <c r="B1003" s="1" t="s">
        <v>3149</v>
      </c>
      <c r="C1003" s="5" t="s">
        <v>6782</v>
      </c>
      <c r="D1003" s="1" t="s">
        <v>10659</v>
      </c>
      <c r="E1003" s="5" t="s">
        <v>16876</v>
      </c>
      <c r="F1003" s="6">
        <v>7141</v>
      </c>
    </row>
    <row r="1004" spans="1:6" x14ac:dyDescent="0.25">
      <c r="A1004" s="4" t="s">
        <v>8</v>
      </c>
      <c r="B1004" s="1" t="s">
        <v>3148</v>
      </c>
      <c r="C1004" s="5" t="s">
        <v>3211</v>
      </c>
      <c r="D1004" s="1" t="s">
        <v>7339</v>
      </c>
      <c r="E1004" s="5" t="s">
        <v>11610</v>
      </c>
      <c r="F1004" s="6">
        <v>18</v>
      </c>
    </row>
    <row r="1005" spans="1:6" x14ac:dyDescent="0.25">
      <c r="A1005" s="4" t="s">
        <v>8</v>
      </c>
      <c r="B1005" s="1" t="s">
        <v>3148</v>
      </c>
      <c r="C1005" s="5" t="s">
        <v>3211</v>
      </c>
      <c r="D1005" s="1" t="s">
        <v>9003</v>
      </c>
      <c r="E1005" s="5" t="s">
        <v>14043</v>
      </c>
      <c r="F1005" s="6">
        <v>2697</v>
      </c>
    </row>
    <row r="1006" spans="1:6" x14ac:dyDescent="0.25">
      <c r="A1006" s="4" t="s">
        <v>2237</v>
      </c>
      <c r="B1006" s="1" t="s">
        <v>3158</v>
      </c>
      <c r="C1006" s="5" t="s">
        <v>5961</v>
      </c>
      <c r="D1006" s="1" t="s">
        <v>2237</v>
      </c>
      <c r="E1006" s="5" t="s">
        <v>15332</v>
      </c>
      <c r="F1006" s="6">
        <v>4069</v>
      </c>
    </row>
    <row r="1007" spans="1:6" x14ac:dyDescent="0.25">
      <c r="A1007" s="4" t="s">
        <v>3022</v>
      </c>
      <c r="B1007" s="1" t="s">
        <v>3144</v>
      </c>
      <c r="C1007" s="5" t="s">
        <v>7100</v>
      </c>
      <c r="D1007" s="1" t="s">
        <v>3022</v>
      </c>
      <c r="E1007" s="5" t="s">
        <v>17585</v>
      </c>
      <c r="F1007" s="6">
        <v>9200</v>
      </c>
    </row>
    <row r="1008" spans="1:6" x14ac:dyDescent="0.25">
      <c r="A1008" s="4" t="s">
        <v>812</v>
      </c>
      <c r="B1008" s="1" t="s">
        <v>812</v>
      </c>
      <c r="C1008" s="5" t="s">
        <v>4542</v>
      </c>
      <c r="D1008" s="1" t="s">
        <v>8707</v>
      </c>
      <c r="E1008" s="5" t="s">
        <v>13327</v>
      </c>
      <c r="F1008" s="6">
        <v>1960</v>
      </c>
    </row>
    <row r="1009" spans="1:6" x14ac:dyDescent="0.25">
      <c r="A1009" s="4" t="s">
        <v>2103</v>
      </c>
      <c r="B1009" s="1" t="s">
        <v>3158</v>
      </c>
      <c r="C1009" s="5" t="s">
        <v>5802</v>
      </c>
      <c r="D1009" s="1" t="s">
        <v>2103</v>
      </c>
      <c r="E1009" s="5" t="s">
        <v>15026</v>
      </c>
      <c r="F1009" s="6">
        <v>3754</v>
      </c>
    </row>
    <row r="1010" spans="1:6" x14ac:dyDescent="0.25">
      <c r="A1010" s="4" t="s">
        <v>3101</v>
      </c>
      <c r="B1010" s="1" t="s">
        <v>812</v>
      </c>
      <c r="C1010" s="5" t="s">
        <v>7258</v>
      </c>
      <c r="D1010" s="1" t="s">
        <v>3101</v>
      </c>
      <c r="E1010" s="5" t="s">
        <v>17932</v>
      </c>
      <c r="F1010" s="6">
        <v>9562</v>
      </c>
    </row>
    <row r="1011" spans="1:6" x14ac:dyDescent="0.25">
      <c r="A1011" s="4" t="s">
        <v>1567</v>
      </c>
      <c r="B1011" s="1" t="s">
        <v>3152</v>
      </c>
      <c r="C1011" s="5" t="s">
        <v>5387</v>
      </c>
      <c r="D1011" s="1" t="s">
        <v>1567</v>
      </c>
      <c r="E1011" s="5" t="s">
        <v>14350</v>
      </c>
      <c r="F1011" s="6">
        <v>3014</v>
      </c>
    </row>
    <row r="1012" spans="1:6" x14ac:dyDescent="0.25">
      <c r="A1012" s="4" t="s">
        <v>813</v>
      </c>
      <c r="B1012" s="1" t="s">
        <v>3149</v>
      </c>
      <c r="C1012" s="5" t="s">
        <v>4543</v>
      </c>
      <c r="D1012" s="1" t="s">
        <v>813</v>
      </c>
      <c r="E1012" s="5" t="s">
        <v>13328</v>
      </c>
      <c r="F1012" s="6">
        <v>1961</v>
      </c>
    </row>
    <row r="1013" spans="1:6" x14ac:dyDescent="0.25">
      <c r="A1013" s="4" t="s">
        <v>813</v>
      </c>
      <c r="B1013" s="1" t="s">
        <v>3160</v>
      </c>
      <c r="C1013" s="5" t="s">
        <v>6261</v>
      </c>
      <c r="D1013" s="1" t="s">
        <v>9901</v>
      </c>
      <c r="E1013" s="5" t="s">
        <v>15838</v>
      </c>
      <c r="F1013" s="6">
        <v>4750</v>
      </c>
    </row>
    <row r="1014" spans="1:6" x14ac:dyDescent="0.25">
      <c r="A1014" s="4" t="s">
        <v>1012</v>
      </c>
      <c r="B1014" s="1" t="s">
        <v>3163</v>
      </c>
      <c r="C1014" s="5" t="s">
        <v>4756</v>
      </c>
      <c r="D1014" s="1" t="s">
        <v>1012</v>
      </c>
      <c r="E1014" s="5" t="s">
        <v>13579</v>
      </c>
      <c r="F1014" s="6">
        <v>2220</v>
      </c>
    </row>
    <row r="1015" spans="1:6" x14ac:dyDescent="0.25">
      <c r="A1015" s="4" t="s">
        <v>1996</v>
      </c>
      <c r="B1015" s="1" t="s">
        <v>3149</v>
      </c>
      <c r="C1015" s="5" t="s">
        <v>4005</v>
      </c>
      <c r="D1015" s="1" t="s">
        <v>1996</v>
      </c>
      <c r="E1015" s="5" t="s">
        <v>14834</v>
      </c>
      <c r="F1015" s="6">
        <v>3546</v>
      </c>
    </row>
    <row r="1016" spans="1:6" x14ac:dyDescent="0.25">
      <c r="A1016" s="4" t="s">
        <v>2839</v>
      </c>
      <c r="B1016" s="1" t="s">
        <v>3164</v>
      </c>
      <c r="C1016" s="5" t="s">
        <v>6839</v>
      </c>
      <c r="D1016" s="1" t="s">
        <v>2839</v>
      </c>
      <c r="E1016" s="5" t="s">
        <v>16985</v>
      </c>
      <c r="F1016" s="6">
        <v>7500</v>
      </c>
    </row>
    <row r="1017" spans="1:6" x14ac:dyDescent="0.25">
      <c r="A1017" s="4" t="s">
        <v>357</v>
      </c>
      <c r="B1017" s="1" t="s">
        <v>3158</v>
      </c>
      <c r="C1017" s="5" t="s">
        <v>3857</v>
      </c>
      <c r="D1017" s="1" t="s">
        <v>357</v>
      </c>
      <c r="E1017" s="5" t="s">
        <v>12358</v>
      </c>
      <c r="F1017" s="6">
        <v>863</v>
      </c>
    </row>
    <row r="1018" spans="1:6" x14ac:dyDescent="0.25">
      <c r="A1018" s="4" t="s">
        <v>357</v>
      </c>
      <c r="B1018" s="1" t="s">
        <v>3158</v>
      </c>
      <c r="C1018" s="5" t="s">
        <v>7089</v>
      </c>
      <c r="D1018" s="1" t="s">
        <v>11189</v>
      </c>
      <c r="E1018" s="5" t="s">
        <v>17569</v>
      </c>
      <c r="F1018" s="6">
        <v>9183</v>
      </c>
    </row>
    <row r="1019" spans="1:6" x14ac:dyDescent="0.25">
      <c r="A1019" s="4" t="s">
        <v>357</v>
      </c>
      <c r="B1019" s="1" t="s">
        <v>3158</v>
      </c>
      <c r="C1019" s="5" t="s">
        <v>7092</v>
      </c>
      <c r="D1019" s="1" t="s">
        <v>11192</v>
      </c>
      <c r="E1019" s="5" t="s">
        <v>17573</v>
      </c>
      <c r="F1019" s="6">
        <v>9187</v>
      </c>
    </row>
    <row r="1020" spans="1:6" x14ac:dyDescent="0.25">
      <c r="A1020" s="4" t="s">
        <v>2792</v>
      </c>
      <c r="B1020" s="1" t="s">
        <v>3156</v>
      </c>
      <c r="C1020" s="5">
        <v>311602</v>
      </c>
      <c r="D1020" s="1" t="s">
        <v>2792</v>
      </c>
      <c r="E1020" s="5" t="s">
        <v>16854</v>
      </c>
      <c r="F1020" s="6">
        <v>7098</v>
      </c>
    </row>
    <row r="1021" spans="1:6" x14ac:dyDescent="0.25">
      <c r="A1021" s="4" t="s">
        <v>1466</v>
      </c>
      <c r="B1021" s="1" t="s">
        <v>3164</v>
      </c>
      <c r="C1021" s="5" t="s">
        <v>5280</v>
      </c>
      <c r="D1021" s="1" t="s">
        <v>1466</v>
      </c>
      <c r="E1021" s="5" t="s">
        <v>14236</v>
      </c>
      <c r="F1021" s="6">
        <v>2897</v>
      </c>
    </row>
    <row r="1022" spans="1:6" x14ac:dyDescent="0.25">
      <c r="A1022" s="4" t="s">
        <v>257</v>
      </c>
      <c r="B1022" s="1" t="s">
        <v>3156</v>
      </c>
      <c r="C1022" s="5" t="s">
        <v>3696</v>
      </c>
      <c r="D1022" s="1" t="s">
        <v>7866</v>
      </c>
      <c r="E1022" s="5" t="s">
        <v>12171</v>
      </c>
      <c r="F1022" s="6">
        <v>645</v>
      </c>
    </row>
    <row r="1023" spans="1:6" x14ac:dyDescent="0.25">
      <c r="A1023" s="4" t="s">
        <v>257</v>
      </c>
      <c r="B1023" s="1" t="s">
        <v>3156</v>
      </c>
      <c r="C1023" s="5" t="s">
        <v>6374</v>
      </c>
      <c r="D1023" s="1" t="s">
        <v>10082</v>
      </c>
      <c r="E1023" s="5" t="s">
        <v>16079</v>
      </c>
      <c r="F1023" s="6">
        <v>5121</v>
      </c>
    </row>
    <row r="1024" spans="1:6" x14ac:dyDescent="0.25">
      <c r="A1024" s="4" t="s">
        <v>257</v>
      </c>
      <c r="B1024" s="1" t="s">
        <v>3156</v>
      </c>
      <c r="C1024" s="5" t="s">
        <v>3696</v>
      </c>
      <c r="D1024" s="1" t="s">
        <v>10281</v>
      </c>
      <c r="E1024" s="5" t="s">
        <v>16357</v>
      </c>
      <c r="F1024" s="6">
        <v>5736</v>
      </c>
    </row>
    <row r="1025" spans="1:6" x14ac:dyDescent="0.25">
      <c r="A1025" s="4" t="s">
        <v>257</v>
      </c>
      <c r="B1025" s="1" t="s">
        <v>3156</v>
      </c>
      <c r="C1025" s="5" t="s">
        <v>3696</v>
      </c>
      <c r="D1025" s="1" t="s">
        <v>10968</v>
      </c>
      <c r="E1025" s="5" t="s">
        <v>17271</v>
      </c>
      <c r="F1025" s="6">
        <v>8372</v>
      </c>
    </row>
    <row r="1026" spans="1:6" x14ac:dyDescent="0.25">
      <c r="A1026" s="4" t="s">
        <v>257</v>
      </c>
      <c r="B1026" s="1" t="s">
        <v>3156</v>
      </c>
      <c r="C1026" s="5" t="s">
        <v>6938</v>
      </c>
      <c r="D1026" s="1" t="s">
        <v>10972</v>
      </c>
      <c r="E1026" s="5" t="s">
        <v>17275</v>
      </c>
      <c r="F1026" s="6">
        <v>8395</v>
      </c>
    </row>
    <row r="1027" spans="1:6" x14ac:dyDescent="0.25">
      <c r="A1027" s="4" t="s">
        <v>257</v>
      </c>
      <c r="B1027" s="1" t="s">
        <v>3156</v>
      </c>
      <c r="C1027" s="5" t="s">
        <v>3696</v>
      </c>
      <c r="D1027" s="1" t="s">
        <v>11234</v>
      </c>
      <c r="E1027" s="5" t="s">
        <v>17630</v>
      </c>
      <c r="F1027" s="6">
        <v>9247</v>
      </c>
    </row>
    <row r="1028" spans="1:6" x14ac:dyDescent="0.25">
      <c r="A1028" s="4" t="s">
        <v>2369</v>
      </c>
      <c r="B1028" s="1" t="s">
        <v>812</v>
      </c>
      <c r="C1028" s="5" t="s">
        <v>6167</v>
      </c>
      <c r="D1028" s="1" t="s">
        <v>2369</v>
      </c>
      <c r="E1028" s="5" t="s">
        <v>15674</v>
      </c>
      <c r="F1028" s="6">
        <v>4421</v>
      </c>
    </row>
    <row r="1029" spans="1:6" x14ac:dyDescent="0.25">
      <c r="A1029" s="4" t="s">
        <v>2314</v>
      </c>
      <c r="B1029" s="1" t="s">
        <v>3156</v>
      </c>
      <c r="C1029" s="5" t="s">
        <v>6083</v>
      </c>
      <c r="D1029" s="1" t="s">
        <v>2314</v>
      </c>
      <c r="E1029" s="5" t="s">
        <v>15517</v>
      </c>
      <c r="F1029" s="6">
        <v>4255</v>
      </c>
    </row>
    <row r="1030" spans="1:6" x14ac:dyDescent="0.25">
      <c r="A1030" s="4" t="s">
        <v>909</v>
      </c>
      <c r="B1030" s="1" t="s">
        <v>3158</v>
      </c>
      <c r="C1030" s="5" t="s">
        <v>4657</v>
      </c>
      <c r="D1030" s="1" t="s">
        <v>909</v>
      </c>
      <c r="E1030" s="5" t="s">
        <v>13475</v>
      </c>
      <c r="F1030" s="6">
        <v>2112</v>
      </c>
    </row>
    <row r="1031" spans="1:6" x14ac:dyDescent="0.25">
      <c r="A1031" s="4" t="s">
        <v>309</v>
      </c>
      <c r="B1031" s="1" t="s">
        <v>3161</v>
      </c>
      <c r="C1031" s="5" t="s">
        <v>3785</v>
      </c>
      <c r="D1031" s="1" t="s">
        <v>7963</v>
      </c>
      <c r="E1031" s="5" t="s">
        <v>12279</v>
      </c>
      <c r="F1031" s="6">
        <v>771</v>
      </c>
    </row>
    <row r="1032" spans="1:6" x14ac:dyDescent="0.25">
      <c r="A1032" s="4" t="s">
        <v>309</v>
      </c>
      <c r="B1032" s="1" t="s">
        <v>3161</v>
      </c>
      <c r="C1032" s="5" t="s">
        <v>3785</v>
      </c>
      <c r="D1032" s="1" t="s">
        <v>8863</v>
      </c>
      <c r="E1032" s="5" t="s">
        <v>13765</v>
      </c>
      <c r="F1032" s="6">
        <v>2414</v>
      </c>
    </row>
    <row r="1033" spans="1:6" x14ac:dyDescent="0.25">
      <c r="A1033" s="4" t="s">
        <v>309</v>
      </c>
      <c r="B1033" s="1" t="s">
        <v>3161</v>
      </c>
      <c r="C1033" s="5" t="s">
        <v>5753</v>
      </c>
      <c r="D1033" s="1" t="s">
        <v>9263</v>
      </c>
      <c r="E1033" s="5" t="s">
        <v>14937</v>
      </c>
      <c r="F1033" s="6">
        <v>3659</v>
      </c>
    </row>
    <row r="1034" spans="1:6" x14ac:dyDescent="0.25">
      <c r="A1034" s="4" t="s">
        <v>309</v>
      </c>
      <c r="B1034" s="1" t="s">
        <v>3161</v>
      </c>
      <c r="C1034" s="5" t="s">
        <v>3785</v>
      </c>
      <c r="D1034" s="1" t="s">
        <v>10481</v>
      </c>
      <c r="E1034" s="5" t="s">
        <v>16642</v>
      </c>
      <c r="F1034" s="6">
        <v>6460</v>
      </c>
    </row>
    <row r="1035" spans="1:6" x14ac:dyDescent="0.25">
      <c r="A1035" s="4" t="s">
        <v>309</v>
      </c>
      <c r="B1035" s="1" t="s">
        <v>3161</v>
      </c>
      <c r="C1035" s="5" t="s">
        <v>3785</v>
      </c>
      <c r="D1035" s="1" t="s">
        <v>10684</v>
      </c>
      <c r="E1035" s="5" t="s">
        <v>16908</v>
      </c>
      <c r="F1035" s="6">
        <v>7231</v>
      </c>
    </row>
    <row r="1036" spans="1:6" x14ac:dyDescent="0.25">
      <c r="A1036" s="4" t="s">
        <v>2883</v>
      </c>
      <c r="B1036" s="1" t="s">
        <v>3158</v>
      </c>
      <c r="C1036" s="5" t="s">
        <v>6890</v>
      </c>
      <c r="D1036" s="1" t="s">
        <v>309</v>
      </c>
      <c r="E1036" s="5" t="s">
        <v>17128</v>
      </c>
      <c r="F1036" s="6">
        <v>8003</v>
      </c>
    </row>
    <row r="1037" spans="1:6" x14ac:dyDescent="0.25">
      <c r="A1037" s="4" t="s">
        <v>309</v>
      </c>
      <c r="B1037" s="1" t="s">
        <v>3161</v>
      </c>
      <c r="C1037" s="5" t="s">
        <v>5753</v>
      </c>
      <c r="D1037" s="1" t="s">
        <v>11538</v>
      </c>
      <c r="E1037" s="5" t="s">
        <v>18008</v>
      </c>
      <c r="F1037" s="6">
        <v>9640</v>
      </c>
    </row>
    <row r="1038" spans="1:6" x14ac:dyDescent="0.25">
      <c r="A1038" s="4" t="s">
        <v>910</v>
      </c>
      <c r="B1038" s="1" t="s">
        <v>3154</v>
      </c>
      <c r="C1038" s="5" t="s">
        <v>4658</v>
      </c>
      <c r="D1038" s="1" t="s">
        <v>8780</v>
      </c>
      <c r="E1038" s="5" t="s">
        <v>13476</v>
      </c>
      <c r="F1038" s="6">
        <v>2113</v>
      </c>
    </row>
    <row r="1039" spans="1:6" x14ac:dyDescent="0.25">
      <c r="A1039" s="4" t="s">
        <v>1515</v>
      </c>
      <c r="B1039" s="1" t="s">
        <v>3165</v>
      </c>
      <c r="C1039" s="5" t="s">
        <v>5334</v>
      </c>
      <c r="D1039" s="1" t="s">
        <v>9121</v>
      </c>
      <c r="E1039" s="5" t="s">
        <v>14293</v>
      </c>
      <c r="F1039" s="6">
        <v>2955</v>
      </c>
    </row>
    <row r="1040" spans="1:6" x14ac:dyDescent="0.25">
      <c r="A1040" s="4" t="s">
        <v>1082</v>
      </c>
      <c r="B1040" s="1" t="s">
        <v>3152</v>
      </c>
      <c r="C1040" s="5" t="s">
        <v>4825</v>
      </c>
      <c r="D1040" s="1" t="s">
        <v>1082</v>
      </c>
      <c r="E1040" s="5" t="s">
        <v>13652</v>
      </c>
      <c r="F1040" s="6">
        <v>2298</v>
      </c>
    </row>
    <row r="1041" spans="1:6" x14ac:dyDescent="0.25">
      <c r="A1041" s="4" t="s">
        <v>2405</v>
      </c>
      <c r="B1041" s="1" t="s">
        <v>3149</v>
      </c>
      <c r="C1041" s="5" t="s">
        <v>6237</v>
      </c>
      <c r="D1041" s="1" t="s">
        <v>9861</v>
      </c>
      <c r="E1041" s="5" t="s">
        <v>15791</v>
      </c>
      <c r="F1041" s="6">
        <v>4698</v>
      </c>
    </row>
    <row r="1042" spans="1:6" x14ac:dyDescent="0.25">
      <c r="A1042" s="4" t="s">
        <v>2352</v>
      </c>
      <c r="B1042" s="1" t="s">
        <v>3161</v>
      </c>
      <c r="C1042" s="5" t="s">
        <v>6144</v>
      </c>
      <c r="D1042" s="1" t="s">
        <v>2352</v>
      </c>
      <c r="E1042" s="5" t="s">
        <v>15610</v>
      </c>
      <c r="F1042" s="6">
        <v>4352</v>
      </c>
    </row>
    <row r="1043" spans="1:6" x14ac:dyDescent="0.25">
      <c r="A1043" s="4" t="s">
        <v>2391</v>
      </c>
      <c r="B1043" s="1" t="s">
        <v>3179</v>
      </c>
      <c r="C1043" s="5" t="s">
        <v>6212</v>
      </c>
      <c r="D1043" s="1" t="s">
        <v>9829</v>
      </c>
      <c r="E1043" s="5" t="s">
        <v>15748</v>
      </c>
      <c r="F1043" s="6">
        <v>4583</v>
      </c>
    </row>
    <row r="1044" spans="1:6" x14ac:dyDescent="0.25">
      <c r="A1044" s="4" t="s">
        <v>389</v>
      </c>
      <c r="B1044" s="1" t="s">
        <v>3147</v>
      </c>
      <c r="C1044" s="5" t="s">
        <v>3905</v>
      </c>
      <c r="D1044" s="1" t="s">
        <v>389</v>
      </c>
      <c r="E1044" s="5" t="s">
        <v>12424</v>
      </c>
      <c r="F1044" s="6">
        <v>937</v>
      </c>
    </row>
    <row r="1045" spans="1:6" x14ac:dyDescent="0.25">
      <c r="A1045" s="4" t="s">
        <v>1311</v>
      </c>
      <c r="B1045" s="1" t="s">
        <v>3158</v>
      </c>
      <c r="C1045" s="5" t="s">
        <v>5096</v>
      </c>
      <c r="D1045" s="1" t="s">
        <v>1311</v>
      </c>
      <c r="E1045" s="5" t="s">
        <v>13982</v>
      </c>
      <c r="F1045" s="6">
        <v>2635</v>
      </c>
    </row>
    <row r="1046" spans="1:6" x14ac:dyDescent="0.25">
      <c r="A1046" s="4" t="s">
        <v>2113</v>
      </c>
      <c r="B1046" s="1" t="s">
        <v>3154</v>
      </c>
      <c r="C1046" s="5" t="s">
        <v>5694</v>
      </c>
      <c r="D1046" s="1" t="s">
        <v>2113</v>
      </c>
      <c r="E1046" s="5" t="s">
        <v>15042</v>
      </c>
      <c r="F1046" s="6">
        <v>3770</v>
      </c>
    </row>
    <row r="1047" spans="1:6" x14ac:dyDescent="0.25">
      <c r="A1047" s="4" t="s">
        <v>1062</v>
      </c>
      <c r="B1047" s="1" t="s">
        <v>3160</v>
      </c>
      <c r="C1047" s="5" t="s">
        <v>4803</v>
      </c>
      <c r="D1047" s="1" t="s">
        <v>1062</v>
      </c>
      <c r="E1047" s="5" t="s">
        <v>13630</v>
      </c>
      <c r="F1047" s="6">
        <v>2273</v>
      </c>
    </row>
    <row r="1048" spans="1:6" x14ac:dyDescent="0.25">
      <c r="A1048" s="4" t="s">
        <v>2105</v>
      </c>
      <c r="B1048" s="1" t="s">
        <v>3161</v>
      </c>
      <c r="C1048" s="5" t="s">
        <v>5706</v>
      </c>
      <c r="D1048" s="1" t="s">
        <v>2105</v>
      </c>
      <c r="E1048" s="5" t="s">
        <v>15031</v>
      </c>
      <c r="F1048" s="6">
        <v>3759</v>
      </c>
    </row>
    <row r="1049" spans="1:6" x14ac:dyDescent="0.25">
      <c r="A1049" s="4" t="s">
        <v>2205</v>
      </c>
      <c r="B1049" s="1" t="s">
        <v>3158</v>
      </c>
      <c r="C1049" s="5" t="s">
        <v>5920</v>
      </c>
      <c r="D1049" s="1" t="s">
        <v>2205</v>
      </c>
      <c r="E1049" s="5" t="s">
        <v>15272</v>
      </c>
      <c r="F1049" s="6">
        <v>4007</v>
      </c>
    </row>
    <row r="1050" spans="1:6" x14ac:dyDescent="0.25">
      <c r="A1050" s="4" t="s">
        <v>3056</v>
      </c>
      <c r="B1050" s="1" t="s">
        <v>3168</v>
      </c>
      <c r="C1050" s="5" t="s">
        <v>7171</v>
      </c>
      <c r="D1050" s="1" t="s">
        <v>3056</v>
      </c>
      <c r="E1050" s="5" t="s">
        <v>17714</v>
      </c>
      <c r="F1050" s="6">
        <v>9336</v>
      </c>
    </row>
    <row r="1051" spans="1:6" x14ac:dyDescent="0.25">
      <c r="A1051" s="4" t="s">
        <v>1420</v>
      </c>
      <c r="B1051" s="1" t="s">
        <v>3163</v>
      </c>
      <c r="C1051" s="5" t="s">
        <v>5226</v>
      </c>
      <c r="D1051" s="1" t="s">
        <v>9062</v>
      </c>
      <c r="E1051" s="5" t="s">
        <v>14159</v>
      </c>
      <c r="F1051" s="6">
        <v>2816</v>
      </c>
    </row>
    <row r="1052" spans="1:6" x14ac:dyDescent="0.25">
      <c r="A1052" s="4" t="s">
        <v>3090</v>
      </c>
      <c r="B1052" s="1" t="s">
        <v>3148</v>
      </c>
      <c r="C1052" s="5" t="s">
        <v>7246</v>
      </c>
      <c r="D1052" s="1" t="s">
        <v>3090</v>
      </c>
      <c r="E1052" s="5" t="s">
        <v>17919</v>
      </c>
      <c r="F1052" s="6">
        <v>9548</v>
      </c>
    </row>
    <row r="1053" spans="1:6" x14ac:dyDescent="0.25">
      <c r="A1053" s="4" t="s">
        <v>2880</v>
      </c>
      <c r="B1053" s="1" t="s">
        <v>3161</v>
      </c>
      <c r="C1053" s="5" t="s">
        <v>6888</v>
      </c>
      <c r="D1053" s="1" t="s">
        <v>2880</v>
      </c>
      <c r="E1053" s="5" t="s">
        <v>17121</v>
      </c>
      <c r="F1053" s="6">
        <v>7966</v>
      </c>
    </row>
    <row r="1054" spans="1:6" x14ac:dyDescent="0.25">
      <c r="A1054" s="4" t="s">
        <v>3034</v>
      </c>
      <c r="B1054" s="1" t="s">
        <v>812</v>
      </c>
      <c r="C1054" s="5" t="s">
        <v>7127</v>
      </c>
      <c r="D1054" s="1" t="s">
        <v>3034</v>
      </c>
      <c r="E1054" s="5" t="s">
        <v>17627</v>
      </c>
      <c r="F1054" s="6">
        <v>9244</v>
      </c>
    </row>
    <row r="1055" spans="1:6" x14ac:dyDescent="0.25">
      <c r="A1055" s="4" t="s">
        <v>1719</v>
      </c>
      <c r="B1055" s="1" t="s">
        <v>3160</v>
      </c>
      <c r="C1055" s="5" t="s">
        <v>5501</v>
      </c>
      <c r="D1055" s="1" t="s">
        <v>1719</v>
      </c>
      <c r="E1055" s="5" t="s">
        <v>14516</v>
      </c>
      <c r="F1055" s="6">
        <v>3204</v>
      </c>
    </row>
    <row r="1056" spans="1:6" x14ac:dyDescent="0.25">
      <c r="A1056" s="4" t="s">
        <v>2108</v>
      </c>
      <c r="B1056" s="1" t="s">
        <v>3158</v>
      </c>
      <c r="C1056" s="5" t="s">
        <v>5809</v>
      </c>
      <c r="D1056" s="1" t="s">
        <v>2108</v>
      </c>
      <c r="E1056" s="5" t="s">
        <v>15035</v>
      </c>
      <c r="F1056" s="6">
        <v>3763</v>
      </c>
    </row>
    <row r="1057" spans="1:6" x14ac:dyDescent="0.25">
      <c r="A1057" s="4" t="s">
        <v>2423</v>
      </c>
      <c r="B1057" s="1" t="s">
        <v>3158</v>
      </c>
      <c r="C1057" s="5" t="s">
        <v>6271</v>
      </c>
      <c r="D1057" s="1" t="s">
        <v>9915</v>
      </c>
      <c r="E1057" s="5" t="s">
        <v>15856</v>
      </c>
      <c r="F1057" s="6">
        <v>4769</v>
      </c>
    </row>
    <row r="1058" spans="1:6" x14ac:dyDescent="0.25">
      <c r="A1058" s="4" t="s">
        <v>814</v>
      </c>
      <c r="B1058" s="1" t="s">
        <v>3164</v>
      </c>
      <c r="C1058" s="5" t="s">
        <v>4544</v>
      </c>
      <c r="D1058" s="1" t="s">
        <v>8708</v>
      </c>
      <c r="E1058" s="5" t="s">
        <v>13329</v>
      </c>
      <c r="F1058" s="6">
        <v>1962</v>
      </c>
    </row>
    <row r="1059" spans="1:6" x14ac:dyDescent="0.25">
      <c r="A1059" s="4" t="s">
        <v>2810</v>
      </c>
      <c r="B1059" s="1" t="s">
        <v>3155</v>
      </c>
      <c r="C1059" s="5" t="s">
        <v>6803</v>
      </c>
      <c r="D1059" s="1" t="s">
        <v>2810</v>
      </c>
      <c r="E1059" s="5" t="s">
        <v>16915</v>
      </c>
      <c r="F1059" s="6">
        <v>7263</v>
      </c>
    </row>
    <row r="1060" spans="1:6" x14ac:dyDescent="0.25">
      <c r="A1060" s="4" t="s">
        <v>25</v>
      </c>
      <c r="B1060" s="1" t="s">
        <v>3147</v>
      </c>
      <c r="C1060" s="5" t="s">
        <v>3242</v>
      </c>
      <c r="D1060" s="1" t="s">
        <v>7367</v>
      </c>
      <c r="E1060" s="5" t="s">
        <v>11641</v>
      </c>
      <c r="F1060" s="6">
        <v>49</v>
      </c>
    </row>
    <row r="1061" spans="1:6" x14ac:dyDescent="0.25">
      <c r="A1061" s="4" t="s">
        <v>970</v>
      </c>
      <c r="B1061" s="1" t="s">
        <v>3147</v>
      </c>
      <c r="C1061" s="5" t="s">
        <v>4717</v>
      </c>
      <c r="D1061" s="1" t="s">
        <v>970</v>
      </c>
      <c r="E1061" s="5" t="s">
        <v>13537</v>
      </c>
      <c r="F1061" s="6">
        <v>2176</v>
      </c>
    </row>
    <row r="1062" spans="1:6" x14ac:dyDescent="0.25">
      <c r="A1062" s="4" t="s">
        <v>1328</v>
      </c>
      <c r="B1062" s="1" t="s">
        <v>3151</v>
      </c>
      <c r="C1062" s="5" t="s">
        <v>5114</v>
      </c>
      <c r="D1062" s="1" t="s">
        <v>1328</v>
      </c>
      <c r="E1062" s="5" t="s">
        <v>14003</v>
      </c>
      <c r="F1062" s="6">
        <v>2657</v>
      </c>
    </row>
    <row r="1063" spans="1:6" x14ac:dyDescent="0.25">
      <c r="A1063" s="4" t="s">
        <v>1352</v>
      </c>
      <c r="B1063" s="1" t="s">
        <v>812</v>
      </c>
      <c r="C1063" s="5" t="s">
        <v>5146</v>
      </c>
      <c r="D1063" s="1" t="s">
        <v>1352</v>
      </c>
      <c r="E1063" s="5" t="s">
        <v>14044</v>
      </c>
      <c r="F1063" s="6">
        <v>2698</v>
      </c>
    </row>
    <row r="1064" spans="1:6" x14ac:dyDescent="0.25">
      <c r="A1064" s="4" t="s">
        <v>2229</v>
      </c>
      <c r="B1064" s="1" t="s">
        <v>3146</v>
      </c>
      <c r="C1064" s="5" t="s">
        <v>5953</v>
      </c>
      <c r="D1064" s="1" t="s">
        <v>9523</v>
      </c>
      <c r="E1064" s="5" t="s">
        <v>15320</v>
      </c>
      <c r="F1064" s="6">
        <v>4057</v>
      </c>
    </row>
    <row r="1065" spans="1:6" x14ac:dyDescent="0.25">
      <c r="A1065" s="4" t="s">
        <v>2646</v>
      </c>
      <c r="B1065" s="1" t="s">
        <v>3144</v>
      </c>
      <c r="C1065" s="5" t="s">
        <v>6566</v>
      </c>
      <c r="D1065" s="1" t="s">
        <v>2646</v>
      </c>
      <c r="E1065" s="5" t="s">
        <v>16431</v>
      </c>
      <c r="F1065" s="6">
        <v>5890</v>
      </c>
    </row>
    <row r="1066" spans="1:6" x14ac:dyDescent="0.25">
      <c r="A1066" s="4" t="s">
        <v>1679</v>
      </c>
      <c r="B1066" s="1" t="s">
        <v>3152</v>
      </c>
      <c r="C1066" s="5" t="s">
        <v>5470</v>
      </c>
      <c r="D1066" s="1" t="s">
        <v>1679</v>
      </c>
      <c r="E1066" s="5" t="s">
        <v>14469</v>
      </c>
      <c r="F1066" s="6">
        <v>3154</v>
      </c>
    </row>
    <row r="1067" spans="1:6" x14ac:dyDescent="0.25">
      <c r="A1067" s="4" t="s">
        <v>78</v>
      </c>
      <c r="B1067" s="1" t="s">
        <v>3144</v>
      </c>
      <c r="C1067" s="5" t="s">
        <v>3331</v>
      </c>
      <c r="D1067" s="1" t="s">
        <v>7459</v>
      </c>
      <c r="E1067" s="5" t="s">
        <v>11739</v>
      </c>
      <c r="F1067" s="6">
        <v>160</v>
      </c>
    </row>
    <row r="1068" spans="1:6" x14ac:dyDescent="0.25">
      <c r="A1068" s="4" t="s">
        <v>78</v>
      </c>
      <c r="B1068" s="1" t="s">
        <v>3144</v>
      </c>
      <c r="C1068" s="5" t="s">
        <v>3331</v>
      </c>
      <c r="D1068" s="1" t="s">
        <v>11243</v>
      </c>
      <c r="E1068" s="5" t="s">
        <v>17642</v>
      </c>
      <c r="F1068" s="6">
        <v>9260</v>
      </c>
    </row>
    <row r="1069" spans="1:6" x14ac:dyDescent="0.25">
      <c r="A1069" s="4" t="s">
        <v>1709</v>
      </c>
      <c r="B1069" s="1" t="s">
        <v>3144</v>
      </c>
      <c r="C1069" s="5" t="s">
        <v>3331</v>
      </c>
      <c r="D1069" s="1" t="s">
        <v>9158</v>
      </c>
      <c r="E1069" s="5" t="s">
        <v>14503</v>
      </c>
      <c r="F1069" s="6">
        <v>3189</v>
      </c>
    </row>
    <row r="1070" spans="1:6" x14ac:dyDescent="0.25">
      <c r="A1070" s="4" t="s">
        <v>3026</v>
      </c>
      <c r="B1070" s="1" t="s">
        <v>3164</v>
      </c>
      <c r="C1070" s="5" t="s">
        <v>7106</v>
      </c>
      <c r="D1070" s="1" t="s">
        <v>3026</v>
      </c>
      <c r="E1070" s="5" t="s">
        <v>17593</v>
      </c>
      <c r="F1070" s="6">
        <v>9208</v>
      </c>
    </row>
    <row r="1071" spans="1:6" x14ac:dyDescent="0.25">
      <c r="A1071" s="4" t="s">
        <v>148</v>
      </c>
      <c r="B1071" s="1" t="s">
        <v>3159</v>
      </c>
      <c r="C1071" s="5" t="s">
        <v>3423</v>
      </c>
      <c r="D1071" s="1" t="s">
        <v>7550</v>
      </c>
      <c r="E1071" s="5" t="s">
        <v>11836</v>
      </c>
      <c r="F1071" s="6">
        <v>267</v>
      </c>
    </row>
    <row r="1072" spans="1:6" x14ac:dyDescent="0.25">
      <c r="A1072" s="4" t="s">
        <v>148</v>
      </c>
      <c r="B1072" s="1" t="s">
        <v>3159</v>
      </c>
      <c r="C1072" s="5" t="s">
        <v>3635</v>
      </c>
      <c r="D1072" s="1" t="s">
        <v>7781</v>
      </c>
      <c r="E1072" s="5" t="s">
        <v>12081</v>
      </c>
      <c r="F1072" s="6">
        <v>529</v>
      </c>
    </row>
    <row r="1073" spans="1:6" x14ac:dyDescent="0.25">
      <c r="A1073" s="4" t="s">
        <v>1965</v>
      </c>
      <c r="B1073" s="1" t="s">
        <v>3147</v>
      </c>
      <c r="C1073" s="5" t="s">
        <v>4322</v>
      </c>
      <c r="D1073" s="1" t="s">
        <v>1965</v>
      </c>
      <c r="E1073" s="5" t="s">
        <v>14801</v>
      </c>
      <c r="F1073" s="6">
        <v>3512</v>
      </c>
    </row>
    <row r="1074" spans="1:6" x14ac:dyDescent="0.25">
      <c r="A1074" s="4" t="s">
        <v>2419</v>
      </c>
      <c r="B1074" s="1" t="s">
        <v>3160</v>
      </c>
      <c r="C1074" s="5" t="s">
        <v>6265</v>
      </c>
      <c r="D1074" s="1" t="s">
        <v>9909</v>
      </c>
      <c r="E1074" s="5" t="s">
        <v>15847</v>
      </c>
      <c r="F1074" s="6">
        <v>4760</v>
      </c>
    </row>
    <row r="1075" spans="1:6" x14ac:dyDescent="0.25">
      <c r="A1075" s="4" t="s">
        <v>1350</v>
      </c>
      <c r="B1075" s="1" t="s">
        <v>3160</v>
      </c>
      <c r="C1075" s="5" t="s">
        <v>5143</v>
      </c>
      <c r="D1075" s="1" t="s">
        <v>1350</v>
      </c>
      <c r="E1075" s="5" t="s">
        <v>14039</v>
      </c>
      <c r="F1075" s="6">
        <v>2693</v>
      </c>
    </row>
    <row r="1076" spans="1:6" x14ac:dyDescent="0.25">
      <c r="A1076" s="4" t="s">
        <v>1350</v>
      </c>
      <c r="B1076" s="1" t="s">
        <v>3160</v>
      </c>
      <c r="C1076" s="5" t="s">
        <v>6370</v>
      </c>
      <c r="D1076" s="1" t="s">
        <v>10076</v>
      </c>
      <c r="E1076" s="5" t="s">
        <v>16071</v>
      </c>
      <c r="F1076" s="6">
        <v>5105</v>
      </c>
    </row>
    <row r="1077" spans="1:6" x14ac:dyDescent="0.25">
      <c r="A1077" s="4" t="s">
        <v>1396</v>
      </c>
      <c r="B1077" s="1" t="s">
        <v>3148</v>
      </c>
      <c r="C1077" s="5" t="s">
        <v>5201</v>
      </c>
      <c r="D1077" s="1" t="s">
        <v>1396</v>
      </c>
      <c r="E1077" s="5" t="s">
        <v>14128</v>
      </c>
      <c r="F1077" s="6">
        <v>2785</v>
      </c>
    </row>
    <row r="1078" spans="1:6" x14ac:dyDescent="0.25">
      <c r="A1078" s="4" t="s">
        <v>1895</v>
      </c>
      <c r="B1078" s="1" t="s">
        <v>3151</v>
      </c>
      <c r="C1078" s="5" t="s">
        <v>5648</v>
      </c>
      <c r="D1078" s="1" t="s">
        <v>1895</v>
      </c>
      <c r="E1078" s="5" t="s">
        <v>14728</v>
      </c>
      <c r="F1078" s="6">
        <v>3438</v>
      </c>
    </row>
    <row r="1079" spans="1:6" x14ac:dyDescent="0.25">
      <c r="A1079" s="4" t="s">
        <v>625</v>
      </c>
      <c r="B1079" s="1" t="s">
        <v>3164</v>
      </c>
      <c r="C1079" s="5" t="s">
        <v>4303</v>
      </c>
      <c r="D1079" s="1" t="s">
        <v>625</v>
      </c>
      <c r="E1079" s="5" t="s">
        <v>13018</v>
      </c>
      <c r="F1079" s="6">
        <v>1645</v>
      </c>
    </row>
    <row r="1080" spans="1:6" x14ac:dyDescent="0.25">
      <c r="A1080" s="4" t="s">
        <v>2920</v>
      </c>
      <c r="B1080" s="1" t="s">
        <v>3148</v>
      </c>
      <c r="C1080" s="5" t="s">
        <v>6935</v>
      </c>
      <c r="D1080" s="1" t="s">
        <v>2920</v>
      </c>
      <c r="E1080" s="5" t="s">
        <v>17265</v>
      </c>
      <c r="F1080" s="6">
        <v>8359</v>
      </c>
    </row>
    <row r="1081" spans="1:6" x14ac:dyDescent="0.25">
      <c r="A1081" s="4" t="s">
        <v>161</v>
      </c>
      <c r="B1081" s="1" t="s">
        <v>3147</v>
      </c>
      <c r="C1081" s="5" t="s">
        <v>3455</v>
      </c>
      <c r="D1081" s="1" t="s">
        <v>161</v>
      </c>
      <c r="E1081" s="5" t="s">
        <v>11873</v>
      </c>
      <c r="F1081" s="6">
        <v>305</v>
      </c>
    </row>
    <row r="1082" spans="1:6" x14ac:dyDescent="0.25">
      <c r="A1082" s="4" t="s">
        <v>1706</v>
      </c>
      <c r="B1082" s="1" t="s">
        <v>3147</v>
      </c>
      <c r="C1082" s="5" t="s">
        <v>5130</v>
      </c>
      <c r="D1082" s="1" t="s">
        <v>1706</v>
      </c>
      <c r="E1082" s="5" t="s">
        <v>14500</v>
      </c>
      <c r="F1082" s="6">
        <v>3186</v>
      </c>
    </row>
    <row r="1083" spans="1:6" x14ac:dyDescent="0.25">
      <c r="A1083" s="4" t="s">
        <v>2437</v>
      </c>
      <c r="B1083" s="1" t="s">
        <v>3148</v>
      </c>
      <c r="C1083" s="5" t="s">
        <v>6302</v>
      </c>
      <c r="D1083" s="1" t="s">
        <v>2437</v>
      </c>
      <c r="E1083" s="5" t="s">
        <v>15904</v>
      </c>
      <c r="F1083" s="6">
        <v>4820</v>
      </c>
    </row>
    <row r="1084" spans="1:6" x14ac:dyDescent="0.25">
      <c r="A1084" s="4" t="s">
        <v>292</v>
      </c>
      <c r="B1084" s="1" t="s">
        <v>3147</v>
      </c>
      <c r="C1084" s="5" t="s">
        <v>3764</v>
      </c>
      <c r="D1084" s="1" t="s">
        <v>7942</v>
      </c>
      <c r="E1084" s="5" t="s">
        <v>12257</v>
      </c>
      <c r="F1084" s="6">
        <v>749</v>
      </c>
    </row>
    <row r="1085" spans="1:6" x14ac:dyDescent="0.25">
      <c r="A1085" s="4" t="s">
        <v>396</v>
      </c>
      <c r="B1085" s="1" t="s">
        <v>3147</v>
      </c>
      <c r="C1085" s="5" t="s">
        <v>3913</v>
      </c>
      <c r="D1085" s="1" t="s">
        <v>396</v>
      </c>
      <c r="E1085" s="5" t="s">
        <v>12432</v>
      </c>
      <c r="F1085" s="6">
        <v>948</v>
      </c>
    </row>
    <row r="1086" spans="1:6" x14ac:dyDescent="0.25">
      <c r="A1086" s="4" t="s">
        <v>1896</v>
      </c>
      <c r="B1086" s="1" t="s">
        <v>3156</v>
      </c>
      <c r="C1086" s="5" t="s">
        <v>5649</v>
      </c>
      <c r="D1086" s="1" t="s">
        <v>1896</v>
      </c>
      <c r="E1086" s="5" t="s">
        <v>14729</v>
      </c>
      <c r="F1086" s="6">
        <v>3439</v>
      </c>
    </row>
    <row r="1087" spans="1:6" x14ac:dyDescent="0.25">
      <c r="A1087" s="4" t="s">
        <v>461</v>
      </c>
      <c r="B1087" s="1" t="s">
        <v>3160</v>
      </c>
      <c r="C1087" s="5" t="s">
        <v>4025</v>
      </c>
      <c r="D1087" s="1" t="s">
        <v>8175</v>
      </c>
      <c r="E1087" s="5" t="s">
        <v>12577</v>
      </c>
      <c r="F1087" s="6">
        <v>1107</v>
      </c>
    </row>
    <row r="1088" spans="1:6" x14ac:dyDescent="0.25">
      <c r="A1088" s="4" t="s">
        <v>461</v>
      </c>
      <c r="B1088" s="1" t="s">
        <v>3160</v>
      </c>
      <c r="C1088" s="5" t="s">
        <v>5054</v>
      </c>
      <c r="D1088" s="1" t="s">
        <v>8954</v>
      </c>
      <c r="E1088" s="5" t="s">
        <v>13933</v>
      </c>
      <c r="F1088" s="6">
        <v>2585</v>
      </c>
    </row>
    <row r="1089" spans="1:6" x14ac:dyDescent="0.25">
      <c r="A1089" s="4" t="s">
        <v>461</v>
      </c>
      <c r="B1089" s="1" t="s">
        <v>3160</v>
      </c>
      <c r="C1089" s="5" t="s">
        <v>6065</v>
      </c>
      <c r="D1089" s="1" t="s">
        <v>9633</v>
      </c>
      <c r="E1089" s="5" t="s">
        <v>15491</v>
      </c>
      <c r="F1089" s="6">
        <v>4229</v>
      </c>
    </row>
    <row r="1090" spans="1:6" x14ac:dyDescent="0.25">
      <c r="A1090" s="4" t="s">
        <v>461</v>
      </c>
      <c r="B1090" s="1" t="s">
        <v>3160</v>
      </c>
      <c r="C1090" s="5" t="s">
        <v>6981</v>
      </c>
      <c r="D1090" s="1" t="s">
        <v>11053</v>
      </c>
      <c r="E1090" s="5" t="s">
        <v>17383</v>
      </c>
      <c r="F1090" s="6">
        <v>8946</v>
      </c>
    </row>
    <row r="1091" spans="1:6" x14ac:dyDescent="0.25">
      <c r="A1091" s="4" t="s">
        <v>461</v>
      </c>
      <c r="B1091" s="1" t="s">
        <v>3160</v>
      </c>
      <c r="C1091" s="5" t="s">
        <v>7129</v>
      </c>
      <c r="D1091" s="1" t="s">
        <v>11233</v>
      </c>
      <c r="E1091" s="5" t="s">
        <v>17629</v>
      </c>
      <c r="F1091" s="6">
        <v>9246</v>
      </c>
    </row>
    <row r="1092" spans="1:6" x14ac:dyDescent="0.25">
      <c r="A1092" s="4" t="s">
        <v>461</v>
      </c>
      <c r="B1092" s="1" t="s">
        <v>3160</v>
      </c>
      <c r="C1092" s="5" t="s">
        <v>7220</v>
      </c>
      <c r="D1092" s="1" t="s">
        <v>11424</v>
      </c>
      <c r="E1092" s="5" t="s">
        <v>17857</v>
      </c>
      <c r="F1092" s="6">
        <v>9485</v>
      </c>
    </row>
    <row r="1093" spans="1:6" x14ac:dyDescent="0.25">
      <c r="A1093" s="4" t="s">
        <v>2776</v>
      </c>
      <c r="B1093" s="1" t="s">
        <v>3149</v>
      </c>
      <c r="C1093" s="5" t="s">
        <v>6740</v>
      </c>
      <c r="D1093" s="1" t="s">
        <v>2776</v>
      </c>
      <c r="E1093" s="5" t="s">
        <v>16785</v>
      </c>
      <c r="F1093" s="6">
        <v>6941</v>
      </c>
    </row>
    <row r="1094" spans="1:6" x14ac:dyDescent="0.25">
      <c r="A1094" s="4" t="s">
        <v>3089</v>
      </c>
      <c r="B1094" s="1" t="s">
        <v>3160</v>
      </c>
      <c r="C1094" s="5" t="s">
        <v>7244</v>
      </c>
      <c r="D1094" s="1" t="s">
        <v>3089</v>
      </c>
      <c r="E1094" s="5" t="s">
        <v>17917</v>
      </c>
      <c r="F1094" s="6">
        <v>9546</v>
      </c>
    </row>
    <row r="1095" spans="1:6" x14ac:dyDescent="0.25">
      <c r="A1095" s="4" t="s">
        <v>1552</v>
      </c>
      <c r="B1095" s="1" t="s">
        <v>3144</v>
      </c>
      <c r="C1095" s="5" t="s">
        <v>5371</v>
      </c>
      <c r="D1095" s="1" t="s">
        <v>1552</v>
      </c>
      <c r="E1095" s="5" t="s">
        <v>14334</v>
      </c>
      <c r="F1095" s="6">
        <v>2996</v>
      </c>
    </row>
    <row r="1096" spans="1:6" x14ac:dyDescent="0.25">
      <c r="A1096" s="4" t="s">
        <v>1298</v>
      </c>
      <c r="B1096" s="1" t="s">
        <v>3158</v>
      </c>
      <c r="C1096" s="5" t="s">
        <v>5085</v>
      </c>
      <c r="D1096" s="1" t="s">
        <v>1298</v>
      </c>
      <c r="E1096" s="5" t="s">
        <v>13968</v>
      </c>
      <c r="F1096" s="6">
        <v>2620</v>
      </c>
    </row>
    <row r="1097" spans="1:6" x14ac:dyDescent="0.25">
      <c r="A1097" s="4" t="s">
        <v>2588</v>
      </c>
      <c r="B1097" s="1" t="s">
        <v>3163</v>
      </c>
      <c r="C1097" s="5">
        <v>190014</v>
      </c>
      <c r="D1097" s="1" t="s">
        <v>10257</v>
      </c>
      <c r="E1097" s="5" t="s">
        <v>16316</v>
      </c>
      <c r="F1097" s="6">
        <v>5630</v>
      </c>
    </row>
    <row r="1098" spans="1:6" x14ac:dyDescent="0.25">
      <c r="A1098" s="4" t="s">
        <v>791</v>
      </c>
      <c r="B1098" s="1" t="s">
        <v>3148</v>
      </c>
      <c r="C1098" s="5" t="s">
        <v>4520</v>
      </c>
      <c r="D1098" s="1" t="s">
        <v>791</v>
      </c>
      <c r="E1098" s="5" t="s">
        <v>13298</v>
      </c>
      <c r="F1098" s="6">
        <v>1931</v>
      </c>
    </row>
    <row r="1099" spans="1:6" x14ac:dyDescent="0.25">
      <c r="A1099" s="4" t="s">
        <v>546</v>
      </c>
      <c r="B1099" s="1" t="s">
        <v>3152</v>
      </c>
      <c r="C1099" s="5" t="s">
        <v>4192</v>
      </c>
      <c r="D1099" s="1" t="s">
        <v>8439</v>
      </c>
      <c r="E1099" s="5" t="s">
        <v>12880</v>
      </c>
      <c r="F1099" s="6">
        <v>1481</v>
      </c>
    </row>
    <row r="1100" spans="1:6" x14ac:dyDescent="0.25">
      <c r="A1100" s="4" t="s">
        <v>1220</v>
      </c>
      <c r="B1100" s="1" t="s">
        <v>3144</v>
      </c>
      <c r="C1100" s="5" t="s">
        <v>4985</v>
      </c>
      <c r="D1100" s="1" t="s">
        <v>8903</v>
      </c>
      <c r="E1100" s="5" t="s">
        <v>13839</v>
      </c>
      <c r="F1100" s="6">
        <v>2489</v>
      </c>
    </row>
    <row r="1101" spans="1:6" x14ac:dyDescent="0.25">
      <c r="A1101" s="4" t="s">
        <v>2024</v>
      </c>
      <c r="B1101" s="1" t="s">
        <v>3154</v>
      </c>
      <c r="C1101" s="5" t="s">
        <v>5718</v>
      </c>
      <c r="D1101" s="1" t="s">
        <v>2024</v>
      </c>
      <c r="E1101" s="5" t="s">
        <v>14863</v>
      </c>
      <c r="F1101" s="6">
        <v>3579</v>
      </c>
    </row>
    <row r="1102" spans="1:6" x14ac:dyDescent="0.25">
      <c r="A1102" s="4" t="s">
        <v>308</v>
      </c>
      <c r="B1102" s="1" t="s">
        <v>3158</v>
      </c>
      <c r="C1102" s="5" t="s">
        <v>3784</v>
      </c>
      <c r="D1102" s="1" t="s">
        <v>7962</v>
      </c>
      <c r="E1102" s="5" t="s">
        <v>12278</v>
      </c>
      <c r="F1102" s="6">
        <v>770</v>
      </c>
    </row>
    <row r="1103" spans="1:6" x14ac:dyDescent="0.25">
      <c r="A1103" s="4" t="s">
        <v>308</v>
      </c>
      <c r="B1103" s="1" t="s">
        <v>3158</v>
      </c>
      <c r="C1103" s="5" t="s">
        <v>3784</v>
      </c>
      <c r="D1103" s="1" t="s">
        <v>10574</v>
      </c>
      <c r="E1103" s="5" t="s">
        <v>16767</v>
      </c>
      <c r="F1103" s="6">
        <v>6879</v>
      </c>
    </row>
    <row r="1104" spans="1:6" x14ac:dyDescent="0.25">
      <c r="A1104" s="4" t="s">
        <v>1804</v>
      </c>
      <c r="B1104" s="1" t="s">
        <v>3152</v>
      </c>
      <c r="C1104" s="5" t="s">
        <v>5576</v>
      </c>
      <c r="D1104" s="1" t="s">
        <v>1804</v>
      </c>
      <c r="E1104" s="5" t="s">
        <v>14625</v>
      </c>
      <c r="F1104" s="6">
        <v>3321</v>
      </c>
    </row>
    <row r="1105" spans="1:6" x14ac:dyDescent="0.25">
      <c r="A1105" s="4" t="s">
        <v>1337</v>
      </c>
      <c r="B1105" s="1" t="s">
        <v>3156</v>
      </c>
      <c r="C1105" s="5" t="s">
        <v>5127</v>
      </c>
      <c r="D1105" s="1" t="s">
        <v>1337</v>
      </c>
      <c r="E1105" s="5" t="s">
        <v>14019</v>
      </c>
      <c r="F1105" s="6">
        <v>2673</v>
      </c>
    </row>
    <row r="1106" spans="1:6" x14ac:dyDescent="0.25">
      <c r="A1106" s="4" t="s">
        <v>1337</v>
      </c>
      <c r="B1106" s="1" t="s">
        <v>3156</v>
      </c>
      <c r="C1106" s="5" t="s">
        <v>7001</v>
      </c>
      <c r="D1106" s="1" t="s">
        <v>11074</v>
      </c>
      <c r="E1106" s="5" t="s">
        <v>17415</v>
      </c>
      <c r="F1106" s="6">
        <v>9022</v>
      </c>
    </row>
    <row r="1107" spans="1:6" x14ac:dyDescent="0.25">
      <c r="A1107" s="4" t="s">
        <v>2953</v>
      </c>
      <c r="B1107" s="1" t="s">
        <v>3152</v>
      </c>
      <c r="C1107" s="5" t="s">
        <v>3632</v>
      </c>
      <c r="D1107" s="1" t="s">
        <v>2953</v>
      </c>
      <c r="E1107" s="5" t="s">
        <v>17362</v>
      </c>
      <c r="F1107" s="6">
        <v>8891</v>
      </c>
    </row>
    <row r="1108" spans="1:6" x14ac:dyDescent="0.25">
      <c r="A1108" s="4" t="s">
        <v>218</v>
      </c>
      <c r="B1108" s="1" t="s">
        <v>3148</v>
      </c>
      <c r="C1108" s="5" t="s">
        <v>3594</v>
      </c>
      <c r="D1108" s="1" t="s">
        <v>7732</v>
      </c>
      <c r="E1108" s="5" t="s">
        <v>12029</v>
      </c>
      <c r="F1108" s="6">
        <v>462</v>
      </c>
    </row>
    <row r="1109" spans="1:6" x14ac:dyDescent="0.25">
      <c r="A1109" s="4" t="s">
        <v>218</v>
      </c>
      <c r="B1109" s="1" t="s">
        <v>3148</v>
      </c>
      <c r="C1109" s="5" t="s">
        <v>5489</v>
      </c>
      <c r="D1109" s="1" t="s">
        <v>9522</v>
      </c>
      <c r="E1109" s="5" t="s">
        <v>15317</v>
      </c>
      <c r="F1109" s="6">
        <v>4054</v>
      </c>
    </row>
    <row r="1110" spans="1:6" x14ac:dyDescent="0.25">
      <c r="A1110" s="4" t="s">
        <v>218</v>
      </c>
      <c r="B1110" s="1" t="s">
        <v>3148</v>
      </c>
      <c r="C1110" s="5" t="s">
        <v>3594</v>
      </c>
      <c r="D1110" s="1" t="s">
        <v>9627</v>
      </c>
      <c r="E1110" s="5" t="s">
        <v>15480</v>
      </c>
      <c r="F1110" s="6">
        <v>4218</v>
      </c>
    </row>
    <row r="1111" spans="1:6" x14ac:dyDescent="0.25">
      <c r="A1111" s="4" t="s">
        <v>218</v>
      </c>
      <c r="B1111" s="1" t="s">
        <v>3148</v>
      </c>
      <c r="C1111" s="5" t="s">
        <v>7125</v>
      </c>
      <c r="D1111" s="1" t="s">
        <v>11231</v>
      </c>
      <c r="E1111" s="5" t="s">
        <v>17625</v>
      </c>
      <c r="F1111" s="6">
        <v>9242</v>
      </c>
    </row>
    <row r="1112" spans="1:6" x14ac:dyDescent="0.25">
      <c r="A1112" s="4" t="s">
        <v>684</v>
      </c>
      <c r="B1112" s="1" t="s">
        <v>3153</v>
      </c>
      <c r="C1112" s="5" t="s">
        <v>4385</v>
      </c>
      <c r="D1112" s="1" t="s">
        <v>684</v>
      </c>
      <c r="E1112" s="5" t="s">
        <v>13136</v>
      </c>
      <c r="F1112" s="6">
        <v>1769</v>
      </c>
    </row>
    <row r="1113" spans="1:6" x14ac:dyDescent="0.25">
      <c r="A1113" s="4" t="s">
        <v>684</v>
      </c>
      <c r="B1113" s="1" t="s">
        <v>3153</v>
      </c>
      <c r="C1113" s="5" t="s">
        <v>4385</v>
      </c>
      <c r="D1113" s="1" t="s">
        <v>9391</v>
      </c>
      <c r="E1113" s="5" t="s">
        <v>15130</v>
      </c>
      <c r="F1113" s="6">
        <v>3861</v>
      </c>
    </row>
    <row r="1114" spans="1:6" x14ac:dyDescent="0.25">
      <c r="A1114" s="4" t="s">
        <v>2396</v>
      </c>
      <c r="B1114" s="1" t="s">
        <v>3153</v>
      </c>
      <c r="C1114" s="5" t="s">
        <v>6220</v>
      </c>
      <c r="D1114" s="1" t="s">
        <v>2396</v>
      </c>
      <c r="E1114" s="5" t="s">
        <v>15763</v>
      </c>
      <c r="F1114" s="6">
        <v>4669</v>
      </c>
    </row>
    <row r="1115" spans="1:6" x14ac:dyDescent="0.25">
      <c r="A1115" s="4" t="s">
        <v>1599</v>
      </c>
      <c r="B1115" s="1" t="s">
        <v>3160</v>
      </c>
      <c r="C1115" s="5" t="s">
        <v>5419</v>
      </c>
      <c r="D1115" s="1" t="s">
        <v>1599</v>
      </c>
      <c r="E1115" s="5" t="s">
        <v>14385</v>
      </c>
      <c r="F1115" s="6">
        <v>3051</v>
      </c>
    </row>
    <row r="1116" spans="1:6" x14ac:dyDescent="0.25">
      <c r="A1116" s="4" t="s">
        <v>815</v>
      </c>
      <c r="B1116" s="1" t="s">
        <v>3167</v>
      </c>
      <c r="C1116" s="5" t="s">
        <v>4545</v>
      </c>
      <c r="D1116" s="1" t="s">
        <v>8709</v>
      </c>
      <c r="E1116" s="5" t="s">
        <v>13330</v>
      </c>
      <c r="F1116" s="6">
        <v>1963</v>
      </c>
    </row>
    <row r="1117" spans="1:6" x14ac:dyDescent="0.25">
      <c r="A1117" s="4" t="s">
        <v>1553</v>
      </c>
      <c r="B1117" s="1" t="s">
        <v>3152</v>
      </c>
      <c r="C1117" s="5" t="s">
        <v>5372</v>
      </c>
      <c r="D1117" s="1" t="s">
        <v>1553</v>
      </c>
      <c r="E1117" s="5" t="s">
        <v>14335</v>
      </c>
      <c r="F1117" s="6">
        <v>2997</v>
      </c>
    </row>
    <row r="1118" spans="1:6" x14ac:dyDescent="0.25">
      <c r="A1118" s="4" t="s">
        <v>708</v>
      </c>
      <c r="B1118" s="1" t="s">
        <v>3144</v>
      </c>
      <c r="C1118" s="5" t="s">
        <v>4420</v>
      </c>
      <c r="D1118" s="1" t="s">
        <v>708</v>
      </c>
      <c r="E1118" s="5" t="s">
        <v>13177</v>
      </c>
      <c r="F1118" s="6">
        <v>1810</v>
      </c>
    </row>
    <row r="1119" spans="1:6" x14ac:dyDescent="0.25">
      <c r="A1119" s="4" t="s">
        <v>631</v>
      </c>
      <c r="B1119" s="1" t="s">
        <v>812</v>
      </c>
      <c r="C1119" s="5" t="s">
        <v>4310</v>
      </c>
      <c r="D1119" s="1" t="s">
        <v>631</v>
      </c>
      <c r="E1119" s="5" t="s">
        <v>13025</v>
      </c>
      <c r="F1119" s="6">
        <v>1652</v>
      </c>
    </row>
    <row r="1120" spans="1:6" x14ac:dyDescent="0.25">
      <c r="A1120" s="4" t="s">
        <v>3087</v>
      </c>
      <c r="B1120" s="1" t="s">
        <v>3149</v>
      </c>
      <c r="C1120" s="5" t="s">
        <v>7242</v>
      </c>
      <c r="D1120" s="1" t="s">
        <v>11471</v>
      </c>
      <c r="E1120" s="5" t="s">
        <v>17913</v>
      </c>
      <c r="F1120" s="6">
        <v>9542</v>
      </c>
    </row>
    <row r="1121" spans="1:6" x14ac:dyDescent="0.25">
      <c r="A1121" s="4" t="s">
        <v>186</v>
      </c>
      <c r="B1121" s="1" t="s">
        <v>1147</v>
      </c>
      <c r="C1121" s="5" t="s">
        <v>3515</v>
      </c>
      <c r="D1121" s="1" t="s">
        <v>7650</v>
      </c>
      <c r="E1121" s="5" t="s">
        <v>11939</v>
      </c>
      <c r="F1121" s="6">
        <v>372</v>
      </c>
    </row>
    <row r="1122" spans="1:6" x14ac:dyDescent="0.25">
      <c r="A1122" s="4" t="s">
        <v>2688</v>
      </c>
      <c r="B1122" s="1" t="s">
        <v>3150</v>
      </c>
      <c r="C1122" s="5" t="s">
        <v>6613</v>
      </c>
      <c r="D1122" s="1" t="s">
        <v>10392</v>
      </c>
      <c r="E1122" s="5" t="s">
        <v>16530</v>
      </c>
      <c r="F1122" s="6">
        <v>6171</v>
      </c>
    </row>
    <row r="1123" spans="1:6" x14ac:dyDescent="0.25">
      <c r="A1123" s="4" t="s">
        <v>2688</v>
      </c>
      <c r="B1123" s="1" t="s">
        <v>3150</v>
      </c>
      <c r="C1123" s="5" t="s">
        <v>6903</v>
      </c>
      <c r="D1123" s="1" t="s">
        <v>10898</v>
      </c>
      <c r="E1123" s="5" t="s">
        <v>17185</v>
      </c>
      <c r="F1123" s="6">
        <v>8150</v>
      </c>
    </row>
    <row r="1124" spans="1:6" x14ac:dyDescent="0.25">
      <c r="A1124" s="4" t="s">
        <v>2688</v>
      </c>
      <c r="B1124" s="1" t="s">
        <v>3150</v>
      </c>
      <c r="C1124" s="5" t="s">
        <v>3301</v>
      </c>
      <c r="D1124" s="1" t="s">
        <v>11563</v>
      </c>
      <c r="E1124" s="5" t="s">
        <v>18034</v>
      </c>
      <c r="F1124" s="6">
        <v>9666</v>
      </c>
    </row>
    <row r="1125" spans="1:6" x14ac:dyDescent="0.25">
      <c r="A1125" s="4" t="s">
        <v>2638</v>
      </c>
      <c r="B1125" s="1" t="s">
        <v>3158</v>
      </c>
      <c r="C1125" s="5">
        <v>273158</v>
      </c>
      <c r="D1125" s="1" t="s">
        <v>2638</v>
      </c>
      <c r="E1125" s="5" t="s">
        <v>16414</v>
      </c>
      <c r="F1125" s="6">
        <v>5870</v>
      </c>
    </row>
    <row r="1126" spans="1:6" x14ac:dyDescent="0.25">
      <c r="A1126" s="4" t="s">
        <v>479</v>
      </c>
      <c r="B1126" s="1" t="s">
        <v>1147</v>
      </c>
      <c r="C1126" s="5" t="s">
        <v>4077</v>
      </c>
      <c r="D1126" s="1" t="s">
        <v>479</v>
      </c>
      <c r="E1126" s="5" t="s">
        <v>12667</v>
      </c>
      <c r="F1126" s="6">
        <v>1262</v>
      </c>
    </row>
    <row r="1127" spans="1:6" x14ac:dyDescent="0.25">
      <c r="A1127" s="4" t="s">
        <v>472</v>
      </c>
      <c r="B1127" s="1" t="s">
        <v>1147</v>
      </c>
      <c r="C1127" s="5" t="s">
        <v>3826</v>
      </c>
      <c r="D1127" s="1" t="s">
        <v>8215</v>
      </c>
      <c r="E1127" s="5" t="s">
        <v>12620</v>
      </c>
      <c r="F1127" s="6">
        <v>1214</v>
      </c>
    </row>
    <row r="1128" spans="1:6" x14ac:dyDescent="0.25">
      <c r="A1128" s="4" t="s">
        <v>1836</v>
      </c>
      <c r="B1128" s="1" t="s">
        <v>1147</v>
      </c>
      <c r="C1128" s="5" t="s">
        <v>5609</v>
      </c>
      <c r="D1128" s="1" t="s">
        <v>1836</v>
      </c>
      <c r="E1128" s="5" t="s">
        <v>14665</v>
      </c>
      <c r="F1128" s="6">
        <v>3365</v>
      </c>
    </row>
    <row r="1129" spans="1:6" x14ac:dyDescent="0.25">
      <c r="A1129" s="4" t="s">
        <v>1476</v>
      </c>
      <c r="B1129" s="1" t="s">
        <v>3152</v>
      </c>
      <c r="C1129" s="5" t="s">
        <v>5292</v>
      </c>
      <c r="D1129" s="1" t="s">
        <v>1476</v>
      </c>
      <c r="E1129" s="5" t="s">
        <v>14248</v>
      </c>
      <c r="F1129" s="6">
        <v>2909</v>
      </c>
    </row>
    <row r="1130" spans="1:6" x14ac:dyDescent="0.25">
      <c r="A1130" s="4" t="s">
        <v>1782</v>
      </c>
      <c r="B1130" s="1" t="s">
        <v>3152</v>
      </c>
      <c r="C1130" s="5" t="s">
        <v>5562</v>
      </c>
      <c r="D1130" s="1" t="s">
        <v>1782</v>
      </c>
      <c r="E1130" s="5" t="s">
        <v>14601</v>
      </c>
      <c r="F1130" s="6">
        <v>3296</v>
      </c>
    </row>
    <row r="1131" spans="1:6" x14ac:dyDescent="0.25">
      <c r="A1131" s="4" t="s">
        <v>1582</v>
      </c>
      <c r="B1131" s="1" t="s">
        <v>3163</v>
      </c>
      <c r="C1131" s="5" t="s">
        <v>5403</v>
      </c>
      <c r="D1131" s="1" t="s">
        <v>1582</v>
      </c>
      <c r="E1131" s="5" t="s">
        <v>14367</v>
      </c>
      <c r="F1131" s="6">
        <v>3032</v>
      </c>
    </row>
    <row r="1132" spans="1:6" x14ac:dyDescent="0.25">
      <c r="A1132" s="4" t="s">
        <v>1430</v>
      </c>
      <c r="B1132" s="1" t="s">
        <v>3159</v>
      </c>
      <c r="C1132" s="5" t="s">
        <v>5238</v>
      </c>
      <c r="D1132" s="1" t="s">
        <v>1430</v>
      </c>
      <c r="E1132" s="5" t="s">
        <v>14176</v>
      </c>
      <c r="F1132" s="6">
        <v>2833</v>
      </c>
    </row>
    <row r="1133" spans="1:6" x14ac:dyDescent="0.25">
      <c r="A1133" s="4" t="s">
        <v>2955</v>
      </c>
      <c r="B1133" s="1" t="s">
        <v>3187</v>
      </c>
      <c r="C1133" s="5" t="s">
        <v>6976</v>
      </c>
      <c r="D1133" s="1" t="s">
        <v>11039</v>
      </c>
      <c r="E1133" s="5" t="s">
        <v>17366</v>
      </c>
      <c r="F1133" s="6">
        <v>8900</v>
      </c>
    </row>
    <row r="1134" spans="1:6" x14ac:dyDescent="0.25">
      <c r="A1134" s="4" t="s">
        <v>1794</v>
      </c>
      <c r="B1134" s="1" t="s">
        <v>3152</v>
      </c>
      <c r="C1134" s="5" t="s">
        <v>4972</v>
      </c>
      <c r="D1134" s="1" t="s">
        <v>1794</v>
      </c>
      <c r="E1134" s="5" t="s">
        <v>14615</v>
      </c>
      <c r="F1134" s="6">
        <v>3311</v>
      </c>
    </row>
    <row r="1135" spans="1:6" x14ac:dyDescent="0.25">
      <c r="A1135" s="4" t="s">
        <v>2161</v>
      </c>
      <c r="B1135" s="1" t="s">
        <v>3152</v>
      </c>
      <c r="C1135" s="5" t="s">
        <v>3697</v>
      </c>
      <c r="D1135" s="1" t="s">
        <v>2161</v>
      </c>
      <c r="E1135" s="5" t="s">
        <v>15157</v>
      </c>
      <c r="F1135" s="6">
        <v>3888</v>
      </c>
    </row>
    <row r="1136" spans="1:6" x14ac:dyDescent="0.25">
      <c r="A1136" s="4" t="s">
        <v>2077</v>
      </c>
      <c r="B1136" s="1" t="s">
        <v>3161</v>
      </c>
      <c r="C1136" s="5" t="s">
        <v>4675</v>
      </c>
      <c r="D1136" s="1" t="s">
        <v>2077</v>
      </c>
      <c r="E1136" s="5" t="s">
        <v>14960</v>
      </c>
      <c r="F1136" s="6">
        <v>3683</v>
      </c>
    </row>
    <row r="1137" spans="1:6" x14ac:dyDescent="0.25">
      <c r="A1137" s="4" t="s">
        <v>1802</v>
      </c>
      <c r="B1137" s="1" t="s">
        <v>3152</v>
      </c>
      <c r="C1137" s="5" t="s">
        <v>5543</v>
      </c>
      <c r="D1137" s="1" t="s">
        <v>1802</v>
      </c>
      <c r="E1137" s="5" t="s">
        <v>14623</v>
      </c>
      <c r="F1137" s="6">
        <v>3319</v>
      </c>
    </row>
    <row r="1138" spans="1:6" x14ac:dyDescent="0.25">
      <c r="A1138" s="4" t="s">
        <v>1419</v>
      </c>
      <c r="B1138" s="1" t="s">
        <v>3159</v>
      </c>
      <c r="C1138" s="5" t="s">
        <v>5225</v>
      </c>
      <c r="D1138" s="1" t="s">
        <v>1419</v>
      </c>
      <c r="E1138" s="5" t="s">
        <v>14157</v>
      </c>
      <c r="F1138" s="6">
        <v>2814</v>
      </c>
    </row>
    <row r="1139" spans="1:6" x14ac:dyDescent="0.25">
      <c r="A1139" s="4" t="s">
        <v>2301</v>
      </c>
      <c r="B1139" s="1" t="s">
        <v>3156</v>
      </c>
      <c r="C1139" s="5" t="s">
        <v>6064</v>
      </c>
      <c r="D1139" s="1" t="s">
        <v>2301</v>
      </c>
      <c r="E1139" s="5" t="s">
        <v>15487</v>
      </c>
      <c r="F1139" s="6">
        <v>4225</v>
      </c>
    </row>
    <row r="1140" spans="1:6" x14ac:dyDescent="0.25">
      <c r="A1140" s="4" t="s">
        <v>2946</v>
      </c>
      <c r="B1140" s="1" t="s">
        <v>3144</v>
      </c>
      <c r="C1140" s="5">
        <v>413513</v>
      </c>
      <c r="D1140" s="1" t="s">
        <v>11014</v>
      </c>
      <c r="E1140" s="5" t="s">
        <v>17334</v>
      </c>
      <c r="F1140" s="6">
        <v>8778</v>
      </c>
    </row>
    <row r="1141" spans="1:6" x14ac:dyDescent="0.25">
      <c r="A1141" s="4" t="s">
        <v>196</v>
      </c>
      <c r="B1141" s="1" t="s">
        <v>3150</v>
      </c>
      <c r="C1141" s="5" t="s">
        <v>3538</v>
      </c>
      <c r="D1141" s="1" t="s">
        <v>7677</v>
      </c>
      <c r="E1141" s="5" t="s">
        <v>11969</v>
      </c>
      <c r="F1141" s="6">
        <v>402</v>
      </c>
    </row>
    <row r="1142" spans="1:6" x14ac:dyDescent="0.25">
      <c r="A1142" s="4" t="s">
        <v>1170</v>
      </c>
      <c r="B1142" s="1" t="s">
        <v>3144</v>
      </c>
      <c r="C1142" s="5" t="s">
        <v>4912</v>
      </c>
      <c r="D1142" s="1" t="s">
        <v>8853</v>
      </c>
      <c r="E1142" s="5" t="s">
        <v>13753</v>
      </c>
      <c r="F1142" s="6">
        <v>2401</v>
      </c>
    </row>
    <row r="1143" spans="1:6" x14ac:dyDescent="0.25">
      <c r="A1143" s="4" t="s">
        <v>1120</v>
      </c>
      <c r="B1143" s="1" t="s">
        <v>3149</v>
      </c>
      <c r="C1143" s="5" t="s">
        <v>4862</v>
      </c>
      <c r="D1143" s="1" t="s">
        <v>1120</v>
      </c>
      <c r="E1143" s="5" t="s">
        <v>13693</v>
      </c>
      <c r="F1143" s="6">
        <v>2340</v>
      </c>
    </row>
    <row r="1144" spans="1:6" x14ac:dyDescent="0.25">
      <c r="A1144" s="4" t="s">
        <v>1820</v>
      </c>
      <c r="B1144" s="1" t="s">
        <v>3149</v>
      </c>
      <c r="C1144" s="5">
        <v>571440</v>
      </c>
      <c r="D1144" s="1" t="s">
        <v>1820</v>
      </c>
      <c r="E1144" s="5" t="s">
        <v>14644</v>
      </c>
      <c r="F1144" s="6">
        <v>3342</v>
      </c>
    </row>
    <row r="1145" spans="1:6" x14ac:dyDescent="0.25">
      <c r="A1145" s="4" t="s">
        <v>1445</v>
      </c>
      <c r="B1145" s="1" t="s">
        <v>3165</v>
      </c>
      <c r="C1145" s="5" t="s">
        <v>5260</v>
      </c>
      <c r="D1145" s="1" t="s">
        <v>1445</v>
      </c>
      <c r="E1145" s="5" t="s">
        <v>14215</v>
      </c>
      <c r="F1145" s="6">
        <v>2875</v>
      </c>
    </row>
    <row r="1146" spans="1:6" x14ac:dyDescent="0.25">
      <c r="A1146" s="4" t="s">
        <v>1445</v>
      </c>
      <c r="B1146" s="1" t="s">
        <v>3162</v>
      </c>
      <c r="C1146" s="5" t="s">
        <v>6900</v>
      </c>
      <c r="D1146" s="1" t="s">
        <v>10894</v>
      </c>
      <c r="E1146" s="5" t="s">
        <v>17181</v>
      </c>
      <c r="F1146" s="6">
        <v>8139</v>
      </c>
    </row>
    <row r="1147" spans="1:6" x14ac:dyDescent="0.25">
      <c r="A1147" s="4" t="s">
        <v>1083</v>
      </c>
      <c r="B1147" s="1" t="s">
        <v>3152</v>
      </c>
      <c r="C1147" s="5" t="s">
        <v>4826</v>
      </c>
      <c r="D1147" s="1" t="s">
        <v>1083</v>
      </c>
      <c r="E1147" s="5" t="s">
        <v>13653</v>
      </c>
      <c r="F1147" s="6">
        <v>2299</v>
      </c>
    </row>
    <row r="1148" spans="1:6" x14ac:dyDescent="0.25">
      <c r="A1148" s="4" t="s">
        <v>3078</v>
      </c>
      <c r="B1148" s="1" t="s">
        <v>3162</v>
      </c>
      <c r="C1148" s="5" t="s">
        <v>7229</v>
      </c>
      <c r="D1148" s="1" t="s">
        <v>11453</v>
      </c>
      <c r="E1148" s="5" t="s">
        <v>17887</v>
      </c>
      <c r="F1148" s="6">
        <v>9516</v>
      </c>
    </row>
    <row r="1149" spans="1:6" x14ac:dyDescent="0.25">
      <c r="A1149" s="4" t="s">
        <v>632</v>
      </c>
      <c r="B1149" s="1" t="s">
        <v>3161</v>
      </c>
      <c r="C1149" s="5" t="s">
        <v>4311</v>
      </c>
      <c r="D1149" s="1" t="s">
        <v>632</v>
      </c>
      <c r="E1149" s="5" t="s">
        <v>13026</v>
      </c>
      <c r="F1149" s="6">
        <v>1653</v>
      </c>
    </row>
    <row r="1150" spans="1:6" x14ac:dyDescent="0.25">
      <c r="A1150" s="4" t="s">
        <v>2625</v>
      </c>
      <c r="B1150" s="1" t="s">
        <v>3162</v>
      </c>
      <c r="C1150" s="5" t="s">
        <v>6538</v>
      </c>
      <c r="D1150" s="1" t="s">
        <v>2625</v>
      </c>
      <c r="E1150" s="5" t="s">
        <v>16386</v>
      </c>
      <c r="F1150" s="6">
        <v>5802</v>
      </c>
    </row>
    <row r="1151" spans="1:6" x14ac:dyDescent="0.25">
      <c r="A1151" s="4" t="s">
        <v>1054</v>
      </c>
      <c r="B1151" s="1" t="s">
        <v>3173</v>
      </c>
      <c r="C1151" s="5" t="s">
        <v>4795</v>
      </c>
      <c r="D1151" s="1" t="s">
        <v>1054</v>
      </c>
      <c r="E1151" s="5" t="s">
        <v>13622</v>
      </c>
      <c r="F1151" s="6">
        <v>2264</v>
      </c>
    </row>
    <row r="1152" spans="1:6" x14ac:dyDescent="0.25">
      <c r="A1152" s="4" t="s">
        <v>1643</v>
      </c>
      <c r="B1152" s="1" t="s">
        <v>3147</v>
      </c>
      <c r="C1152" s="5">
        <v>360370</v>
      </c>
      <c r="D1152" s="1" t="s">
        <v>1643</v>
      </c>
      <c r="E1152" s="5" t="s">
        <v>14432</v>
      </c>
      <c r="F1152" s="6">
        <v>3114</v>
      </c>
    </row>
    <row r="1153" spans="1:6" x14ac:dyDescent="0.25">
      <c r="A1153" s="4" t="s">
        <v>1765</v>
      </c>
      <c r="B1153" s="1" t="s">
        <v>3152</v>
      </c>
      <c r="C1153" s="5" t="s">
        <v>5550</v>
      </c>
      <c r="D1153" s="1" t="s">
        <v>1765</v>
      </c>
      <c r="E1153" s="5" t="s">
        <v>14582</v>
      </c>
      <c r="F1153" s="6">
        <v>3274</v>
      </c>
    </row>
    <row r="1154" spans="1:6" x14ac:dyDescent="0.25">
      <c r="A1154" s="4" t="s">
        <v>417</v>
      </c>
      <c r="B1154" s="1" t="s">
        <v>3148</v>
      </c>
      <c r="C1154" s="5" t="s">
        <v>3939</v>
      </c>
      <c r="D1154" s="1" t="s">
        <v>8090</v>
      </c>
      <c r="E1154" s="5" t="s">
        <v>12463</v>
      </c>
      <c r="F1154" s="6">
        <v>981</v>
      </c>
    </row>
    <row r="1155" spans="1:6" x14ac:dyDescent="0.25">
      <c r="A1155" s="4" t="s">
        <v>3025</v>
      </c>
      <c r="B1155" s="1" t="s">
        <v>3149</v>
      </c>
      <c r="C1155" s="5" t="s">
        <v>7105</v>
      </c>
      <c r="D1155" s="1" t="s">
        <v>3025</v>
      </c>
      <c r="E1155" s="5" t="s">
        <v>17592</v>
      </c>
      <c r="F1155" s="6">
        <v>9207</v>
      </c>
    </row>
    <row r="1156" spans="1:6" x14ac:dyDescent="0.25">
      <c r="A1156" s="4" t="s">
        <v>2323</v>
      </c>
      <c r="B1156" s="1" t="s">
        <v>3158</v>
      </c>
      <c r="C1156" s="5" t="s">
        <v>6097</v>
      </c>
      <c r="D1156" s="1" t="s">
        <v>9667</v>
      </c>
      <c r="E1156" s="5" t="s">
        <v>15541</v>
      </c>
      <c r="F1156" s="6">
        <v>4282</v>
      </c>
    </row>
    <row r="1157" spans="1:6" x14ac:dyDescent="0.25">
      <c r="A1157" s="4" t="s">
        <v>1202</v>
      </c>
      <c r="B1157" s="1" t="s">
        <v>3158</v>
      </c>
      <c r="C1157" s="5" t="s">
        <v>4960</v>
      </c>
      <c r="D1157" s="1" t="s">
        <v>1202</v>
      </c>
      <c r="E1157" s="5" t="s">
        <v>13812</v>
      </c>
      <c r="F1157" s="6">
        <v>2462</v>
      </c>
    </row>
    <row r="1158" spans="1:6" x14ac:dyDescent="0.25">
      <c r="A1158" s="4" t="s">
        <v>1364</v>
      </c>
      <c r="B1158" s="1" t="s">
        <v>3158</v>
      </c>
      <c r="C1158" s="5" t="s">
        <v>5110</v>
      </c>
      <c r="D1158" s="1" t="s">
        <v>1364</v>
      </c>
      <c r="E1158" s="5" t="s">
        <v>14067</v>
      </c>
      <c r="F1158" s="6">
        <v>2722</v>
      </c>
    </row>
    <row r="1159" spans="1:6" x14ac:dyDescent="0.25">
      <c r="A1159" s="4" t="s">
        <v>2871</v>
      </c>
      <c r="B1159" s="1" t="s">
        <v>3153</v>
      </c>
      <c r="C1159" s="5" t="s">
        <v>6877</v>
      </c>
      <c r="D1159" s="1" t="s">
        <v>10811</v>
      </c>
      <c r="E1159" s="5" t="s">
        <v>17080</v>
      </c>
      <c r="F1159" s="6">
        <v>7799</v>
      </c>
    </row>
    <row r="1160" spans="1:6" x14ac:dyDescent="0.25">
      <c r="A1160" s="4" t="s">
        <v>1472</v>
      </c>
      <c r="B1160" s="1" t="s">
        <v>3144</v>
      </c>
      <c r="C1160" s="5" t="s">
        <v>5288</v>
      </c>
      <c r="D1160" s="1" t="s">
        <v>1472</v>
      </c>
      <c r="E1160" s="5" t="s">
        <v>14244</v>
      </c>
      <c r="F1160" s="6">
        <v>2905</v>
      </c>
    </row>
    <row r="1161" spans="1:6" x14ac:dyDescent="0.25">
      <c r="A1161" s="4" t="s">
        <v>17</v>
      </c>
      <c r="B1161" s="1" t="s">
        <v>17</v>
      </c>
      <c r="C1161" s="5" t="s">
        <v>3228</v>
      </c>
      <c r="D1161" s="1" t="s">
        <v>7355</v>
      </c>
      <c r="E1161" s="5" t="s">
        <v>11627</v>
      </c>
      <c r="F1161" s="6">
        <v>35</v>
      </c>
    </row>
    <row r="1162" spans="1:6" x14ac:dyDescent="0.25">
      <c r="A1162" s="4" t="s">
        <v>17</v>
      </c>
      <c r="B1162" s="1" t="s">
        <v>17</v>
      </c>
      <c r="C1162" s="5" t="s">
        <v>3285</v>
      </c>
      <c r="D1162" s="1" t="s">
        <v>7413</v>
      </c>
      <c r="E1162" s="5" t="s">
        <v>11688</v>
      </c>
      <c r="F1162" s="6">
        <v>107</v>
      </c>
    </row>
    <row r="1163" spans="1:6" x14ac:dyDescent="0.25">
      <c r="A1163" s="4" t="s">
        <v>17</v>
      </c>
      <c r="B1163" s="1" t="s">
        <v>17</v>
      </c>
      <c r="C1163" s="5" t="s">
        <v>3378</v>
      </c>
      <c r="D1163" s="1" t="s">
        <v>7503</v>
      </c>
      <c r="E1163" s="5" t="s">
        <v>11787</v>
      </c>
      <c r="F1163" s="6">
        <v>213</v>
      </c>
    </row>
    <row r="1164" spans="1:6" x14ac:dyDescent="0.25">
      <c r="A1164" s="4" t="s">
        <v>17</v>
      </c>
      <c r="B1164" s="1" t="s">
        <v>17</v>
      </c>
      <c r="C1164" s="5" t="s">
        <v>3567</v>
      </c>
      <c r="D1164" s="1" t="s">
        <v>7707</v>
      </c>
      <c r="E1164" s="5" t="s">
        <v>12001</v>
      </c>
      <c r="F1164" s="6">
        <v>434</v>
      </c>
    </row>
    <row r="1165" spans="1:6" x14ac:dyDescent="0.25">
      <c r="A1165" s="4" t="s">
        <v>17</v>
      </c>
      <c r="B1165" s="1" t="s">
        <v>17</v>
      </c>
      <c r="C1165" s="5" t="s">
        <v>3568</v>
      </c>
      <c r="D1165" s="1" t="s">
        <v>7708</v>
      </c>
      <c r="E1165" s="5" t="s">
        <v>12002</v>
      </c>
      <c r="F1165" s="6">
        <v>435</v>
      </c>
    </row>
    <row r="1166" spans="1:6" x14ac:dyDescent="0.25">
      <c r="A1166" s="4" t="s">
        <v>17</v>
      </c>
      <c r="B1166" s="1" t="s">
        <v>17</v>
      </c>
      <c r="C1166" s="5" t="s">
        <v>3582</v>
      </c>
      <c r="D1166" s="1" t="s">
        <v>7722</v>
      </c>
      <c r="E1166" s="5" t="s">
        <v>12017</v>
      </c>
      <c r="F1166" s="6">
        <v>450</v>
      </c>
    </row>
    <row r="1167" spans="1:6" x14ac:dyDescent="0.25">
      <c r="A1167" s="4" t="s">
        <v>17</v>
      </c>
      <c r="B1167" s="1" t="s">
        <v>17</v>
      </c>
      <c r="C1167" s="5" t="s">
        <v>3228</v>
      </c>
      <c r="D1167" s="1" t="s">
        <v>7831</v>
      </c>
      <c r="E1167" s="5" t="s">
        <v>12134</v>
      </c>
      <c r="F1167" s="6">
        <v>597</v>
      </c>
    </row>
    <row r="1168" spans="1:6" x14ac:dyDescent="0.25">
      <c r="A1168" s="4" t="s">
        <v>17</v>
      </c>
      <c r="B1168" s="1" t="s">
        <v>17</v>
      </c>
      <c r="C1168" s="5" t="s">
        <v>3866</v>
      </c>
      <c r="D1168" s="1" t="s">
        <v>8033</v>
      </c>
      <c r="E1168" s="5" t="s">
        <v>12367</v>
      </c>
      <c r="F1168" s="6">
        <v>873</v>
      </c>
    </row>
    <row r="1169" spans="1:6" x14ac:dyDescent="0.25">
      <c r="A1169" s="4" t="s">
        <v>17</v>
      </c>
      <c r="B1169" s="1" t="s">
        <v>17</v>
      </c>
      <c r="C1169" s="5" t="s">
        <v>4049</v>
      </c>
      <c r="D1169" s="1" t="s">
        <v>8218</v>
      </c>
      <c r="E1169" s="5" t="s">
        <v>12623</v>
      </c>
      <c r="F1169" s="6">
        <v>1217</v>
      </c>
    </row>
    <row r="1170" spans="1:6" x14ac:dyDescent="0.25">
      <c r="A1170" s="4" t="s">
        <v>17</v>
      </c>
      <c r="B1170" s="1" t="s">
        <v>17</v>
      </c>
      <c r="C1170" s="5" t="s">
        <v>4109</v>
      </c>
      <c r="D1170" s="1" t="s">
        <v>8294</v>
      </c>
      <c r="E1170" s="5" t="s">
        <v>12709</v>
      </c>
      <c r="F1170" s="6">
        <v>1306</v>
      </c>
    </row>
    <row r="1171" spans="1:6" x14ac:dyDescent="0.25">
      <c r="A1171" s="4" t="s">
        <v>17</v>
      </c>
      <c r="B1171" s="1" t="s">
        <v>17</v>
      </c>
      <c r="C1171" s="5" t="s">
        <v>3567</v>
      </c>
      <c r="D1171" s="1" t="s">
        <v>8301</v>
      </c>
      <c r="E1171" s="5" t="s">
        <v>12717</v>
      </c>
      <c r="F1171" s="6">
        <v>1314</v>
      </c>
    </row>
    <row r="1172" spans="1:6" x14ac:dyDescent="0.25">
      <c r="A1172" s="4" t="s">
        <v>17</v>
      </c>
      <c r="B1172" s="1" t="s">
        <v>17</v>
      </c>
      <c r="C1172" s="5" t="s">
        <v>4117</v>
      </c>
      <c r="D1172" s="1" t="s">
        <v>8309</v>
      </c>
      <c r="E1172" s="5" t="s">
        <v>12727</v>
      </c>
      <c r="F1172" s="6">
        <v>1324</v>
      </c>
    </row>
    <row r="1173" spans="1:6" x14ac:dyDescent="0.25">
      <c r="A1173" s="4" t="s">
        <v>17</v>
      </c>
      <c r="B1173" s="1" t="s">
        <v>17</v>
      </c>
      <c r="C1173" s="5" t="s">
        <v>4129</v>
      </c>
      <c r="D1173" s="1" t="s">
        <v>17</v>
      </c>
      <c r="E1173" s="5" t="s">
        <v>12757</v>
      </c>
      <c r="F1173" s="6">
        <v>1354</v>
      </c>
    </row>
    <row r="1174" spans="1:6" x14ac:dyDescent="0.25">
      <c r="A1174" s="4" t="s">
        <v>17</v>
      </c>
      <c r="B1174" s="1" t="s">
        <v>17</v>
      </c>
      <c r="C1174" s="5" t="s">
        <v>4139</v>
      </c>
      <c r="D1174" s="1" t="s">
        <v>8360</v>
      </c>
      <c r="E1174" s="5" t="s">
        <v>12782</v>
      </c>
      <c r="F1174" s="6">
        <v>1379</v>
      </c>
    </row>
    <row r="1175" spans="1:6" x14ac:dyDescent="0.25">
      <c r="A1175" s="4" t="s">
        <v>17</v>
      </c>
      <c r="B1175" s="1" t="s">
        <v>17</v>
      </c>
      <c r="C1175" s="5" t="s">
        <v>4147</v>
      </c>
      <c r="D1175" s="1" t="s">
        <v>8376</v>
      </c>
      <c r="E1175" s="5" t="s">
        <v>12803</v>
      </c>
      <c r="F1175" s="6">
        <v>1402</v>
      </c>
    </row>
    <row r="1176" spans="1:6" x14ac:dyDescent="0.25">
      <c r="A1176" s="4" t="s">
        <v>17</v>
      </c>
      <c r="B1176" s="1" t="s">
        <v>17</v>
      </c>
      <c r="C1176" s="5" t="s">
        <v>3866</v>
      </c>
      <c r="D1176" s="1" t="s">
        <v>8387</v>
      </c>
      <c r="E1176" s="5" t="s">
        <v>12818</v>
      </c>
      <c r="F1176" s="6">
        <v>1417</v>
      </c>
    </row>
    <row r="1177" spans="1:6" x14ac:dyDescent="0.25">
      <c r="A1177" s="4" t="s">
        <v>17</v>
      </c>
      <c r="B1177" s="1" t="s">
        <v>17</v>
      </c>
      <c r="C1177" s="5" t="s">
        <v>3582</v>
      </c>
      <c r="D1177" s="1" t="s">
        <v>8484</v>
      </c>
      <c r="E1177" s="5" t="s">
        <v>12948</v>
      </c>
      <c r="F1177" s="6">
        <v>1556</v>
      </c>
    </row>
    <row r="1178" spans="1:6" x14ac:dyDescent="0.25">
      <c r="A1178" s="4" t="s">
        <v>17</v>
      </c>
      <c r="B1178" s="1" t="s">
        <v>17</v>
      </c>
      <c r="C1178" s="5" t="s">
        <v>3567</v>
      </c>
      <c r="D1178" s="1" t="s">
        <v>8979</v>
      </c>
      <c r="E1178" s="5" t="s">
        <v>14004</v>
      </c>
      <c r="F1178" s="6">
        <v>2658</v>
      </c>
    </row>
    <row r="1179" spans="1:6" x14ac:dyDescent="0.25">
      <c r="A1179" s="4" t="s">
        <v>17</v>
      </c>
      <c r="B1179" s="1" t="s">
        <v>17</v>
      </c>
      <c r="C1179" s="5" t="s">
        <v>3228</v>
      </c>
      <c r="D1179" s="1" t="s">
        <v>9033</v>
      </c>
      <c r="E1179" s="5" t="s">
        <v>14103</v>
      </c>
      <c r="F1179" s="6">
        <v>2760</v>
      </c>
    </row>
    <row r="1180" spans="1:6" x14ac:dyDescent="0.25">
      <c r="A1180" s="4" t="s">
        <v>17</v>
      </c>
      <c r="B1180" s="1" t="s">
        <v>17</v>
      </c>
      <c r="C1180" s="5" t="s">
        <v>4117</v>
      </c>
      <c r="D1180" s="1" t="s">
        <v>9042</v>
      </c>
      <c r="E1180" s="5" t="s">
        <v>14117</v>
      </c>
      <c r="F1180" s="6">
        <v>2774</v>
      </c>
    </row>
    <row r="1181" spans="1:6" x14ac:dyDescent="0.25">
      <c r="A1181" s="4" t="s">
        <v>17</v>
      </c>
      <c r="B1181" s="1" t="s">
        <v>17</v>
      </c>
      <c r="C1181" s="5" t="s">
        <v>4117</v>
      </c>
      <c r="D1181" s="1" t="s">
        <v>10139</v>
      </c>
      <c r="E1181" s="5" t="s">
        <v>16146</v>
      </c>
      <c r="F1181" s="6">
        <v>5246</v>
      </c>
    </row>
    <row r="1182" spans="1:6" x14ac:dyDescent="0.25">
      <c r="A1182" s="4" t="s">
        <v>17</v>
      </c>
      <c r="B1182" s="1" t="s">
        <v>17</v>
      </c>
      <c r="C1182" s="5">
        <v>160014</v>
      </c>
      <c r="D1182" s="1" t="s">
        <v>10950</v>
      </c>
      <c r="E1182" s="5" t="s">
        <v>17248</v>
      </c>
      <c r="F1182" s="6">
        <v>8304</v>
      </c>
    </row>
    <row r="1183" spans="1:6" x14ac:dyDescent="0.25">
      <c r="A1183" s="4" t="s">
        <v>17</v>
      </c>
      <c r="B1183" s="1" t="s">
        <v>17</v>
      </c>
      <c r="C1183" s="5" t="s">
        <v>4117</v>
      </c>
      <c r="D1183" s="1" t="s">
        <v>11084</v>
      </c>
      <c r="E1183" s="5" t="s">
        <v>17426</v>
      </c>
      <c r="F1183" s="6">
        <v>9034</v>
      </c>
    </row>
    <row r="1184" spans="1:6" x14ac:dyDescent="0.25">
      <c r="A1184" s="4" t="s">
        <v>1060</v>
      </c>
      <c r="B1184" s="1" t="s">
        <v>3160</v>
      </c>
      <c r="C1184" s="5" t="s">
        <v>4801</v>
      </c>
      <c r="D1184" s="1" t="s">
        <v>1060</v>
      </c>
      <c r="E1184" s="5" t="s">
        <v>13628</v>
      </c>
      <c r="F1184" s="6">
        <v>2271</v>
      </c>
    </row>
    <row r="1185" spans="1:6" x14ac:dyDescent="0.25">
      <c r="A1185" s="4" t="s">
        <v>242</v>
      </c>
      <c r="B1185" s="1" t="s">
        <v>3154</v>
      </c>
      <c r="C1185" s="5" t="s">
        <v>3668</v>
      </c>
      <c r="D1185" s="1" t="s">
        <v>7832</v>
      </c>
      <c r="E1185" s="5" t="s">
        <v>12135</v>
      </c>
      <c r="F1185" s="6">
        <v>601</v>
      </c>
    </row>
    <row r="1186" spans="1:6" x14ac:dyDescent="0.25">
      <c r="A1186" s="4" t="s">
        <v>2852</v>
      </c>
      <c r="B1186" s="1" t="s">
        <v>3148</v>
      </c>
      <c r="C1186" s="5" t="s">
        <v>6853</v>
      </c>
      <c r="D1186" s="1" t="s">
        <v>2852</v>
      </c>
      <c r="E1186" s="5" t="s">
        <v>17021</v>
      </c>
      <c r="F1186" s="6">
        <v>7610</v>
      </c>
    </row>
    <row r="1187" spans="1:6" x14ac:dyDescent="0.25">
      <c r="A1187" s="4" t="s">
        <v>1373</v>
      </c>
      <c r="B1187" s="1" t="s">
        <v>1147</v>
      </c>
      <c r="C1187" s="5" t="s">
        <v>5174</v>
      </c>
      <c r="D1187" s="1" t="s">
        <v>1373</v>
      </c>
      <c r="E1187" s="5" t="s">
        <v>14082</v>
      </c>
      <c r="F1187" s="6">
        <v>2737</v>
      </c>
    </row>
    <row r="1188" spans="1:6" x14ac:dyDescent="0.25">
      <c r="A1188" s="4" t="s">
        <v>2322</v>
      </c>
      <c r="B1188" s="1" t="s">
        <v>3158</v>
      </c>
      <c r="C1188" s="5" t="s">
        <v>6094</v>
      </c>
      <c r="D1188" s="1" t="s">
        <v>2322</v>
      </c>
      <c r="E1188" s="5" t="s">
        <v>15538</v>
      </c>
      <c r="F1188" s="6">
        <v>4278</v>
      </c>
    </row>
    <row r="1189" spans="1:6" x14ac:dyDescent="0.25">
      <c r="A1189" s="4" t="s">
        <v>57</v>
      </c>
      <c r="B1189" s="1" t="s">
        <v>3150</v>
      </c>
      <c r="C1189" s="5" t="s">
        <v>3293</v>
      </c>
      <c r="D1189" s="1" t="s">
        <v>7422</v>
      </c>
      <c r="E1189" s="5" t="s">
        <v>11697</v>
      </c>
      <c r="F1189" s="6">
        <v>117</v>
      </c>
    </row>
    <row r="1190" spans="1:6" x14ac:dyDescent="0.25">
      <c r="A1190" s="4" t="s">
        <v>439</v>
      </c>
      <c r="B1190" s="1" t="s">
        <v>3144</v>
      </c>
      <c r="C1190" s="5" t="s">
        <v>3986</v>
      </c>
      <c r="D1190" s="1" t="s">
        <v>439</v>
      </c>
      <c r="E1190" s="5" t="s">
        <v>12528</v>
      </c>
      <c r="F1190" s="6">
        <v>1053</v>
      </c>
    </row>
    <row r="1191" spans="1:6" x14ac:dyDescent="0.25">
      <c r="A1191" s="4" t="s">
        <v>439</v>
      </c>
      <c r="B1191" s="1" t="s">
        <v>3144</v>
      </c>
      <c r="C1191" s="5" t="s">
        <v>5814</v>
      </c>
      <c r="D1191" s="1" t="s">
        <v>9334</v>
      </c>
      <c r="E1191" s="5" t="s">
        <v>15043</v>
      </c>
      <c r="F1191" s="6">
        <v>3771</v>
      </c>
    </row>
    <row r="1192" spans="1:6" x14ac:dyDescent="0.25">
      <c r="A1192" s="4" t="s">
        <v>439</v>
      </c>
      <c r="B1192" s="1" t="s">
        <v>3144</v>
      </c>
      <c r="C1192" s="5">
        <v>442401</v>
      </c>
      <c r="D1192" s="1" t="s">
        <v>10369</v>
      </c>
      <c r="E1192" s="5" t="s">
        <v>16489</v>
      </c>
      <c r="F1192" s="6">
        <v>6038</v>
      </c>
    </row>
    <row r="1193" spans="1:6" x14ac:dyDescent="0.25">
      <c r="A1193" s="4" t="s">
        <v>3130</v>
      </c>
      <c r="B1193" s="1" t="s">
        <v>3144</v>
      </c>
      <c r="C1193" s="5" t="s">
        <v>7307</v>
      </c>
      <c r="D1193" s="1" t="s">
        <v>11558</v>
      </c>
      <c r="E1193" s="5" t="s">
        <v>18029</v>
      </c>
      <c r="F1193" s="6">
        <v>9661</v>
      </c>
    </row>
    <row r="1194" spans="1:6" x14ac:dyDescent="0.25">
      <c r="A1194" s="4" t="s">
        <v>2263</v>
      </c>
      <c r="B1194" s="1" t="s">
        <v>3144</v>
      </c>
      <c r="C1194" s="5" t="s">
        <v>5999</v>
      </c>
      <c r="D1194" s="1" t="s">
        <v>9563</v>
      </c>
      <c r="E1194" s="5" t="s">
        <v>15390</v>
      </c>
      <c r="F1194" s="6">
        <v>4127</v>
      </c>
    </row>
    <row r="1195" spans="1:6" x14ac:dyDescent="0.25">
      <c r="A1195" s="4" t="s">
        <v>3013</v>
      </c>
      <c r="B1195" s="1" t="s">
        <v>3154</v>
      </c>
      <c r="C1195" s="5" t="s">
        <v>3607</v>
      </c>
      <c r="D1195" s="1" t="s">
        <v>3013</v>
      </c>
      <c r="E1195" s="5" t="s">
        <v>17558</v>
      </c>
      <c r="F1195" s="6">
        <v>9172</v>
      </c>
    </row>
    <row r="1196" spans="1:6" x14ac:dyDescent="0.25">
      <c r="A1196" s="4" t="s">
        <v>166</v>
      </c>
      <c r="B1196" s="1" t="s">
        <v>3150</v>
      </c>
      <c r="C1196" s="5" t="s">
        <v>3460</v>
      </c>
      <c r="D1196" s="1" t="s">
        <v>7590</v>
      </c>
      <c r="E1196" s="5" t="s">
        <v>11879</v>
      </c>
      <c r="F1196" s="6">
        <v>311</v>
      </c>
    </row>
    <row r="1197" spans="1:6" x14ac:dyDescent="0.25">
      <c r="A1197" s="4" t="s">
        <v>639</v>
      </c>
      <c r="B1197" s="1" t="s">
        <v>3147</v>
      </c>
      <c r="C1197" s="5" t="s">
        <v>4324</v>
      </c>
      <c r="D1197" s="1" t="s">
        <v>639</v>
      </c>
      <c r="E1197" s="5" t="s">
        <v>13050</v>
      </c>
      <c r="F1197" s="6">
        <v>1681</v>
      </c>
    </row>
    <row r="1198" spans="1:6" x14ac:dyDescent="0.25">
      <c r="A1198" s="4" t="s">
        <v>2439</v>
      </c>
      <c r="B1198" s="1" t="s">
        <v>3149</v>
      </c>
      <c r="C1198" s="5" t="s">
        <v>6307</v>
      </c>
      <c r="D1198" s="1" t="s">
        <v>2439</v>
      </c>
      <c r="E1198" s="5" t="s">
        <v>15913</v>
      </c>
      <c r="F1198" s="6">
        <v>4829</v>
      </c>
    </row>
    <row r="1199" spans="1:6" x14ac:dyDescent="0.25">
      <c r="A1199" s="4" t="s">
        <v>2791</v>
      </c>
      <c r="B1199" s="1" t="s">
        <v>3149</v>
      </c>
      <c r="C1199" s="5" t="s">
        <v>6774</v>
      </c>
      <c r="D1199" s="1" t="s">
        <v>2791</v>
      </c>
      <c r="E1199" s="5" t="s">
        <v>16853</v>
      </c>
      <c r="F1199" s="6">
        <v>7097</v>
      </c>
    </row>
    <row r="1200" spans="1:6" x14ac:dyDescent="0.25">
      <c r="A1200" s="4" t="s">
        <v>1611</v>
      </c>
      <c r="B1200" s="1" t="s">
        <v>3147</v>
      </c>
      <c r="C1200" s="5" t="s">
        <v>5427</v>
      </c>
      <c r="D1200" s="1" t="s">
        <v>1611</v>
      </c>
      <c r="E1200" s="5" t="s">
        <v>14398</v>
      </c>
      <c r="F1200" s="6">
        <v>3070</v>
      </c>
    </row>
    <row r="1201" spans="1:6" x14ac:dyDescent="0.25">
      <c r="A1201" s="4" t="s">
        <v>819</v>
      </c>
      <c r="B1201" s="1" t="s">
        <v>812</v>
      </c>
      <c r="C1201" s="5" t="s">
        <v>4549</v>
      </c>
      <c r="D1201" s="1" t="s">
        <v>819</v>
      </c>
      <c r="E1201" s="5" t="s">
        <v>13334</v>
      </c>
      <c r="F1201" s="6">
        <v>1967</v>
      </c>
    </row>
    <row r="1202" spans="1:6" x14ac:dyDescent="0.25">
      <c r="A1202" s="4" t="s">
        <v>819</v>
      </c>
      <c r="B1202" s="1" t="s">
        <v>812</v>
      </c>
      <c r="C1202" s="5" t="s">
        <v>4549</v>
      </c>
      <c r="D1202" s="1" t="s">
        <v>11577</v>
      </c>
      <c r="E1202" s="5" t="s">
        <v>18052</v>
      </c>
      <c r="F1202" s="6">
        <v>9686</v>
      </c>
    </row>
    <row r="1203" spans="1:6" x14ac:dyDescent="0.25">
      <c r="A1203" s="4" t="s">
        <v>2878</v>
      </c>
      <c r="B1203" s="1" t="s">
        <v>3161</v>
      </c>
      <c r="C1203" s="5" t="s">
        <v>6885</v>
      </c>
      <c r="D1203" s="1" t="s">
        <v>2878</v>
      </c>
      <c r="E1203" s="5" t="s">
        <v>17115</v>
      </c>
      <c r="F1203" s="6">
        <v>7951</v>
      </c>
    </row>
    <row r="1204" spans="1:6" x14ac:dyDescent="0.25">
      <c r="A1204" s="4" t="s">
        <v>2737</v>
      </c>
      <c r="B1204" s="1" t="s">
        <v>3158</v>
      </c>
      <c r="C1204" s="5" t="s">
        <v>6679</v>
      </c>
      <c r="D1204" s="1" t="s">
        <v>10514</v>
      </c>
      <c r="E1204" s="5" t="s">
        <v>16683</v>
      </c>
      <c r="F1204" s="6">
        <v>6559</v>
      </c>
    </row>
    <row r="1205" spans="1:6" x14ac:dyDescent="0.25">
      <c r="A1205" s="4" t="s">
        <v>820</v>
      </c>
      <c r="B1205" s="1" t="s">
        <v>3154</v>
      </c>
      <c r="C1205" s="5" t="s">
        <v>4550</v>
      </c>
      <c r="D1205" s="1" t="s">
        <v>8712</v>
      </c>
      <c r="E1205" s="5" t="s">
        <v>13335</v>
      </c>
      <c r="F1205" s="6">
        <v>1968</v>
      </c>
    </row>
    <row r="1206" spans="1:6" x14ac:dyDescent="0.25">
      <c r="A1206" s="4" t="s">
        <v>820</v>
      </c>
      <c r="B1206" s="1" t="s">
        <v>3154</v>
      </c>
      <c r="C1206" s="5">
        <v>127306</v>
      </c>
      <c r="D1206" s="1" t="s">
        <v>10951</v>
      </c>
      <c r="E1206" s="5" t="s">
        <v>17249</v>
      </c>
      <c r="F1206" s="6">
        <v>8306</v>
      </c>
    </row>
    <row r="1207" spans="1:6" x14ac:dyDescent="0.25">
      <c r="A1207" s="4" t="s">
        <v>1962</v>
      </c>
      <c r="B1207" s="1" t="s">
        <v>3149</v>
      </c>
      <c r="C1207" s="5" t="s">
        <v>5691</v>
      </c>
      <c r="D1207" s="1" t="s">
        <v>1962</v>
      </c>
      <c r="E1207" s="5" t="s">
        <v>14798</v>
      </c>
      <c r="F1207" s="6">
        <v>3509</v>
      </c>
    </row>
    <row r="1208" spans="1:6" x14ac:dyDescent="0.25">
      <c r="A1208" s="4" t="s">
        <v>1323</v>
      </c>
      <c r="B1208" s="1" t="s">
        <v>3159</v>
      </c>
      <c r="C1208" s="5" t="s">
        <v>5108</v>
      </c>
      <c r="D1208" s="1" t="s">
        <v>1323</v>
      </c>
      <c r="E1208" s="5" t="s">
        <v>13997</v>
      </c>
      <c r="F1208" s="6">
        <v>2651</v>
      </c>
    </row>
    <row r="1209" spans="1:6" x14ac:dyDescent="0.25">
      <c r="A1209" s="4" t="s">
        <v>685</v>
      </c>
      <c r="B1209" s="1" t="s">
        <v>3153</v>
      </c>
      <c r="C1209" s="5" t="s">
        <v>4386</v>
      </c>
      <c r="D1209" s="1" t="s">
        <v>8610</v>
      </c>
      <c r="E1209" s="5" t="s">
        <v>13137</v>
      </c>
      <c r="F1209" s="6">
        <v>1770</v>
      </c>
    </row>
    <row r="1210" spans="1:6" x14ac:dyDescent="0.25">
      <c r="A1210" s="4" t="s">
        <v>1650</v>
      </c>
      <c r="B1210" s="1" t="s">
        <v>3165</v>
      </c>
      <c r="C1210" s="5" t="s">
        <v>5451</v>
      </c>
      <c r="D1210" s="1" t="s">
        <v>1650</v>
      </c>
      <c r="E1210" s="5" t="s">
        <v>14440</v>
      </c>
      <c r="F1210" s="6">
        <v>3125</v>
      </c>
    </row>
    <row r="1211" spans="1:6" x14ac:dyDescent="0.25">
      <c r="A1211" s="4" t="s">
        <v>2578</v>
      </c>
      <c r="B1211" s="1" t="s">
        <v>3153</v>
      </c>
      <c r="C1211" s="5" t="s">
        <v>6486</v>
      </c>
      <c r="D1211" s="1" t="s">
        <v>2578</v>
      </c>
      <c r="E1211" s="5" t="s">
        <v>16296</v>
      </c>
      <c r="F1211" s="6">
        <v>5596</v>
      </c>
    </row>
    <row r="1212" spans="1:6" x14ac:dyDescent="0.25">
      <c r="A1212" s="4" t="s">
        <v>588</v>
      </c>
      <c r="B1212" s="1" t="s">
        <v>3150</v>
      </c>
      <c r="C1212" s="5" t="s">
        <v>4239</v>
      </c>
      <c r="D1212" s="1" t="s">
        <v>8470</v>
      </c>
      <c r="E1212" s="5" t="s">
        <v>12930</v>
      </c>
      <c r="F1212" s="6">
        <v>1538</v>
      </c>
    </row>
    <row r="1213" spans="1:6" x14ac:dyDescent="0.25">
      <c r="A1213" s="4" t="s">
        <v>1745</v>
      </c>
      <c r="B1213" s="1" t="s">
        <v>3152</v>
      </c>
      <c r="C1213" s="5" t="s">
        <v>5535</v>
      </c>
      <c r="D1213" s="1" t="s">
        <v>1745</v>
      </c>
      <c r="E1213" s="5" t="s">
        <v>14559</v>
      </c>
      <c r="F1213" s="6">
        <v>3250</v>
      </c>
    </row>
    <row r="1214" spans="1:6" x14ac:dyDescent="0.25">
      <c r="A1214" s="4" t="s">
        <v>542</v>
      </c>
      <c r="B1214" s="1" t="s">
        <v>3154</v>
      </c>
      <c r="C1214" s="5" t="s">
        <v>4188</v>
      </c>
      <c r="D1214" s="1" t="s">
        <v>8436</v>
      </c>
      <c r="E1214" s="5" t="s">
        <v>12876</v>
      </c>
      <c r="F1214" s="6">
        <v>1477</v>
      </c>
    </row>
    <row r="1215" spans="1:6" x14ac:dyDescent="0.25">
      <c r="A1215" s="4" t="s">
        <v>1688</v>
      </c>
      <c r="B1215" s="1" t="s">
        <v>3152</v>
      </c>
      <c r="C1215" s="5" t="s">
        <v>5476</v>
      </c>
      <c r="D1215" s="1" t="s">
        <v>1688</v>
      </c>
      <c r="E1215" s="5" t="s">
        <v>14481</v>
      </c>
      <c r="F1215" s="6">
        <v>3166</v>
      </c>
    </row>
    <row r="1216" spans="1:6" x14ac:dyDescent="0.25">
      <c r="A1216" s="4" t="s">
        <v>2786</v>
      </c>
      <c r="B1216" s="1" t="s">
        <v>3155</v>
      </c>
      <c r="C1216" s="5" t="s">
        <v>6763</v>
      </c>
      <c r="D1216" s="1" t="s">
        <v>2786</v>
      </c>
      <c r="E1216" s="5" t="s">
        <v>16829</v>
      </c>
      <c r="F1216" s="6">
        <v>7051</v>
      </c>
    </row>
    <row r="1217" spans="1:6" x14ac:dyDescent="0.25">
      <c r="A1217" s="4" t="s">
        <v>2210</v>
      </c>
      <c r="B1217" s="1" t="s">
        <v>3150</v>
      </c>
      <c r="C1217" s="5" t="s">
        <v>5928</v>
      </c>
      <c r="D1217" s="1" t="s">
        <v>9499</v>
      </c>
      <c r="E1217" s="5" t="s">
        <v>15282</v>
      </c>
      <c r="F1217" s="6">
        <v>4017</v>
      </c>
    </row>
    <row r="1218" spans="1:6" x14ac:dyDescent="0.25">
      <c r="A1218" s="4" t="s">
        <v>586</v>
      </c>
      <c r="B1218" s="1" t="s">
        <v>3150</v>
      </c>
      <c r="C1218" s="5" t="s">
        <v>4237</v>
      </c>
      <c r="D1218" s="1" t="s">
        <v>8468</v>
      </c>
      <c r="E1218" s="5" t="s">
        <v>12928</v>
      </c>
      <c r="F1218" s="6">
        <v>1536</v>
      </c>
    </row>
    <row r="1219" spans="1:6" x14ac:dyDescent="0.25">
      <c r="A1219" s="4" t="s">
        <v>739</v>
      </c>
      <c r="B1219" s="1" t="s">
        <v>3146</v>
      </c>
      <c r="C1219" s="5" t="s">
        <v>4453</v>
      </c>
      <c r="D1219" s="1" t="s">
        <v>8651</v>
      </c>
      <c r="E1219" s="5" t="s">
        <v>13218</v>
      </c>
      <c r="F1219" s="6">
        <v>1851</v>
      </c>
    </row>
    <row r="1220" spans="1:6" x14ac:dyDescent="0.25">
      <c r="A1220" s="4" t="s">
        <v>739</v>
      </c>
      <c r="B1220" s="1" t="s">
        <v>3146</v>
      </c>
      <c r="C1220" s="5" t="s">
        <v>4474</v>
      </c>
      <c r="D1220" s="1" t="s">
        <v>8666</v>
      </c>
      <c r="E1220" s="5" t="s">
        <v>13243</v>
      </c>
      <c r="F1220" s="6">
        <v>1876</v>
      </c>
    </row>
    <row r="1221" spans="1:6" x14ac:dyDescent="0.25">
      <c r="A1221" s="4" t="s">
        <v>739</v>
      </c>
      <c r="B1221" s="1" t="s">
        <v>3146</v>
      </c>
      <c r="C1221" s="5" t="s">
        <v>6970</v>
      </c>
      <c r="D1221" s="1" t="s">
        <v>11031</v>
      </c>
      <c r="E1221" s="5" t="s">
        <v>17355</v>
      </c>
      <c r="F1221" s="6">
        <v>8873</v>
      </c>
    </row>
    <row r="1222" spans="1:6" x14ac:dyDescent="0.25">
      <c r="A1222" s="4" t="s">
        <v>219</v>
      </c>
      <c r="B1222" s="1" t="s">
        <v>3150</v>
      </c>
      <c r="C1222" s="5" t="s">
        <v>3596</v>
      </c>
      <c r="D1222" s="1" t="s">
        <v>7733</v>
      </c>
      <c r="E1222" s="5" t="s">
        <v>12031</v>
      </c>
      <c r="F1222" s="6">
        <v>464</v>
      </c>
    </row>
    <row r="1223" spans="1:6" x14ac:dyDescent="0.25">
      <c r="A1223" s="4" t="s">
        <v>3</v>
      </c>
      <c r="B1223" s="1" t="s">
        <v>3146</v>
      </c>
      <c r="C1223" s="5" t="s">
        <v>3197</v>
      </c>
      <c r="D1223" s="1" t="s">
        <v>7325</v>
      </c>
      <c r="E1223" s="5" t="s">
        <v>11596</v>
      </c>
      <c r="F1223" s="6">
        <v>4</v>
      </c>
    </row>
    <row r="1224" spans="1:6" x14ac:dyDescent="0.25">
      <c r="A1224" s="4" t="s">
        <v>3</v>
      </c>
      <c r="B1224" s="1" t="s">
        <v>3146</v>
      </c>
      <c r="C1224" s="5" t="s">
        <v>3203</v>
      </c>
      <c r="D1224" s="1" t="s">
        <v>7331</v>
      </c>
      <c r="E1224" s="5" t="s">
        <v>11602</v>
      </c>
      <c r="F1224" s="6">
        <v>10</v>
      </c>
    </row>
    <row r="1225" spans="1:6" x14ac:dyDescent="0.25">
      <c r="A1225" s="4" t="s">
        <v>3</v>
      </c>
      <c r="B1225" s="1" t="s">
        <v>3146</v>
      </c>
      <c r="C1225" s="5" t="s">
        <v>3210</v>
      </c>
      <c r="D1225" s="1" t="s">
        <v>7338</v>
      </c>
      <c r="E1225" s="5" t="s">
        <v>11609</v>
      </c>
      <c r="F1225" s="6">
        <v>17</v>
      </c>
    </row>
    <row r="1226" spans="1:6" x14ac:dyDescent="0.25">
      <c r="A1226" s="4" t="s">
        <v>3</v>
      </c>
      <c r="B1226" s="1" t="s">
        <v>3146</v>
      </c>
      <c r="C1226" s="5" t="s">
        <v>3217</v>
      </c>
      <c r="D1226" s="1" t="s">
        <v>7344</v>
      </c>
      <c r="E1226" s="5" t="s">
        <v>11616</v>
      </c>
      <c r="F1226" s="6">
        <v>24</v>
      </c>
    </row>
    <row r="1227" spans="1:6" x14ac:dyDescent="0.25">
      <c r="A1227" s="4" t="s">
        <v>3</v>
      </c>
      <c r="B1227" s="1" t="s">
        <v>3146</v>
      </c>
      <c r="C1227" s="5" t="s">
        <v>3268</v>
      </c>
      <c r="D1227" s="1" t="s">
        <v>7395</v>
      </c>
      <c r="E1227" s="5" t="s">
        <v>11670</v>
      </c>
      <c r="F1227" s="6">
        <v>82</v>
      </c>
    </row>
    <row r="1228" spans="1:6" x14ac:dyDescent="0.25">
      <c r="A1228" s="4" t="s">
        <v>3</v>
      </c>
      <c r="B1228" s="1" t="s">
        <v>3146</v>
      </c>
      <c r="C1228" s="5" t="s">
        <v>3300</v>
      </c>
      <c r="D1228" s="1" t="s">
        <v>7428</v>
      </c>
      <c r="E1228" s="5" t="s">
        <v>11704</v>
      </c>
      <c r="F1228" s="6">
        <v>124</v>
      </c>
    </row>
    <row r="1229" spans="1:6" x14ac:dyDescent="0.25">
      <c r="A1229" s="4" t="s">
        <v>3</v>
      </c>
      <c r="B1229" s="1" t="s">
        <v>3146</v>
      </c>
      <c r="C1229" s="5" t="s">
        <v>3311</v>
      </c>
      <c r="D1229" s="1" t="s">
        <v>799</v>
      </c>
      <c r="E1229" s="5" t="s">
        <v>11715</v>
      </c>
      <c r="F1229" s="6">
        <v>136</v>
      </c>
    </row>
    <row r="1230" spans="1:6" x14ac:dyDescent="0.25">
      <c r="A1230" s="4" t="s">
        <v>3</v>
      </c>
      <c r="B1230" s="1" t="s">
        <v>3146</v>
      </c>
      <c r="C1230" s="5" t="s">
        <v>3316</v>
      </c>
      <c r="D1230" s="1" t="s">
        <v>7441</v>
      </c>
      <c r="E1230" s="5" t="s">
        <v>11720</v>
      </c>
      <c r="F1230" s="6">
        <v>141</v>
      </c>
    </row>
    <row r="1231" spans="1:6" x14ac:dyDescent="0.25">
      <c r="A1231" s="4" t="s">
        <v>3</v>
      </c>
      <c r="B1231" s="1" t="s">
        <v>3146</v>
      </c>
      <c r="C1231" s="5" t="s">
        <v>3337</v>
      </c>
      <c r="D1231" s="1" t="s">
        <v>7464</v>
      </c>
      <c r="E1231" s="5" t="s">
        <v>11745</v>
      </c>
      <c r="F1231" s="6">
        <v>166</v>
      </c>
    </row>
    <row r="1232" spans="1:6" x14ac:dyDescent="0.25">
      <c r="A1232" s="4" t="s">
        <v>3</v>
      </c>
      <c r="B1232" s="1" t="s">
        <v>3146</v>
      </c>
      <c r="C1232" s="5" t="s">
        <v>3372</v>
      </c>
      <c r="D1232" s="1" t="s">
        <v>7497</v>
      </c>
      <c r="E1232" s="5" t="s">
        <v>11781</v>
      </c>
      <c r="F1232" s="6">
        <v>206</v>
      </c>
    </row>
    <row r="1233" spans="1:6" x14ac:dyDescent="0.25">
      <c r="A1233" s="4" t="s">
        <v>3</v>
      </c>
      <c r="B1233" s="1" t="s">
        <v>3146</v>
      </c>
      <c r="C1233" s="5" t="s">
        <v>3417</v>
      </c>
      <c r="D1233" s="1" t="s">
        <v>7543</v>
      </c>
      <c r="E1233" s="5" t="s">
        <v>11829</v>
      </c>
      <c r="F1233" s="6">
        <v>260</v>
      </c>
    </row>
    <row r="1234" spans="1:6" x14ac:dyDescent="0.25">
      <c r="A1234" s="4" t="s">
        <v>3</v>
      </c>
      <c r="B1234" s="1" t="s">
        <v>3146</v>
      </c>
      <c r="C1234" s="5" t="s">
        <v>3471</v>
      </c>
      <c r="D1234" s="1" t="s">
        <v>7602</v>
      </c>
      <c r="E1234" s="5" t="s">
        <v>11891</v>
      </c>
      <c r="F1234" s="6">
        <v>323</v>
      </c>
    </row>
    <row r="1235" spans="1:6" x14ac:dyDescent="0.25">
      <c r="A1235" s="4" t="s">
        <v>3</v>
      </c>
      <c r="B1235" s="1" t="s">
        <v>3146</v>
      </c>
      <c r="C1235" s="5" t="s">
        <v>3316</v>
      </c>
      <c r="D1235" s="1" t="s">
        <v>7662</v>
      </c>
      <c r="E1235" s="5" t="s">
        <v>11953</v>
      </c>
      <c r="F1235" s="6">
        <v>386</v>
      </c>
    </row>
    <row r="1236" spans="1:6" x14ac:dyDescent="0.25">
      <c r="A1236" s="4" t="s">
        <v>3</v>
      </c>
      <c r="B1236" s="1" t="s">
        <v>3146</v>
      </c>
      <c r="C1236" s="5" t="s">
        <v>3529</v>
      </c>
      <c r="D1236" s="1" t="s">
        <v>7665</v>
      </c>
      <c r="E1236" s="5" t="s">
        <v>11957</v>
      </c>
      <c r="F1236" s="6">
        <v>390</v>
      </c>
    </row>
    <row r="1237" spans="1:6" x14ac:dyDescent="0.25">
      <c r="A1237" s="4" t="s">
        <v>3</v>
      </c>
      <c r="B1237" s="1" t="s">
        <v>3146</v>
      </c>
      <c r="C1237" s="5" t="s">
        <v>3574</v>
      </c>
      <c r="D1237" s="1" t="s">
        <v>7714</v>
      </c>
      <c r="E1237" s="5" t="s">
        <v>12008</v>
      </c>
      <c r="F1237" s="6">
        <v>441</v>
      </c>
    </row>
    <row r="1238" spans="1:6" x14ac:dyDescent="0.25">
      <c r="A1238" s="4" t="s">
        <v>3</v>
      </c>
      <c r="B1238" s="1" t="s">
        <v>3146</v>
      </c>
      <c r="C1238" s="5" t="s">
        <v>3576</v>
      </c>
      <c r="D1238" s="1" t="s">
        <v>7717</v>
      </c>
      <c r="E1238" s="5" t="s">
        <v>12011</v>
      </c>
      <c r="F1238" s="6">
        <v>444</v>
      </c>
    </row>
    <row r="1239" spans="1:6" x14ac:dyDescent="0.25">
      <c r="A1239" s="4" t="s">
        <v>3</v>
      </c>
      <c r="B1239" s="1" t="s">
        <v>3146</v>
      </c>
      <c r="C1239" s="5" t="s">
        <v>3300</v>
      </c>
      <c r="D1239" s="1" t="s">
        <v>7757</v>
      </c>
      <c r="E1239" s="5" t="s">
        <v>12056</v>
      </c>
      <c r="F1239" s="6">
        <v>492</v>
      </c>
    </row>
    <row r="1240" spans="1:6" x14ac:dyDescent="0.25">
      <c r="A1240" s="4" t="s">
        <v>3</v>
      </c>
      <c r="B1240" s="1" t="s">
        <v>3146</v>
      </c>
      <c r="C1240" s="5" t="s">
        <v>3614</v>
      </c>
      <c r="D1240" s="1" t="s">
        <v>7758</v>
      </c>
      <c r="E1240" s="5" t="s">
        <v>12057</v>
      </c>
      <c r="F1240" s="6">
        <v>493</v>
      </c>
    </row>
    <row r="1241" spans="1:6" x14ac:dyDescent="0.25">
      <c r="A1241" s="4" t="s">
        <v>3</v>
      </c>
      <c r="B1241" s="1" t="s">
        <v>3146</v>
      </c>
      <c r="C1241" s="5" t="s">
        <v>3615</v>
      </c>
      <c r="D1241" s="1" t="s">
        <v>7759</v>
      </c>
      <c r="E1241" s="5" t="s">
        <v>12058</v>
      </c>
      <c r="F1241" s="6">
        <v>500</v>
      </c>
    </row>
    <row r="1242" spans="1:6" x14ac:dyDescent="0.25">
      <c r="A1242" s="4" t="s">
        <v>3</v>
      </c>
      <c r="B1242" s="1" t="s">
        <v>3146</v>
      </c>
      <c r="C1242" s="5" t="s">
        <v>3656</v>
      </c>
      <c r="D1242" s="1" t="s">
        <v>7810</v>
      </c>
      <c r="E1242" s="5" t="s">
        <v>12113</v>
      </c>
      <c r="F1242" s="6">
        <v>574</v>
      </c>
    </row>
    <row r="1243" spans="1:6" x14ac:dyDescent="0.25">
      <c r="A1243" s="4" t="s">
        <v>3</v>
      </c>
      <c r="B1243" s="1" t="s">
        <v>3146</v>
      </c>
      <c r="C1243" s="5" t="s">
        <v>3657</v>
      </c>
      <c r="D1243" s="1" t="s">
        <v>7811</v>
      </c>
      <c r="E1243" s="5" t="s">
        <v>12114</v>
      </c>
      <c r="F1243" s="6">
        <v>575</v>
      </c>
    </row>
    <row r="1244" spans="1:6" x14ac:dyDescent="0.25">
      <c r="A1244" s="4" t="s">
        <v>3</v>
      </c>
      <c r="B1244" s="1" t="s">
        <v>3146</v>
      </c>
      <c r="C1244" s="5" t="s">
        <v>3716</v>
      </c>
      <c r="D1244" s="1" t="s">
        <v>7892</v>
      </c>
      <c r="E1244" s="5" t="s">
        <v>12199</v>
      </c>
      <c r="F1244" s="6">
        <v>674</v>
      </c>
    </row>
    <row r="1245" spans="1:6" x14ac:dyDescent="0.25">
      <c r="A1245" s="4" t="s">
        <v>3</v>
      </c>
      <c r="B1245" s="1" t="s">
        <v>3146</v>
      </c>
      <c r="C1245" s="5" t="s">
        <v>3717</v>
      </c>
      <c r="D1245" s="1" t="s">
        <v>7893</v>
      </c>
      <c r="E1245" s="5" t="s">
        <v>12200</v>
      </c>
      <c r="F1245" s="6">
        <v>675</v>
      </c>
    </row>
    <row r="1246" spans="1:6" x14ac:dyDescent="0.25">
      <c r="A1246" s="4" t="s">
        <v>3</v>
      </c>
      <c r="B1246" s="1" t="s">
        <v>3146</v>
      </c>
      <c r="C1246" s="5" t="s">
        <v>3718</v>
      </c>
      <c r="D1246" s="1" t="s">
        <v>7894</v>
      </c>
      <c r="E1246" s="5" t="s">
        <v>12201</v>
      </c>
      <c r="F1246" s="6">
        <v>676</v>
      </c>
    </row>
    <row r="1247" spans="1:6" x14ac:dyDescent="0.25">
      <c r="A1247" s="4" t="s">
        <v>3</v>
      </c>
      <c r="B1247" s="1" t="s">
        <v>3146</v>
      </c>
      <c r="C1247" s="5" t="s">
        <v>3727</v>
      </c>
      <c r="D1247" s="1" t="s">
        <v>7902</v>
      </c>
      <c r="E1247" s="5" t="s">
        <v>12211</v>
      </c>
      <c r="F1247" s="6">
        <v>687</v>
      </c>
    </row>
    <row r="1248" spans="1:6" x14ac:dyDescent="0.25">
      <c r="A1248" s="4" t="s">
        <v>3</v>
      </c>
      <c r="B1248" s="1" t="s">
        <v>3146</v>
      </c>
      <c r="C1248" s="5" t="s">
        <v>3728</v>
      </c>
      <c r="D1248" s="1" t="s">
        <v>7903</v>
      </c>
      <c r="E1248" s="5" t="s">
        <v>12212</v>
      </c>
      <c r="F1248" s="6">
        <v>688</v>
      </c>
    </row>
    <row r="1249" spans="1:6" x14ac:dyDescent="0.25">
      <c r="A1249" s="4" t="s">
        <v>3</v>
      </c>
      <c r="B1249" s="1" t="s">
        <v>3146</v>
      </c>
      <c r="C1249" s="5" t="s">
        <v>3765</v>
      </c>
      <c r="D1249" s="1" t="s">
        <v>7943</v>
      </c>
      <c r="E1249" s="5" t="s">
        <v>12258</v>
      </c>
      <c r="F1249" s="6">
        <v>750</v>
      </c>
    </row>
    <row r="1250" spans="1:6" x14ac:dyDescent="0.25">
      <c r="A1250" s="4" t="s">
        <v>3</v>
      </c>
      <c r="B1250" s="1" t="s">
        <v>3146</v>
      </c>
      <c r="C1250" s="5" t="s">
        <v>3766</v>
      </c>
      <c r="D1250" s="1" t="s">
        <v>7944</v>
      </c>
      <c r="E1250" s="5" t="s">
        <v>12259</v>
      </c>
      <c r="F1250" s="6">
        <v>751</v>
      </c>
    </row>
    <row r="1251" spans="1:6" x14ac:dyDescent="0.25">
      <c r="A1251" s="4" t="s">
        <v>3</v>
      </c>
      <c r="B1251" s="1" t="s">
        <v>3146</v>
      </c>
      <c r="C1251" s="5" t="s">
        <v>3806</v>
      </c>
      <c r="D1251" s="1" t="s">
        <v>7982</v>
      </c>
      <c r="E1251" s="5" t="s">
        <v>12301</v>
      </c>
      <c r="F1251" s="6">
        <v>795</v>
      </c>
    </row>
    <row r="1252" spans="1:6" x14ac:dyDescent="0.25">
      <c r="A1252" s="4" t="s">
        <v>3</v>
      </c>
      <c r="B1252" s="1" t="s">
        <v>3146</v>
      </c>
      <c r="C1252" s="5" t="s">
        <v>3615</v>
      </c>
      <c r="D1252" s="1" t="s">
        <v>8017</v>
      </c>
      <c r="E1252" s="5" t="s">
        <v>12342</v>
      </c>
      <c r="F1252" s="6">
        <v>847</v>
      </c>
    </row>
    <row r="1253" spans="1:6" x14ac:dyDescent="0.25">
      <c r="A1253" s="4" t="s">
        <v>3</v>
      </c>
      <c r="B1253" s="1" t="s">
        <v>3146</v>
      </c>
      <c r="C1253" s="5" t="s">
        <v>3871</v>
      </c>
      <c r="D1253" s="1" t="s">
        <v>8038</v>
      </c>
      <c r="E1253" s="5" t="s">
        <v>12373</v>
      </c>
      <c r="F1253" s="6">
        <v>880</v>
      </c>
    </row>
    <row r="1254" spans="1:6" x14ac:dyDescent="0.25">
      <c r="A1254" s="4" t="s">
        <v>3</v>
      </c>
      <c r="B1254" s="1" t="s">
        <v>3146</v>
      </c>
      <c r="C1254" s="5" t="s">
        <v>3974</v>
      </c>
      <c r="D1254" s="1" t="s">
        <v>8129</v>
      </c>
      <c r="E1254" s="5" t="s">
        <v>12513</v>
      </c>
      <c r="F1254" s="6">
        <v>1038</v>
      </c>
    </row>
    <row r="1255" spans="1:6" x14ac:dyDescent="0.25">
      <c r="A1255" s="4" t="s">
        <v>3</v>
      </c>
      <c r="B1255" s="1" t="s">
        <v>3146</v>
      </c>
      <c r="C1255" s="5" t="s">
        <v>3985</v>
      </c>
      <c r="D1255" s="1" t="s">
        <v>8140</v>
      </c>
      <c r="E1255" s="5" t="s">
        <v>12527</v>
      </c>
      <c r="F1255" s="6">
        <v>1052</v>
      </c>
    </row>
    <row r="1256" spans="1:6" x14ac:dyDescent="0.25">
      <c r="A1256" s="4" t="s">
        <v>3</v>
      </c>
      <c r="B1256" s="1" t="s">
        <v>3146</v>
      </c>
      <c r="C1256" s="5" t="s">
        <v>4001</v>
      </c>
      <c r="D1256" s="1" t="s">
        <v>8151</v>
      </c>
      <c r="E1256" s="5" t="s">
        <v>12547</v>
      </c>
      <c r="F1256" s="6">
        <v>1072</v>
      </c>
    </row>
    <row r="1257" spans="1:6" x14ac:dyDescent="0.25">
      <c r="A1257" s="4" t="s">
        <v>3</v>
      </c>
      <c r="B1257" s="1" t="s">
        <v>3146</v>
      </c>
      <c r="C1257" s="5" t="s">
        <v>4002</v>
      </c>
      <c r="D1257" s="1" t="s">
        <v>8152</v>
      </c>
      <c r="E1257" s="5" t="s">
        <v>12548</v>
      </c>
      <c r="F1257" s="6">
        <v>1073</v>
      </c>
    </row>
    <row r="1258" spans="1:6" x14ac:dyDescent="0.25">
      <c r="A1258" s="4" t="s">
        <v>3</v>
      </c>
      <c r="B1258" s="1" t="s">
        <v>3146</v>
      </c>
      <c r="C1258" s="5" t="s">
        <v>3471</v>
      </c>
      <c r="D1258" s="1" t="s">
        <v>8170</v>
      </c>
      <c r="E1258" s="5" t="s">
        <v>12569</v>
      </c>
      <c r="F1258" s="6">
        <v>1097</v>
      </c>
    </row>
    <row r="1259" spans="1:6" x14ac:dyDescent="0.25">
      <c r="A1259" s="4" t="s">
        <v>3</v>
      </c>
      <c r="B1259" s="1" t="s">
        <v>3146</v>
      </c>
      <c r="C1259" s="5" t="s">
        <v>4048</v>
      </c>
      <c r="D1259" s="1" t="s">
        <v>8217</v>
      </c>
      <c r="E1259" s="5" t="s">
        <v>12622</v>
      </c>
      <c r="F1259" s="6">
        <v>1216</v>
      </c>
    </row>
    <row r="1260" spans="1:6" x14ac:dyDescent="0.25">
      <c r="A1260" s="4" t="s">
        <v>3</v>
      </c>
      <c r="B1260" s="1" t="s">
        <v>3146</v>
      </c>
      <c r="C1260" s="5" t="s">
        <v>3210</v>
      </c>
      <c r="D1260" s="1" t="s">
        <v>8226</v>
      </c>
      <c r="E1260" s="5" t="s">
        <v>12631</v>
      </c>
      <c r="F1260" s="6">
        <v>1225</v>
      </c>
    </row>
    <row r="1261" spans="1:6" x14ac:dyDescent="0.25">
      <c r="A1261" s="4" t="s">
        <v>3</v>
      </c>
      <c r="B1261" s="1" t="s">
        <v>3146</v>
      </c>
      <c r="C1261" s="5" t="s">
        <v>4059</v>
      </c>
      <c r="D1261" s="1" t="s">
        <v>8236</v>
      </c>
      <c r="E1261" s="5" t="s">
        <v>12642</v>
      </c>
      <c r="F1261" s="6">
        <v>1237</v>
      </c>
    </row>
    <row r="1262" spans="1:6" x14ac:dyDescent="0.25">
      <c r="A1262" s="4" t="s">
        <v>3</v>
      </c>
      <c r="B1262" s="1" t="s">
        <v>3146</v>
      </c>
      <c r="C1262" s="5" t="s">
        <v>4091</v>
      </c>
      <c r="D1262" s="1" t="s">
        <v>8280</v>
      </c>
      <c r="E1262" s="5" t="s">
        <v>12688</v>
      </c>
      <c r="F1262" s="6">
        <v>1284</v>
      </c>
    </row>
    <row r="1263" spans="1:6" x14ac:dyDescent="0.25">
      <c r="A1263" s="4" t="s">
        <v>3</v>
      </c>
      <c r="B1263" s="1" t="s">
        <v>3146</v>
      </c>
      <c r="C1263" s="5" t="s">
        <v>4096</v>
      </c>
      <c r="D1263" s="1" t="s">
        <v>8284</v>
      </c>
      <c r="E1263" s="5" t="s">
        <v>12694</v>
      </c>
      <c r="F1263" s="6">
        <v>1290</v>
      </c>
    </row>
    <row r="1264" spans="1:6" x14ac:dyDescent="0.25">
      <c r="A1264" s="4" t="s">
        <v>3</v>
      </c>
      <c r="B1264" s="1" t="s">
        <v>3146</v>
      </c>
      <c r="C1264" s="5" t="s">
        <v>4101</v>
      </c>
      <c r="D1264" s="1" t="s">
        <v>8288</v>
      </c>
      <c r="E1264" s="5" t="s">
        <v>12700</v>
      </c>
      <c r="F1264" s="6">
        <v>1297</v>
      </c>
    </row>
    <row r="1265" spans="1:6" x14ac:dyDescent="0.25">
      <c r="A1265" s="4" t="s">
        <v>3</v>
      </c>
      <c r="B1265" s="1" t="s">
        <v>3146</v>
      </c>
      <c r="C1265" s="5" t="s">
        <v>4108</v>
      </c>
      <c r="D1265" s="1" t="s">
        <v>8293</v>
      </c>
      <c r="E1265" s="5" t="s">
        <v>12708</v>
      </c>
      <c r="F1265" s="6">
        <v>1305</v>
      </c>
    </row>
    <row r="1266" spans="1:6" x14ac:dyDescent="0.25">
      <c r="A1266" s="4" t="s">
        <v>3</v>
      </c>
      <c r="B1266" s="1" t="s">
        <v>3146</v>
      </c>
      <c r="C1266" s="5" t="s">
        <v>3197</v>
      </c>
      <c r="D1266" s="1" t="s">
        <v>8347</v>
      </c>
      <c r="E1266" s="5" t="s">
        <v>12767</v>
      </c>
      <c r="F1266" s="6">
        <v>1364</v>
      </c>
    </row>
    <row r="1267" spans="1:6" x14ac:dyDescent="0.25">
      <c r="A1267" s="4" t="s">
        <v>3</v>
      </c>
      <c r="B1267" s="1" t="s">
        <v>3146</v>
      </c>
      <c r="C1267" s="5" t="s">
        <v>4048</v>
      </c>
      <c r="D1267" s="1" t="s">
        <v>8512</v>
      </c>
      <c r="E1267" s="5" t="s">
        <v>12976</v>
      </c>
      <c r="F1267" s="6">
        <v>1586</v>
      </c>
    </row>
    <row r="1268" spans="1:6" x14ac:dyDescent="0.25">
      <c r="A1268" s="4" t="s">
        <v>3</v>
      </c>
      <c r="B1268" s="1" t="s">
        <v>3146</v>
      </c>
      <c r="C1268" s="5" t="s">
        <v>4266</v>
      </c>
      <c r="D1268" s="1" t="s">
        <v>8513</v>
      </c>
      <c r="E1268" s="5" t="s">
        <v>12977</v>
      </c>
      <c r="F1268" s="6">
        <v>1587</v>
      </c>
    </row>
    <row r="1269" spans="1:6" x14ac:dyDescent="0.25">
      <c r="A1269" s="4" t="s">
        <v>3</v>
      </c>
      <c r="B1269" s="1" t="s">
        <v>3146</v>
      </c>
      <c r="C1269" s="5" t="s">
        <v>3614</v>
      </c>
      <c r="D1269" s="1" t="s">
        <v>8607</v>
      </c>
      <c r="E1269" s="5" t="s">
        <v>13132</v>
      </c>
      <c r="F1269" s="6">
        <v>1765</v>
      </c>
    </row>
    <row r="1270" spans="1:6" x14ac:dyDescent="0.25">
      <c r="A1270" s="4" t="s">
        <v>3</v>
      </c>
      <c r="B1270" s="1" t="s">
        <v>3146</v>
      </c>
      <c r="C1270" s="5" t="s">
        <v>4463</v>
      </c>
      <c r="D1270" s="1" t="s">
        <v>8655</v>
      </c>
      <c r="E1270" s="5" t="s">
        <v>13228</v>
      </c>
      <c r="F1270" s="6">
        <v>1861</v>
      </c>
    </row>
    <row r="1271" spans="1:6" x14ac:dyDescent="0.25">
      <c r="A1271" s="4" t="s">
        <v>3</v>
      </c>
      <c r="B1271" s="1" t="s">
        <v>3146</v>
      </c>
      <c r="C1271" s="5" t="s">
        <v>4464</v>
      </c>
      <c r="D1271" s="1" t="s">
        <v>8656</v>
      </c>
      <c r="E1271" s="5" t="s">
        <v>13229</v>
      </c>
      <c r="F1271" s="6">
        <v>1862</v>
      </c>
    </row>
    <row r="1272" spans="1:6" x14ac:dyDescent="0.25">
      <c r="A1272" s="4" t="s">
        <v>3</v>
      </c>
      <c r="B1272" s="1" t="s">
        <v>3146</v>
      </c>
      <c r="C1272" s="5" t="s">
        <v>3316</v>
      </c>
      <c r="D1272" s="1" t="s">
        <v>8657</v>
      </c>
      <c r="E1272" s="5" t="s">
        <v>13230</v>
      </c>
      <c r="F1272" s="6">
        <v>1863</v>
      </c>
    </row>
    <row r="1273" spans="1:6" x14ac:dyDescent="0.25">
      <c r="A1273" s="4" t="s">
        <v>3</v>
      </c>
      <c r="B1273" s="1" t="s">
        <v>3146</v>
      </c>
      <c r="C1273" s="5" t="s">
        <v>3372</v>
      </c>
      <c r="D1273" s="1" t="s">
        <v>8658</v>
      </c>
      <c r="E1273" s="5" t="s">
        <v>13231</v>
      </c>
      <c r="F1273" s="6">
        <v>1864</v>
      </c>
    </row>
    <row r="1274" spans="1:6" x14ac:dyDescent="0.25">
      <c r="A1274" s="4" t="s">
        <v>3</v>
      </c>
      <c r="B1274" s="1" t="s">
        <v>3146</v>
      </c>
      <c r="C1274" s="5" t="s">
        <v>4465</v>
      </c>
      <c r="D1274" s="1" t="s">
        <v>8659</v>
      </c>
      <c r="E1274" s="5" t="s">
        <v>13232</v>
      </c>
      <c r="F1274" s="6">
        <v>1865</v>
      </c>
    </row>
    <row r="1275" spans="1:6" x14ac:dyDescent="0.25">
      <c r="A1275" s="4" t="s">
        <v>3</v>
      </c>
      <c r="B1275" s="1" t="s">
        <v>3146</v>
      </c>
      <c r="C1275" s="5" t="s">
        <v>4466</v>
      </c>
      <c r="D1275" s="1" t="s">
        <v>8660</v>
      </c>
      <c r="E1275" s="5" t="s">
        <v>13233</v>
      </c>
      <c r="F1275" s="6">
        <v>1866</v>
      </c>
    </row>
    <row r="1276" spans="1:6" x14ac:dyDescent="0.25">
      <c r="A1276" s="4" t="s">
        <v>3</v>
      </c>
      <c r="B1276" s="1" t="s">
        <v>3146</v>
      </c>
      <c r="C1276" s="5" t="s">
        <v>3268</v>
      </c>
      <c r="D1276" s="1" t="s">
        <v>8661</v>
      </c>
      <c r="E1276" s="5" t="s">
        <v>13234</v>
      </c>
      <c r="F1276" s="6">
        <v>1867</v>
      </c>
    </row>
    <row r="1277" spans="1:6" x14ac:dyDescent="0.25">
      <c r="A1277" s="4" t="s">
        <v>3</v>
      </c>
      <c r="B1277" s="1" t="s">
        <v>3146</v>
      </c>
      <c r="C1277" s="5" t="s">
        <v>4469</v>
      </c>
      <c r="D1277" s="1" t="s">
        <v>8663</v>
      </c>
      <c r="E1277" s="5" t="s">
        <v>13237</v>
      </c>
      <c r="F1277" s="6">
        <v>1870</v>
      </c>
    </row>
    <row r="1278" spans="1:6" x14ac:dyDescent="0.25">
      <c r="A1278" s="4" t="s">
        <v>3</v>
      </c>
      <c r="B1278" s="1" t="s">
        <v>3146</v>
      </c>
      <c r="C1278" s="5" t="s">
        <v>4468</v>
      </c>
      <c r="D1278" s="1" t="s">
        <v>8665</v>
      </c>
      <c r="E1278" s="5" t="s">
        <v>13242</v>
      </c>
      <c r="F1278" s="6">
        <v>1875</v>
      </c>
    </row>
    <row r="1279" spans="1:6" x14ac:dyDescent="0.25">
      <c r="A1279" s="4" t="s">
        <v>3</v>
      </c>
      <c r="B1279" s="1" t="s">
        <v>3146</v>
      </c>
      <c r="C1279" s="5" t="s">
        <v>4048</v>
      </c>
      <c r="D1279" s="1" t="s">
        <v>8697</v>
      </c>
      <c r="E1279" s="5" t="s">
        <v>13306</v>
      </c>
      <c r="F1279" s="6">
        <v>1939</v>
      </c>
    </row>
    <row r="1280" spans="1:6" x14ac:dyDescent="0.25">
      <c r="A1280" s="4" t="s">
        <v>3</v>
      </c>
      <c r="B1280" s="1" t="s">
        <v>3146</v>
      </c>
      <c r="C1280" s="5" t="s">
        <v>4567</v>
      </c>
      <c r="D1280" s="1" t="s">
        <v>8722</v>
      </c>
      <c r="E1280" s="5" t="s">
        <v>13356</v>
      </c>
      <c r="F1280" s="6">
        <v>1989</v>
      </c>
    </row>
    <row r="1281" spans="1:6" x14ac:dyDescent="0.25">
      <c r="A1281" s="4" t="s">
        <v>3</v>
      </c>
      <c r="B1281" s="1" t="s">
        <v>3146</v>
      </c>
      <c r="C1281" s="5" t="s">
        <v>4606</v>
      </c>
      <c r="D1281" s="1" t="s">
        <v>8753</v>
      </c>
      <c r="E1281" s="5" t="s">
        <v>13410</v>
      </c>
      <c r="F1281" s="6">
        <v>2043</v>
      </c>
    </row>
    <row r="1282" spans="1:6" x14ac:dyDescent="0.25">
      <c r="A1282" s="4" t="s">
        <v>3</v>
      </c>
      <c r="B1282" s="1" t="s">
        <v>3146</v>
      </c>
      <c r="C1282" s="5" t="s">
        <v>4630</v>
      </c>
      <c r="D1282" s="1" t="s">
        <v>8769</v>
      </c>
      <c r="E1282" s="5" t="s">
        <v>13441</v>
      </c>
      <c r="F1282" s="6">
        <v>2077</v>
      </c>
    </row>
    <row r="1283" spans="1:6" x14ac:dyDescent="0.25">
      <c r="A1283" s="4" t="s">
        <v>3</v>
      </c>
      <c r="B1283" s="1" t="s">
        <v>3146</v>
      </c>
      <c r="C1283" s="5" t="s">
        <v>4101</v>
      </c>
      <c r="D1283" s="1" t="s">
        <v>8773</v>
      </c>
      <c r="E1283" s="5" t="s">
        <v>13446</v>
      </c>
      <c r="F1283" s="6">
        <v>2082</v>
      </c>
    </row>
    <row r="1284" spans="1:6" x14ac:dyDescent="0.25">
      <c r="A1284" s="4" t="s">
        <v>3</v>
      </c>
      <c r="B1284" s="1" t="s">
        <v>3146</v>
      </c>
      <c r="C1284" s="5" t="s">
        <v>3372</v>
      </c>
      <c r="D1284" s="1" t="s">
        <v>8779</v>
      </c>
      <c r="E1284" s="5" t="s">
        <v>13458</v>
      </c>
      <c r="F1284" s="6">
        <v>2094</v>
      </c>
    </row>
    <row r="1285" spans="1:6" x14ac:dyDescent="0.25">
      <c r="A1285" s="4" t="s">
        <v>3</v>
      </c>
      <c r="B1285" s="1" t="s">
        <v>3146</v>
      </c>
      <c r="C1285" s="5" t="s">
        <v>4915</v>
      </c>
      <c r="D1285" s="1" t="s">
        <v>8855</v>
      </c>
      <c r="E1285" s="5" t="s">
        <v>13756</v>
      </c>
      <c r="F1285" s="6">
        <v>2405</v>
      </c>
    </row>
    <row r="1286" spans="1:6" x14ac:dyDescent="0.25">
      <c r="A1286" s="4" t="s">
        <v>3</v>
      </c>
      <c r="B1286" s="1" t="s">
        <v>3146</v>
      </c>
      <c r="C1286" s="5" t="s">
        <v>4916</v>
      </c>
      <c r="D1286" s="1" t="s">
        <v>8856</v>
      </c>
      <c r="E1286" s="5" t="s">
        <v>13757</v>
      </c>
      <c r="F1286" s="6">
        <v>2406</v>
      </c>
    </row>
    <row r="1287" spans="1:6" x14ac:dyDescent="0.25">
      <c r="A1287" s="4" t="s">
        <v>3</v>
      </c>
      <c r="B1287" s="1" t="s">
        <v>3146</v>
      </c>
      <c r="C1287" s="5" t="s">
        <v>4048</v>
      </c>
      <c r="D1287" s="1" t="s">
        <v>8890</v>
      </c>
      <c r="E1287" s="5" t="s">
        <v>13811</v>
      </c>
      <c r="F1287" s="6">
        <v>2461</v>
      </c>
    </row>
    <row r="1288" spans="1:6" x14ac:dyDescent="0.25">
      <c r="A1288" s="4" t="s">
        <v>3</v>
      </c>
      <c r="B1288" s="1" t="s">
        <v>3146</v>
      </c>
      <c r="C1288" s="5" t="s">
        <v>3372</v>
      </c>
      <c r="D1288" s="1" t="s">
        <v>8957</v>
      </c>
      <c r="E1288" s="5" t="s">
        <v>13938</v>
      </c>
      <c r="F1288" s="6">
        <v>2590</v>
      </c>
    </row>
    <row r="1289" spans="1:6" x14ac:dyDescent="0.25">
      <c r="A1289" s="4" t="s">
        <v>3</v>
      </c>
      <c r="B1289" s="1" t="s">
        <v>3146</v>
      </c>
      <c r="C1289" s="5" t="s">
        <v>3471</v>
      </c>
      <c r="D1289" s="1" t="s">
        <v>9241</v>
      </c>
      <c r="E1289" s="5" t="s">
        <v>14910</v>
      </c>
      <c r="F1289" s="6">
        <v>3631</v>
      </c>
    </row>
    <row r="1290" spans="1:6" x14ac:dyDescent="0.25">
      <c r="A1290" s="4" t="s">
        <v>3</v>
      </c>
      <c r="B1290" s="1" t="s">
        <v>3146</v>
      </c>
      <c r="C1290" s="5" t="s">
        <v>4468</v>
      </c>
      <c r="D1290" s="1" t="s">
        <v>9275</v>
      </c>
      <c r="E1290" s="5" t="s">
        <v>14950</v>
      </c>
      <c r="F1290" s="6">
        <v>3672</v>
      </c>
    </row>
    <row r="1291" spans="1:6" x14ac:dyDescent="0.25">
      <c r="A1291" s="4" t="s">
        <v>3</v>
      </c>
      <c r="B1291" s="1" t="s">
        <v>3146</v>
      </c>
      <c r="C1291" s="5" t="s">
        <v>5795</v>
      </c>
      <c r="D1291" s="1" t="s">
        <v>9322</v>
      </c>
      <c r="E1291" s="5" t="s">
        <v>15015</v>
      </c>
      <c r="F1291" s="6">
        <v>3742</v>
      </c>
    </row>
    <row r="1292" spans="1:6" x14ac:dyDescent="0.25">
      <c r="A1292" s="4" t="s">
        <v>3</v>
      </c>
      <c r="B1292" s="1" t="s">
        <v>3146</v>
      </c>
      <c r="C1292" s="5" t="s">
        <v>5806</v>
      </c>
      <c r="D1292" s="1" t="s">
        <v>9330</v>
      </c>
      <c r="E1292" s="5" t="s">
        <v>15032</v>
      </c>
      <c r="F1292" s="6">
        <v>3760</v>
      </c>
    </row>
    <row r="1293" spans="1:6" x14ac:dyDescent="0.25">
      <c r="A1293" s="4" t="s">
        <v>3</v>
      </c>
      <c r="B1293" s="1" t="s">
        <v>3146</v>
      </c>
      <c r="C1293" s="5" t="s">
        <v>5822</v>
      </c>
      <c r="D1293" s="1" t="s">
        <v>9351</v>
      </c>
      <c r="E1293" s="5" t="s">
        <v>15063</v>
      </c>
      <c r="F1293" s="6">
        <v>3791</v>
      </c>
    </row>
    <row r="1294" spans="1:6" x14ac:dyDescent="0.25">
      <c r="A1294" s="4" t="s">
        <v>3</v>
      </c>
      <c r="B1294" s="1" t="s">
        <v>3146</v>
      </c>
      <c r="C1294" s="5" t="s">
        <v>4091</v>
      </c>
      <c r="D1294" s="1" t="s">
        <v>9369</v>
      </c>
      <c r="E1294" s="5" t="s">
        <v>15091</v>
      </c>
      <c r="F1294" s="6">
        <v>3820</v>
      </c>
    </row>
    <row r="1295" spans="1:6" x14ac:dyDescent="0.25">
      <c r="A1295" s="4" t="s">
        <v>3</v>
      </c>
      <c r="B1295" s="1" t="s">
        <v>3146</v>
      </c>
      <c r="C1295" s="5" t="s">
        <v>3576</v>
      </c>
      <c r="D1295" s="1" t="s">
        <v>9432</v>
      </c>
      <c r="E1295" s="5" t="s">
        <v>15189</v>
      </c>
      <c r="F1295" s="6">
        <v>3923</v>
      </c>
    </row>
    <row r="1296" spans="1:6" x14ac:dyDescent="0.25">
      <c r="A1296" s="4" t="s">
        <v>3</v>
      </c>
      <c r="B1296" s="1" t="s">
        <v>3146</v>
      </c>
      <c r="C1296" s="5" t="s">
        <v>3615</v>
      </c>
      <c r="D1296" s="1" t="s">
        <v>9546</v>
      </c>
      <c r="E1296" s="5" t="s">
        <v>15365</v>
      </c>
      <c r="F1296" s="6">
        <v>4102</v>
      </c>
    </row>
    <row r="1297" spans="1:6" x14ac:dyDescent="0.25">
      <c r="A1297" s="4" t="s">
        <v>3</v>
      </c>
      <c r="B1297" s="1" t="s">
        <v>3146</v>
      </c>
      <c r="C1297" s="5" t="s">
        <v>5989</v>
      </c>
      <c r="D1297" s="1" t="s">
        <v>9547</v>
      </c>
      <c r="E1297" s="5" t="s">
        <v>15367</v>
      </c>
      <c r="F1297" s="6">
        <v>4104</v>
      </c>
    </row>
    <row r="1298" spans="1:6" x14ac:dyDescent="0.25">
      <c r="A1298" s="4" t="s">
        <v>3</v>
      </c>
      <c r="B1298" s="1" t="s">
        <v>3146</v>
      </c>
      <c r="C1298" s="5" t="s">
        <v>4916</v>
      </c>
      <c r="D1298" s="1" t="s">
        <v>9587</v>
      </c>
      <c r="E1298" s="5" t="s">
        <v>15428</v>
      </c>
      <c r="F1298" s="6">
        <v>4166</v>
      </c>
    </row>
    <row r="1299" spans="1:6" x14ac:dyDescent="0.25">
      <c r="A1299" s="4" t="s">
        <v>3</v>
      </c>
      <c r="B1299" s="1" t="s">
        <v>3146</v>
      </c>
      <c r="C1299" s="5" t="s">
        <v>4454</v>
      </c>
      <c r="D1299" s="1" t="s">
        <v>9624</v>
      </c>
      <c r="E1299" s="5" t="s">
        <v>15477</v>
      </c>
      <c r="F1299" s="6">
        <v>4215</v>
      </c>
    </row>
    <row r="1300" spans="1:6" x14ac:dyDescent="0.25">
      <c r="A1300" s="4" t="s">
        <v>3</v>
      </c>
      <c r="B1300" s="1" t="s">
        <v>3146</v>
      </c>
      <c r="C1300" s="5" t="s">
        <v>6061</v>
      </c>
      <c r="D1300" s="1" t="s">
        <v>9629</v>
      </c>
      <c r="E1300" s="5" t="s">
        <v>15483</v>
      </c>
      <c r="F1300" s="6">
        <v>4221</v>
      </c>
    </row>
    <row r="1301" spans="1:6" x14ac:dyDescent="0.25">
      <c r="A1301" s="4" t="s">
        <v>3</v>
      </c>
      <c r="B1301" s="1" t="s">
        <v>3146</v>
      </c>
      <c r="C1301" s="5" t="s">
        <v>4466</v>
      </c>
      <c r="D1301" s="1" t="s">
        <v>9677</v>
      </c>
      <c r="E1301" s="5" t="s">
        <v>15556</v>
      </c>
      <c r="F1301" s="6">
        <v>4297</v>
      </c>
    </row>
    <row r="1302" spans="1:6" x14ac:dyDescent="0.25">
      <c r="A1302" s="4" t="s">
        <v>3</v>
      </c>
      <c r="B1302" s="1" t="s">
        <v>3146</v>
      </c>
      <c r="C1302" s="5" t="s">
        <v>4466</v>
      </c>
      <c r="D1302" s="1" t="s">
        <v>9840</v>
      </c>
      <c r="E1302" s="5" t="s">
        <v>15760</v>
      </c>
      <c r="F1302" s="6">
        <v>4666</v>
      </c>
    </row>
    <row r="1303" spans="1:6" x14ac:dyDescent="0.25">
      <c r="A1303" s="4" t="s">
        <v>3</v>
      </c>
      <c r="B1303" s="1" t="s">
        <v>3146</v>
      </c>
      <c r="C1303" s="5" t="s">
        <v>4001</v>
      </c>
      <c r="D1303" s="1" t="s">
        <v>9955</v>
      </c>
      <c r="E1303" s="5" t="s">
        <v>15909</v>
      </c>
      <c r="F1303" s="6">
        <v>4825</v>
      </c>
    </row>
    <row r="1304" spans="1:6" x14ac:dyDescent="0.25">
      <c r="A1304" s="4" t="s">
        <v>3</v>
      </c>
      <c r="B1304" s="1" t="s">
        <v>3146</v>
      </c>
      <c r="C1304" s="5" t="s">
        <v>4478</v>
      </c>
      <c r="D1304" s="1" t="s">
        <v>9956</v>
      </c>
      <c r="E1304" s="5" t="s">
        <v>15911</v>
      </c>
      <c r="F1304" s="6">
        <v>4827</v>
      </c>
    </row>
    <row r="1305" spans="1:6" x14ac:dyDescent="0.25">
      <c r="A1305" s="4" t="s">
        <v>3</v>
      </c>
      <c r="B1305" s="1" t="s">
        <v>3146</v>
      </c>
      <c r="C1305" s="5" t="s">
        <v>5191</v>
      </c>
      <c r="D1305" s="1" t="s">
        <v>9967</v>
      </c>
      <c r="E1305" s="5" t="s">
        <v>15924</v>
      </c>
      <c r="F1305" s="6">
        <v>4842</v>
      </c>
    </row>
    <row r="1306" spans="1:6" x14ac:dyDescent="0.25">
      <c r="A1306" s="4" t="s">
        <v>3</v>
      </c>
      <c r="B1306" s="1" t="s">
        <v>3146</v>
      </c>
      <c r="C1306" s="5">
        <v>600008</v>
      </c>
      <c r="D1306" s="1" t="s">
        <v>10013</v>
      </c>
      <c r="E1306" s="5" t="s">
        <v>15988</v>
      </c>
      <c r="F1306" s="6">
        <v>4912</v>
      </c>
    </row>
    <row r="1307" spans="1:6" x14ac:dyDescent="0.25">
      <c r="A1307" s="4" t="s">
        <v>3</v>
      </c>
      <c r="B1307" s="1" t="s">
        <v>3146</v>
      </c>
      <c r="C1307" s="5" t="s">
        <v>6365</v>
      </c>
      <c r="D1307" s="1" t="s">
        <v>10055</v>
      </c>
      <c r="E1307" s="5" t="s">
        <v>16045</v>
      </c>
      <c r="F1307" s="6">
        <v>5050</v>
      </c>
    </row>
    <row r="1308" spans="1:6" x14ac:dyDescent="0.25">
      <c r="A1308" s="4" t="s">
        <v>3</v>
      </c>
      <c r="B1308" s="1" t="s">
        <v>3146</v>
      </c>
      <c r="C1308" s="5">
        <v>600130</v>
      </c>
      <c r="D1308" s="1" t="s">
        <v>10074</v>
      </c>
      <c r="E1308" s="5" t="s">
        <v>16069</v>
      </c>
      <c r="F1308" s="6">
        <v>5100</v>
      </c>
    </row>
    <row r="1309" spans="1:6" x14ac:dyDescent="0.25">
      <c r="A1309" s="4" t="s">
        <v>3</v>
      </c>
      <c r="B1309" s="1" t="s">
        <v>3146</v>
      </c>
      <c r="C1309" s="5" t="s">
        <v>3974</v>
      </c>
      <c r="D1309" s="1" t="s">
        <v>10109</v>
      </c>
      <c r="E1309" s="5" t="s">
        <v>16110</v>
      </c>
      <c r="F1309" s="6">
        <v>5175</v>
      </c>
    </row>
    <row r="1310" spans="1:6" x14ac:dyDescent="0.25">
      <c r="A1310" s="4" t="s">
        <v>3</v>
      </c>
      <c r="B1310" s="1" t="s">
        <v>3146</v>
      </c>
      <c r="C1310" s="5" t="s">
        <v>6414</v>
      </c>
      <c r="D1310" s="1" t="s">
        <v>10154</v>
      </c>
      <c r="E1310" s="5" t="s">
        <v>16164</v>
      </c>
      <c r="F1310" s="6">
        <v>5281</v>
      </c>
    </row>
    <row r="1311" spans="1:6" x14ac:dyDescent="0.25">
      <c r="A1311" s="4" t="s">
        <v>3</v>
      </c>
      <c r="B1311" s="1" t="s">
        <v>3146</v>
      </c>
      <c r="C1311" s="5" t="s">
        <v>6422</v>
      </c>
      <c r="D1311" s="1" t="s">
        <v>10169</v>
      </c>
      <c r="E1311" s="5" t="s">
        <v>16185</v>
      </c>
      <c r="F1311" s="6">
        <v>5313</v>
      </c>
    </row>
    <row r="1312" spans="1:6" x14ac:dyDescent="0.25">
      <c r="A1312" s="4" t="s">
        <v>3</v>
      </c>
      <c r="B1312" s="1" t="s">
        <v>3146</v>
      </c>
      <c r="C1312" s="5" t="s">
        <v>3765</v>
      </c>
      <c r="D1312" s="1" t="s">
        <v>10174</v>
      </c>
      <c r="E1312" s="5" t="s">
        <v>16190</v>
      </c>
      <c r="F1312" s="6">
        <v>5319</v>
      </c>
    </row>
    <row r="1313" spans="1:6" x14ac:dyDescent="0.25">
      <c r="A1313" s="4" t="s">
        <v>3</v>
      </c>
      <c r="B1313" s="1" t="s">
        <v>3146</v>
      </c>
      <c r="C1313" s="5" t="s">
        <v>6426</v>
      </c>
      <c r="D1313" s="1" t="s">
        <v>10175</v>
      </c>
      <c r="E1313" s="5" t="s">
        <v>16191</v>
      </c>
      <c r="F1313" s="6">
        <v>5322</v>
      </c>
    </row>
    <row r="1314" spans="1:6" x14ac:dyDescent="0.25">
      <c r="A1314" s="4" t="s">
        <v>3</v>
      </c>
      <c r="B1314" s="1" t="s">
        <v>3146</v>
      </c>
      <c r="C1314" s="5">
        <v>600035</v>
      </c>
      <c r="D1314" s="1" t="s">
        <v>10183</v>
      </c>
      <c r="E1314" s="5" t="s">
        <v>16200</v>
      </c>
      <c r="F1314" s="6">
        <v>5352</v>
      </c>
    </row>
    <row r="1315" spans="1:6" x14ac:dyDescent="0.25">
      <c r="A1315" s="4" t="s">
        <v>3</v>
      </c>
      <c r="B1315" s="1" t="s">
        <v>3146</v>
      </c>
      <c r="C1315" s="5" t="s">
        <v>6431</v>
      </c>
      <c r="D1315" s="1" t="s">
        <v>10186</v>
      </c>
      <c r="E1315" s="5" t="s">
        <v>16203</v>
      </c>
      <c r="F1315" s="6">
        <v>5357</v>
      </c>
    </row>
    <row r="1316" spans="1:6" x14ac:dyDescent="0.25">
      <c r="A1316" s="4" t="s">
        <v>3</v>
      </c>
      <c r="B1316" s="1" t="s">
        <v>3146</v>
      </c>
      <c r="C1316" s="5" t="s">
        <v>3985</v>
      </c>
      <c r="D1316" s="1" t="s">
        <v>10199</v>
      </c>
      <c r="E1316" s="5" t="s">
        <v>16222</v>
      </c>
      <c r="F1316" s="6">
        <v>5419</v>
      </c>
    </row>
    <row r="1317" spans="1:6" x14ac:dyDescent="0.25">
      <c r="A1317" s="4" t="s">
        <v>3</v>
      </c>
      <c r="B1317" s="1" t="s">
        <v>3146</v>
      </c>
      <c r="C1317" s="5" t="s">
        <v>6365</v>
      </c>
      <c r="D1317" s="1" t="s">
        <v>10206</v>
      </c>
      <c r="E1317" s="5" t="s">
        <v>16231</v>
      </c>
      <c r="F1317" s="6">
        <v>5446</v>
      </c>
    </row>
    <row r="1318" spans="1:6" x14ac:dyDescent="0.25">
      <c r="A1318" s="4" t="s">
        <v>3</v>
      </c>
      <c r="B1318" s="1" t="s">
        <v>3146</v>
      </c>
      <c r="C1318" s="5" t="s">
        <v>6448</v>
      </c>
      <c r="D1318" s="1" t="s">
        <v>10209</v>
      </c>
      <c r="E1318" s="5" t="s">
        <v>16238</v>
      </c>
      <c r="F1318" s="6">
        <v>5465</v>
      </c>
    </row>
    <row r="1319" spans="1:6" x14ac:dyDescent="0.25">
      <c r="A1319" s="4" t="s">
        <v>3</v>
      </c>
      <c r="B1319" s="1" t="s">
        <v>3146</v>
      </c>
      <c r="C1319" s="5" t="s">
        <v>6452</v>
      </c>
      <c r="D1319" s="1" t="s">
        <v>10213</v>
      </c>
      <c r="E1319" s="5" t="s">
        <v>16245</v>
      </c>
      <c r="F1319" s="6">
        <v>5475</v>
      </c>
    </row>
    <row r="1320" spans="1:6" x14ac:dyDescent="0.25">
      <c r="A1320" s="4" t="s">
        <v>3</v>
      </c>
      <c r="B1320" s="1" t="s">
        <v>3146</v>
      </c>
      <c r="C1320" s="5" t="s">
        <v>6491</v>
      </c>
      <c r="D1320" s="1" t="s">
        <v>10246</v>
      </c>
      <c r="E1320" s="5" t="s">
        <v>16303</v>
      </c>
      <c r="F1320" s="6">
        <v>5607</v>
      </c>
    </row>
    <row r="1321" spans="1:6" x14ac:dyDescent="0.25">
      <c r="A1321" s="4" t="s">
        <v>3</v>
      </c>
      <c r="B1321" s="1" t="s">
        <v>3146</v>
      </c>
      <c r="C1321" s="5" t="s">
        <v>6533</v>
      </c>
      <c r="D1321" s="1" t="s">
        <v>10295</v>
      </c>
      <c r="E1321" s="5" t="s">
        <v>16376</v>
      </c>
      <c r="F1321" s="6">
        <v>5781</v>
      </c>
    </row>
    <row r="1322" spans="1:6" x14ac:dyDescent="0.25">
      <c r="A1322" s="4" t="s">
        <v>3</v>
      </c>
      <c r="B1322" s="1" t="s">
        <v>3146</v>
      </c>
      <c r="C1322" s="5" t="s">
        <v>3287</v>
      </c>
      <c r="D1322" s="1" t="s">
        <v>10322</v>
      </c>
      <c r="E1322" s="5" t="s">
        <v>16416</v>
      </c>
      <c r="F1322" s="6">
        <v>5873</v>
      </c>
    </row>
    <row r="1323" spans="1:6" x14ac:dyDescent="0.25">
      <c r="A1323" s="4" t="s">
        <v>3</v>
      </c>
      <c r="B1323" s="1" t="s">
        <v>3146</v>
      </c>
      <c r="C1323" s="5" t="s">
        <v>4096</v>
      </c>
      <c r="D1323" s="1" t="s">
        <v>10421</v>
      </c>
      <c r="E1323" s="5" t="s">
        <v>16565</v>
      </c>
      <c r="F1323" s="6">
        <v>6246</v>
      </c>
    </row>
    <row r="1324" spans="1:6" x14ac:dyDescent="0.25">
      <c r="A1324" s="4" t="s">
        <v>3</v>
      </c>
      <c r="B1324" s="1" t="s">
        <v>3146</v>
      </c>
      <c r="C1324" s="5" t="s">
        <v>3615</v>
      </c>
      <c r="D1324" s="1" t="s">
        <v>8017</v>
      </c>
      <c r="E1324" s="5" t="s">
        <v>16572</v>
      </c>
      <c r="F1324" s="6">
        <v>6265</v>
      </c>
    </row>
    <row r="1325" spans="1:6" x14ac:dyDescent="0.25">
      <c r="A1325" s="4" t="s">
        <v>3</v>
      </c>
      <c r="B1325" s="1" t="s">
        <v>3146</v>
      </c>
      <c r="C1325" s="5" t="s">
        <v>6640</v>
      </c>
      <c r="D1325" s="1" t="s">
        <v>10443</v>
      </c>
      <c r="E1325" s="5" t="s">
        <v>16596</v>
      </c>
      <c r="F1325" s="6">
        <v>6323</v>
      </c>
    </row>
    <row r="1326" spans="1:6" x14ac:dyDescent="0.25">
      <c r="A1326" s="4" t="s">
        <v>3</v>
      </c>
      <c r="B1326" s="1" t="s">
        <v>3146</v>
      </c>
      <c r="C1326" s="5" t="s">
        <v>3337</v>
      </c>
      <c r="D1326" s="1" t="s">
        <v>10447</v>
      </c>
      <c r="E1326" s="5" t="s">
        <v>16600</v>
      </c>
      <c r="F1326" s="6">
        <v>6336</v>
      </c>
    </row>
    <row r="1327" spans="1:6" x14ac:dyDescent="0.25">
      <c r="A1327" s="4" t="s">
        <v>3</v>
      </c>
      <c r="B1327" s="1" t="s">
        <v>3146</v>
      </c>
      <c r="C1327" s="5" t="s">
        <v>4463</v>
      </c>
      <c r="D1327" s="1" t="s">
        <v>8655</v>
      </c>
      <c r="E1327" s="5" t="s">
        <v>16657</v>
      </c>
      <c r="F1327" s="6">
        <v>6494</v>
      </c>
    </row>
    <row r="1328" spans="1:6" x14ac:dyDescent="0.25">
      <c r="A1328" s="4" t="s">
        <v>3</v>
      </c>
      <c r="B1328" s="1" t="s">
        <v>3146</v>
      </c>
      <c r="C1328" s="5" t="s">
        <v>3210</v>
      </c>
      <c r="D1328" s="1" t="s">
        <v>10530</v>
      </c>
      <c r="E1328" s="5" t="s">
        <v>16704</v>
      </c>
      <c r="F1328" s="6">
        <v>6634</v>
      </c>
    </row>
    <row r="1329" spans="1:6" x14ac:dyDescent="0.25">
      <c r="A1329" s="4" t="s">
        <v>3</v>
      </c>
      <c r="B1329" s="1" t="s">
        <v>3146</v>
      </c>
      <c r="C1329" s="5" t="s">
        <v>4478</v>
      </c>
      <c r="D1329" s="1" t="s">
        <v>10533</v>
      </c>
      <c r="E1329" s="5" t="s">
        <v>16709</v>
      </c>
      <c r="F1329" s="6">
        <v>6648</v>
      </c>
    </row>
    <row r="1330" spans="1:6" x14ac:dyDescent="0.25">
      <c r="A1330" s="4" t="s">
        <v>3</v>
      </c>
      <c r="B1330" s="1" t="s">
        <v>3146</v>
      </c>
      <c r="C1330" s="5" t="s">
        <v>6703</v>
      </c>
      <c r="D1330" s="1" t="s">
        <v>10542</v>
      </c>
      <c r="E1330" s="5" t="s">
        <v>16725</v>
      </c>
      <c r="F1330" s="6">
        <v>6705</v>
      </c>
    </row>
    <row r="1331" spans="1:6" x14ac:dyDescent="0.25">
      <c r="A1331" s="4" t="s">
        <v>3</v>
      </c>
      <c r="B1331" s="1" t="s">
        <v>3146</v>
      </c>
      <c r="C1331" s="5" t="s">
        <v>6704</v>
      </c>
      <c r="D1331" s="1" t="s">
        <v>10543</v>
      </c>
      <c r="E1331" s="5" t="s">
        <v>16726</v>
      </c>
      <c r="F1331" s="6">
        <v>6708</v>
      </c>
    </row>
    <row r="1332" spans="1:6" x14ac:dyDescent="0.25">
      <c r="A1332" s="4" t="s">
        <v>3</v>
      </c>
      <c r="B1332" s="1" t="s">
        <v>3146</v>
      </c>
      <c r="C1332" s="5" t="s">
        <v>6705</v>
      </c>
      <c r="D1332" s="1" t="s">
        <v>10544</v>
      </c>
      <c r="E1332" s="5" t="s">
        <v>16727</v>
      </c>
      <c r="F1332" s="6">
        <v>6712</v>
      </c>
    </row>
    <row r="1333" spans="1:6" x14ac:dyDescent="0.25">
      <c r="A1333" s="4" t="s">
        <v>3</v>
      </c>
      <c r="B1333" s="1" t="s">
        <v>3146</v>
      </c>
      <c r="C1333" s="5" t="s">
        <v>6706</v>
      </c>
      <c r="D1333" s="1" t="s">
        <v>10545</v>
      </c>
      <c r="E1333" s="5" t="s">
        <v>16728</v>
      </c>
      <c r="F1333" s="6">
        <v>6718</v>
      </c>
    </row>
    <row r="1334" spans="1:6" x14ac:dyDescent="0.25">
      <c r="A1334" s="4" t="s">
        <v>3</v>
      </c>
      <c r="B1334" s="1" t="s">
        <v>3146</v>
      </c>
      <c r="C1334" s="5" t="s">
        <v>3615</v>
      </c>
      <c r="D1334" s="1" t="s">
        <v>10559</v>
      </c>
      <c r="E1334" s="5" t="s">
        <v>16749</v>
      </c>
      <c r="F1334" s="6">
        <v>6805</v>
      </c>
    </row>
    <row r="1335" spans="1:6" x14ac:dyDescent="0.25">
      <c r="A1335" s="4" t="s">
        <v>3</v>
      </c>
      <c r="B1335" s="1" t="s">
        <v>3146</v>
      </c>
      <c r="C1335" s="5" t="s">
        <v>3615</v>
      </c>
      <c r="D1335" s="1" t="s">
        <v>10608</v>
      </c>
      <c r="E1335" s="5" t="s">
        <v>16815</v>
      </c>
      <c r="F1335" s="6">
        <v>7018</v>
      </c>
    </row>
    <row r="1336" spans="1:6" x14ac:dyDescent="0.25">
      <c r="A1336" s="4" t="s">
        <v>3</v>
      </c>
      <c r="B1336" s="1" t="s">
        <v>3146</v>
      </c>
      <c r="C1336" s="5" t="s">
        <v>6775</v>
      </c>
      <c r="D1336" s="1" t="s">
        <v>10642</v>
      </c>
      <c r="E1336" s="5" t="s">
        <v>16856</v>
      </c>
      <c r="F1336" s="6">
        <v>7103</v>
      </c>
    </row>
    <row r="1337" spans="1:6" x14ac:dyDescent="0.25">
      <c r="A1337" s="4" t="s">
        <v>3</v>
      </c>
      <c r="B1337" s="1" t="s">
        <v>3146</v>
      </c>
      <c r="C1337" s="5" t="s">
        <v>4478</v>
      </c>
      <c r="D1337" s="1" t="s">
        <v>10673</v>
      </c>
      <c r="E1337" s="5" t="s">
        <v>16896</v>
      </c>
      <c r="F1337" s="6">
        <v>7195</v>
      </c>
    </row>
    <row r="1338" spans="1:6" x14ac:dyDescent="0.25">
      <c r="A1338" s="4" t="s">
        <v>3</v>
      </c>
      <c r="B1338" s="1" t="s">
        <v>3146</v>
      </c>
      <c r="C1338" s="5" t="s">
        <v>4470</v>
      </c>
      <c r="D1338" s="1" t="s">
        <v>10702</v>
      </c>
      <c r="E1338" s="5" t="s">
        <v>16932</v>
      </c>
      <c r="F1338" s="6">
        <v>7321</v>
      </c>
    </row>
    <row r="1339" spans="1:6" x14ac:dyDescent="0.25">
      <c r="A1339" s="4" t="s">
        <v>3</v>
      </c>
      <c r="B1339" s="1" t="s">
        <v>3146</v>
      </c>
      <c r="C1339" s="5" t="s">
        <v>6828</v>
      </c>
      <c r="D1339" s="1" t="s">
        <v>10733</v>
      </c>
      <c r="E1339" s="5" t="s">
        <v>16970</v>
      </c>
      <c r="F1339" s="6">
        <v>7441</v>
      </c>
    </row>
    <row r="1340" spans="1:6" x14ac:dyDescent="0.25">
      <c r="A1340" s="4" t="s">
        <v>3</v>
      </c>
      <c r="B1340" s="1" t="s">
        <v>3146</v>
      </c>
      <c r="C1340" s="5" t="s">
        <v>6061</v>
      </c>
      <c r="D1340" s="1" t="s">
        <v>10737</v>
      </c>
      <c r="E1340" s="5" t="s">
        <v>16974</v>
      </c>
      <c r="F1340" s="6">
        <v>7449</v>
      </c>
    </row>
    <row r="1341" spans="1:6" x14ac:dyDescent="0.25">
      <c r="A1341" s="4" t="s">
        <v>3</v>
      </c>
      <c r="B1341" s="1" t="s">
        <v>3146</v>
      </c>
      <c r="C1341" s="5" t="s">
        <v>6365</v>
      </c>
      <c r="D1341" s="1" t="s">
        <v>10763</v>
      </c>
      <c r="E1341" s="5" t="s">
        <v>17013</v>
      </c>
      <c r="F1341" s="6">
        <v>7583</v>
      </c>
    </row>
    <row r="1342" spans="1:6" x14ac:dyDescent="0.25">
      <c r="A1342" s="4" t="s">
        <v>3</v>
      </c>
      <c r="B1342" s="1" t="s">
        <v>3146</v>
      </c>
      <c r="C1342" s="5" t="s">
        <v>6426</v>
      </c>
      <c r="D1342" s="1" t="s">
        <v>10773</v>
      </c>
      <c r="E1342" s="5" t="s">
        <v>17031</v>
      </c>
      <c r="F1342" s="6">
        <v>7637</v>
      </c>
    </row>
    <row r="1343" spans="1:6" x14ac:dyDescent="0.25">
      <c r="A1343" s="4" t="s">
        <v>3</v>
      </c>
      <c r="B1343" s="1" t="s">
        <v>3146</v>
      </c>
      <c r="C1343" s="5" t="s">
        <v>3300</v>
      </c>
      <c r="D1343" s="1" t="s">
        <v>10810</v>
      </c>
      <c r="E1343" s="5" t="s">
        <v>17079</v>
      </c>
      <c r="F1343" s="6">
        <v>7795</v>
      </c>
    </row>
    <row r="1344" spans="1:6" x14ac:dyDescent="0.25">
      <c r="A1344" s="4" t="s">
        <v>3</v>
      </c>
      <c r="B1344" s="1" t="s">
        <v>3146</v>
      </c>
      <c r="C1344" s="5" t="s">
        <v>6448</v>
      </c>
      <c r="D1344" s="1" t="s">
        <v>10832</v>
      </c>
      <c r="E1344" s="5" t="s">
        <v>17104</v>
      </c>
      <c r="F1344" s="6">
        <v>7908</v>
      </c>
    </row>
    <row r="1345" spans="1:6" x14ac:dyDescent="0.25">
      <c r="A1345" s="4" t="s">
        <v>3</v>
      </c>
      <c r="B1345" s="1" t="s">
        <v>3170</v>
      </c>
      <c r="C1345" s="5">
        <v>600017</v>
      </c>
      <c r="D1345" s="1" t="s">
        <v>10845</v>
      </c>
      <c r="E1345" s="5" t="s">
        <v>17122</v>
      </c>
      <c r="F1345" s="6">
        <v>7968</v>
      </c>
    </row>
    <row r="1346" spans="1:6" x14ac:dyDescent="0.25">
      <c r="A1346" s="4" t="s">
        <v>3</v>
      </c>
      <c r="B1346" s="1" t="s">
        <v>3146</v>
      </c>
      <c r="C1346" s="5" t="s">
        <v>3268</v>
      </c>
      <c r="D1346" s="1" t="s">
        <v>10853</v>
      </c>
      <c r="E1346" s="5" t="s">
        <v>17133</v>
      </c>
      <c r="F1346" s="6">
        <v>8015</v>
      </c>
    </row>
    <row r="1347" spans="1:6" x14ac:dyDescent="0.25">
      <c r="A1347" s="4" t="s">
        <v>3</v>
      </c>
      <c r="B1347" s="1" t="s">
        <v>3146</v>
      </c>
      <c r="C1347" s="5">
        <v>600024</v>
      </c>
      <c r="D1347" s="1" t="s">
        <v>10877</v>
      </c>
      <c r="E1347" s="5" t="s">
        <v>17162</v>
      </c>
      <c r="F1347" s="6">
        <v>8079</v>
      </c>
    </row>
    <row r="1348" spans="1:6" x14ac:dyDescent="0.25">
      <c r="A1348" s="4" t="s">
        <v>3</v>
      </c>
      <c r="B1348" s="1" t="s">
        <v>3146</v>
      </c>
      <c r="C1348" s="5" t="s">
        <v>3372</v>
      </c>
      <c r="D1348" s="1" t="s">
        <v>10892</v>
      </c>
      <c r="E1348" s="5" t="s">
        <v>17179</v>
      </c>
      <c r="F1348" s="6">
        <v>8127</v>
      </c>
    </row>
    <row r="1349" spans="1:6" x14ac:dyDescent="0.25">
      <c r="A1349" s="4" t="s">
        <v>3</v>
      </c>
      <c r="B1349" s="1" t="s">
        <v>3146</v>
      </c>
      <c r="C1349" s="5" t="s">
        <v>4048</v>
      </c>
      <c r="D1349" s="1" t="s">
        <v>10904</v>
      </c>
      <c r="E1349" s="5" t="s">
        <v>17192</v>
      </c>
      <c r="F1349" s="6">
        <v>8166</v>
      </c>
    </row>
    <row r="1350" spans="1:6" x14ac:dyDescent="0.25">
      <c r="A1350" s="4" t="s">
        <v>3</v>
      </c>
      <c r="B1350" s="1" t="s">
        <v>3146</v>
      </c>
      <c r="C1350" s="5" t="s">
        <v>6928</v>
      </c>
      <c r="D1350" s="1" t="s">
        <v>10945</v>
      </c>
      <c r="E1350" s="5" t="s">
        <v>17243</v>
      </c>
      <c r="F1350" s="6">
        <v>8298</v>
      </c>
    </row>
    <row r="1351" spans="1:6" x14ac:dyDescent="0.25">
      <c r="A1351" s="4" t="s">
        <v>3</v>
      </c>
      <c r="B1351" s="1" t="s">
        <v>3146</v>
      </c>
      <c r="C1351" s="5" t="s">
        <v>6933</v>
      </c>
      <c r="D1351" s="1" t="s">
        <v>10961</v>
      </c>
      <c r="E1351" s="5" t="s">
        <v>17261</v>
      </c>
      <c r="F1351" s="6">
        <v>8347</v>
      </c>
    </row>
    <row r="1352" spans="1:6" x14ac:dyDescent="0.25">
      <c r="A1352" s="4" t="s">
        <v>3</v>
      </c>
      <c r="B1352" s="1" t="s">
        <v>3146</v>
      </c>
      <c r="C1352" s="5">
        <v>600118</v>
      </c>
      <c r="D1352" s="1" t="s">
        <v>10969</v>
      </c>
      <c r="E1352" s="5" t="s">
        <v>17272</v>
      </c>
      <c r="F1352" s="6">
        <v>8376</v>
      </c>
    </row>
    <row r="1353" spans="1:6" x14ac:dyDescent="0.25">
      <c r="A1353" s="4" t="s">
        <v>3</v>
      </c>
      <c r="B1353" s="1" t="s">
        <v>3170</v>
      </c>
      <c r="C1353" s="5">
        <v>600016</v>
      </c>
      <c r="D1353" s="1" t="s">
        <v>10974</v>
      </c>
      <c r="E1353" s="5" t="s">
        <v>17279</v>
      </c>
      <c r="F1353" s="6">
        <v>8456</v>
      </c>
    </row>
    <row r="1354" spans="1:6" x14ac:dyDescent="0.25">
      <c r="A1354" s="4" t="s">
        <v>3</v>
      </c>
      <c r="B1354" s="1" t="s">
        <v>3146</v>
      </c>
      <c r="C1354" s="5" t="s">
        <v>6941</v>
      </c>
      <c r="D1354" s="1" t="s">
        <v>10975</v>
      </c>
      <c r="E1354" s="5" t="s">
        <v>17280</v>
      </c>
      <c r="F1354" s="6">
        <v>8459</v>
      </c>
    </row>
    <row r="1355" spans="1:6" x14ac:dyDescent="0.25">
      <c r="A1355" s="4" t="s">
        <v>3</v>
      </c>
      <c r="B1355" s="1" t="s">
        <v>3146</v>
      </c>
      <c r="C1355" s="5" t="s">
        <v>6943</v>
      </c>
      <c r="D1355" s="1" t="s">
        <v>10978</v>
      </c>
      <c r="E1355" s="5" t="s">
        <v>17284</v>
      </c>
      <c r="F1355" s="6">
        <v>8480</v>
      </c>
    </row>
    <row r="1356" spans="1:6" x14ac:dyDescent="0.25">
      <c r="A1356" s="4" t="s">
        <v>3</v>
      </c>
      <c r="B1356" s="1" t="s">
        <v>3146</v>
      </c>
      <c r="C1356" s="5" t="s">
        <v>6947</v>
      </c>
      <c r="D1356" s="1" t="s">
        <v>10983</v>
      </c>
      <c r="E1356" s="5" t="s">
        <v>17291</v>
      </c>
      <c r="F1356" s="6">
        <v>8558</v>
      </c>
    </row>
    <row r="1357" spans="1:6" x14ac:dyDescent="0.25">
      <c r="A1357" s="4" t="s">
        <v>3</v>
      </c>
      <c r="B1357" s="1" t="s">
        <v>3146</v>
      </c>
      <c r="C1357" s="5" t="s">
        <v>3614</v>
      </c>
      <c r="D1357" s="1" t="s">
        <v>11016</v>
      </c>
      <c r="E1357" s="5" t="s">
        <v>17336</v>
      </c>
      <c r="F1357" s="6">
        <v>8808</v>
      </c>
    </row>
    <row r="1358" spans="1:6" x14ac:dyDescent="0.25">
      <c r="A1358" s="4" t="s">
        <v>3</v>
      </c>
      <c r="B1358" s="1" t="s">
        <v>3146</v>
      </c>
      <c r="C1358" s="5" t="s">
        <v>3417</v>
      </c>
      <c r="D1358" s="1" t="s">
        <v>11021</v>
      </c>
      <c r="E1358" s="5" t="s">
        <v>17341</v>
      </c>
      <c r="F1358" s="6">
        <v>8818</v>
      </c>
    </row>
    <row r="1359" spans="1:6" x14ac:dyDescent="0.25">
      <c r="A1359" s="4" t="s">
        <v>3</v>
      </c>
      <c r="B1359" s="1" t="s">
        <v>3146</v>
      </c>
      <c r="C1359" s="5" t="s">
        <v>5795</v>
      </c>
      <c r="D1359" s="1" t="s">
        <v>11043</v>
      </c>
      <c r="E1359" s="5" t="s">
        <v>17370</v>
      </c>
      <c r="F1359" s="6">
        <v>8909</v>
      </c>
    </row>
    <row r="1360" spans="1:6" x14ac:dyDescent="0.25">
      <c r="A1360" s="4" t="s">
        <v>3</v>
      </c>
      <c r="B1360" s="1" t="s">
        <v>3146</v>
      </c>
      <c r="C1360" s="5" t="s">
        <v>3765</v>
      </c>
      <c r="D1360" s="1" t="s">
        <v>11085</v>
      </c>
      <c r="E1360" s="5" t="s">
        <v>17427</v>
      </c>
      <c r="F1360" s="6">
        <v>9035</v>
      </c>
    </row>
    <row r="1361" spans="1:6" x14ac:dyDescent="0.25">
      <c r="A1361" s="4" t="s">
        <v>3</v>
      </c>
      <c r="B1361" s="1" t="s">
        <v>3146</v>
      </c>
      <c r="C1361" s="5" t="s">
        <v>4629</v>
      </c>
      <c r="D1361" s="1" t="s">
        <v>11090</v>
      </c>
      <c r="E1361" s="5" t="s">
        <v>17435</v>
      </c>
      <c r="F1361" s="6">
        <v>9045</v>
      </c>
    </row>
    <row r="1362" spans="1:6" x14ac:dyDescent="0.25">
      <c r="A1362" s="4" t="s">
        <v>3</v>
      </c>
      <c r="B1362" s="1" t="s">
        <v>3146</v>
      </c>
      <c r="C1362" s="5" t="s">
        <v>7024</v>
      </c>
      <c r="D1362" s="1" t="s">
        <v>11102</v>
      </c>
      <c r="E1362" s="5" t="s">
        <v>17453</v>
      </c>
      <c r="F1362" s="6">
        <v>9064</v>
      </c>
    </row>
    <row r="1363" spans="1:6" x14ac:dyDescent="0.25">
      <c r="A1363" s="4" t="s">
        <v>3</v>
      </c>
      <c r="B1363" s="1" t="s">
        <v>3146</v>
      </c>
      <c r="C1363" s="5" t="s">
        <v>3656</v>
      </c>
      <c r="D1363" s="1" t="s">
        <v>11107</v>
      </c>
      <c r="E1363" s="5" t="s">
        <v>17458</v>
      </c>
      <c r="F1363" s="6">
        <v>9069</v>
      </c>
    </row>
    <row r="1364" spans="1:6" x14ac:dyDescent="0.25">
      <c r="A1364" s="4" t="s">
        <v>3</v>
      </c>
      <c r="B1364" s="1" t="s">
        <v>3146</v>
      </c>
      <c r="C1364" s="5" t="s">
        <v>6533</v>
      </c>
      <c r="D1364" s="1" t="s">
        <v>11112</v>
      </c>
      <c r="E1364" s="5" t="s">
        <v>17466</v>
      </c>
      <c r="F1364" s="6">
        <v>9077</v>
      </c>
    </row>
    <row r="1365" spans="1:6" x14ac:dyDescent="0.25">
      <c r="A1365" s="4" t="s">
        <v>3</v>
      </c>
      <c r="B1365" s="1" t="s">
        <v>3146</v>
      </c>
      <c r="C1365" s="5" t="s">
        <v>3471</v>
      </c>
      <c r="D1365" s="1" t="s">
        <v>11131</v>
      </c>
      <c r="E1365" s="5" t="s">
        <v>17489</v>
      </c>
      <c r="F1365" s="6">
        <v>9101</v>
      </c>
    </row>
    <row r="1366" spans="1:6" x14ac:dyDescent="0.25">
      <c r="A1366" s="4" t="s">
        <v>3</v>
      </c>
      <c r="B1366" s="1" t="s">
        <v>3146</v>
      </c>
      <c r="C1366" s="5" t="s">
        <v>6414</v>
      </c>
      <c r="D1366" s="1" t="s">
        <v>11156</v>
      </c>
      <c r="E1366" s="5" t="s">
        <v>17517</v>
      </c>
      <c r="F1366" s="6">
        <v>9129</v>
      </c>
    </row>
    <row r="1367" spans="1:6" x14ac:dyDescent="0.25">
      <c r="A1367" s="4" t="s">
        <v>3</v>
      </c>
      <c r="B1367" s="1" t="s">
        <v>3146</v>
      </c>
      <c r="C1367" s="5" t="s">
        <v>4466</v>
      </c>
      <c r="D1367" s="1" t="s">
        <v>8036</v>
      </c>
      <c r="E1367" s="5" t="s">
        <v>17521</v>
      </c>
      <c r="F1367" s="6">
        <v>9135</v>
      </c>
    </row>
    <row r="1368" spans="1:6" x14ac:dyDescent="0.25">
      <c r="A1368" s="4" t="s">
        <v>3</v>
      </c>
      <c r="B1368" s="1" t="s">
        <v>3146</v>
      </c>
      <c r="C1368" s="5" t="s">
        <v>7112</v>
      </c>
      <c r="D1368" s="1" t="s">
        <v>11211</v>
      </c>
      <c r="E1368" s="5" t="s">
        <v>17601</v>
      </c>
      <c r="F1368" s="6">
        <v>9217</v>
      </c>
    </row>
    <row r="1369" spans="1:6" x14ac:dyDescent="0.25">
      <c r="A1369" s="4" t="s">
        <v>3</v>
      </c>
      <c r="B1369" s="1" t="s">
        <v>3146</v>
      </c>
      <c r="C1369" s="5" t="s">
        <v>4463</v>
      </c>
      <c r="D1369" s="1" t="s">
        <v>11257</v>
      </c>
      <c r="E1369" s="5" t="s">
        <v>17662</v>
      </c>
      <c r="F1369" s="6">
        <v>9280</v>
      </c>
    </row>
    <row r="1370" spans="1:6" x14ac:dyDescent="0.25">
      <c r="A1370" s="4" t="s">
        <v>3</v>
      </c>
      <c r="B1370" s="1" t="s">
        <v>3146</v>
      </c>
      <c r="C1370" s="5" t="s">
        <v>3300</v>
      </c>
      <c r="D1370" s="1" t="s">
        <v>11322</v>
      </c>
      <c r="E1370" s="5" t="s">
        <v>17744</v>
      </c>
      <c r="F1370" s="6">
        <v>9366</v>
      </c>
    </row>
    <row r="1371" spans="1:6" x14ac:dyDescent="0.25">
      <c r="A1371" s="4" t="s">
        <v>3</v>
      </c>
      <c r="B1371" s="1" t="s">
        <v>3146</v>
      </c>
      <c r="C1371" s="5" t="s">
        <v>4460</v>
      </c>
      <c r="D1371" s="1" t="s">
        <v>11330</v>
      </c>
      <c r="E1371" s="5" t="s">
        <v>17752</v>
      </c>
      <c r="F1371" s="6">
        <v>9374</v>
      </c>
    </row>
    <row r="1372" spans="1:6" x14ac:dyDescent="0.25">
      <c r="A1372" s="4" t="s">
        <v>3</v>
      </c>
      <c r="B1372" s="1" t="s">
        <v>3146</v>
      </c>
      <c r="C1372" s="5" t="s">
        <v>3529</v>
      </c>
      <c r="D1372" s="1" t="s">
        <v>11388</v>
      </c>
      <c r="E1372" s="5" t="s">
        <v>17814</v>
      </c>
      <c r="F1372" s="6">
        <v>9440</v>
      </c>
    </row>
    <row r="1373" spans="1:6" x14ac:dyDescent="0.25">
      <c r="A1373" s="4" t="s">
        <v>3</v>
      </c>
      <c r="B1373" s="1" t="s">
        <v>3146</v>
      </c>
      <c r="C1373" s="5" t="s">
        <v>6933</v>
      </c>
      <c r="D1373" s="1" t="s">
        <v>11418</v>
      </c>
      <c r="E1373" s="5" t="s">
        <v>17848</v>
      </c>
      <c r="F1373" s="6">
        <v>9475</v>
      </c>
    </row>
    <row r="1374" spans="1:6" x14ac:dyDescent="0.25">
      <c r="A1374" s="4" t="s">
        <v>3</v>
      </c>
      <c r="B1374" s="1" t="s">
        <v>3146</v>
      </c>
      <c r="C1374" s="5" t="s">
        <v>6934</v>
      </c>
      <c r="D1374" s="1" t="s">
        <v>11489</v>
      </c>
      <c r="E1374" s="5" t="s">
        <v>17946</v>
      </c>
      <c r="F1374" s="6">
        <v>9577</v>
      </c>
    </row>
    <row r="1375" spans="1:6" x14ac:dyDescent="0.25">
      <c r="A1375" s="4" t="s">
        <v>3</v>
      </c>
      <c r="B1375" s="1" t="s">
        <v>3146</v>
      </c>
      <c r="C1375" s="5" t="s">
        <v>3718</v>
      </c>
      <c r="D1375" s="1" t="s">
        <v>11499</v>
      </c>
      <c r="E1375" s="5" t="s">
        <v>17962</v>
      </c>
      <c r="F1375" s="6">
        <v>9594</v>
      </c>
    </row>
    <row r="1376" spans="1:6" x14ac:dyDescent="0.25">
      <c r="A1376" s="4" t="s">
        <v>3</v>
      </c>
      <c r="B1376" s="1" t="s">
        <v>3146</v>
      </c>
      <c r="C1376" s="5" t="s">
        <v>3576</v>
      </c>
      <c r="D1376" s="1" t="s">
        <v>11535</v>
      </c>
      <c r="E1376" s="5" t="s">
        <v>18005</v>
      </c>
      <c r="F1376" s="6">
        <v>9637</v>
      </c>
    </row>
    <row r="1377" spans="1:6" x14ac:dyDescent="0.25">
      <c r="A1377" s="4" t="s">
        <v>3</v>
      </c>
      <c r="B1377" s="1" t="s">
        <v>3146</v>
      </c>
      <c r="C1377" s="5" t="s">
        <v>3311</v>
      </c>
      <c r="D1377" s="1" t="s">
        <v>11536</v>
      </c>
      <c r="E1377" s="5" t="s">
        <v>18006</v>
      </c>
      <c r="F1377" s="6">
        <v>9638</v>
      </c>
    </row>
    <row r="1378" spans="1:6" x14ac:dyDescent="0.25">
      <c r="A1378" s="4" t="s">
        <v>3</v>
      </c>
      <c r="B1378" s="1" t="s">
        <v>3146</v>
      </c>
      <c r="C1378" s="5" t="s">
        <v>7299</v>
      </c>
      <c r="D1378" s="1" t="s">
        <v>11542</v>
      </c>
      <c r="E1378" s="5" t="s">
        <v>18012</v>
      </c>
      <c r="F1378" s="6">
        <v>9644</v>
      </c>
    </row>
    <row r="1379" spans="1:6" x14ac:dyDescent="0.25">
      <c r="A1379" s="4" t="s">
        <v>2528</v>
      </c>
      <c r="B1379" s="1" t="s">
        <v>3146</v>
      </c>
      <c r="C1379" s="5" t="s">
        <v>6427</v>
      </c>
      <c r="D1379" s="1" t="s">
        <v>2528</v>
      </c>
      <c r="E1379" s="5" t="s">
        <v>16192</v>
      </c>
      <c r="F1379" s="6">
        <v>5325</v>
      </c>
    </row>
    <row r="1380" spans="1:6" x14ac:dyDescent="0.25">
      <c r="A1380" s="4" t="s">
        <v>2699</v>
      </c>
      <c r="B1380" s="1" t="s">
        <v>3151</v>
      </c>
      <c r="C1380" s="5" t="s">
        <v>6627</v>
      </c>
      <c r="D1380" s="1" t="s">
        <v>2699</v>
      </c>
      <c r="E1380" s="5" t="s">
        <v>16564</v>
      </c>
      <c r="F1380" s="6">
        <v>6243</v>
      </c>
    </row>
    <row r="1381" spans="1:6" x14ac:dyDescent="0.25">
      <c r="A1381" s="4" t="s">
        <v>553</v>
      </c>
      <c r="B1381" s="1" t="s">
        <v>3150</v>
      </c>
      <c r="C1381" s="5" t="s">
        <v>4199</v>
      </c>
      <c r="D1381" s="1" t="s">
        <v>8444</v>
      </c>
      <c r="E1381" s="5" t="s">
        <v>12887</v>
      </c>
      <c r="F1381" s="6">
        <v>1488</v>
      </c>
    </row>
    <row r="1382" spans="1:6" x14ac:dyDescent="0.25">
      <c r="A1382" s="4" t="s">
        <v>569</v>
      </c>
      <c r="B1382" s="1" t="s">
        <v>3150</v>
      </c>
      <c r="C1382" s="5" t="s">
        <v>4217</v>
      </c>
      <c r="D1382" s="1" t="s">
        <v>569</v>
      </c>
      <c r="E1382" s="5" t="s">
        <v>12907</v>
      </c>
      <c r="F1382" s="6">
        <v>1509</v>
      </c>
    </row>
    <row r="1383" spans="1:6" x14ac:dyDescent="0.25">
      <c r="A1383" s="4" t="s">
        <v>554</v>
      </c>
      <c r="B1383" s="1" t="s">
        <v>3150</v>
      </c>
      <c r="C1383" s="5" t="s">
        <v>4200</v>
      </c>
      <c r="D1383" s="1" t="s">
        <v>554</v>
      </c>
      <c r="E1383" s="5" t="s">
        <v>12888</v>
      </c>
      <c r="F1383" s="6">
        <v>1489</v>
      </c>
    </row>
    <row r="1384" spans="1:6" x14ac:dyDescent="0.25">
      <c r="A1384" s="4" t="s">
        <v>575</v>
      </c>
      <c r="B1384" s="1" t="s">
        <v>3150</v>
      </c>
      <c r="C1384" s="5" t="s">
        <v>4225</v>
      </c>
      <c r="D1384" s="1" t="s">
        <v>575</v>
      </c>
      <c r="E1384" s="5" t="s">
        <v>12916</v>
      </c>
      <c r="F1384" s="6">
        <v>1520</v>
      </c>
    </row>
    <row r="1385" spans="1:6" x14ac:dyDescent="0.25">
      <c r="A1385" s="4" t="s">
        <v>2945</v>
      </c>
      <c r="B1385" s="1" t="s">
        <v>3150</v>
      </c>
      <c r="C1385" s="5" t="s">
        <v>6963</v>
      </c>
      <c r="D1385" s="1" t="s">
        <v>2945</v>
      </c>
      <c r="E1385" s="5" t="s">
        <v>17330</v>
      </c>
      <c r="F1385" s="6">
        <v>8747</v>
      </c>
    </row>
    <row r="1386" spans="1:6" x14ac:dyDescent="0.25">
      <c r="A1386" s="4" t="s">
        <v>555</v>
      </c>
      <c r="B1386" s="1" t="s">
        <v>3150</v>
      </c>
      <c r="C1386" s="5" t="s">
        <v>4201</v>
      </c>
      <c r="D1386" s="1" t="s">
        <v>555</v>
      </c>
      <c r="E1386" s="5" t="s">
        <v>12889</v>
      </c>
      <c r="F1386" s="6">
        <v>1490</v>
      </c>
    </row>
    <row r="1387" spans="1:6" x14ac:dyDescent="0.25">
      <c r="A1387" s="4" t="s">
        <v>1493</v>
      </c>
      <c r="B1387" s="1" t="s">
        <v>3154</v>
      </c>
      <c r="C1387" s="5" t="s">
        <v>5308</v>
      </c>
      <c r="D1387" s="1" t="s">
        <v>1493</v>
      </c>
      <c r="E1387" s="5" t="s">
        <v>14266</v>
      </c>
      <c r="F1387" s="6">
        <v>2927</v>
      </c>
    </row>
    <row r="1388" spans="1:6" x14ac:dyDescent="0.25">
      <c r="A1388" s="4" t="s">
        <v>1686</v>
      </c>
      <c r="B1388" s="1" t="s">
        <v>3152</v>
      </c>
      <c r="C1388" s="5" t="s">
        <v>3326</v>
      </c>
      <c r="D1388" s="1" t="s">
        <v>1686</v>
      </c>
      <c r="E1388" s="5" t="s">
        <v>14478</v>
      </c>
      <c r="F1388" s="6">
        <v>3163</v>
      </c>
    </row>
    <row r="1389" spans="1:6" x14ac:dyDescent="0.25">
      <c r="A1389" s="4" t="s">
        <v>2745</v>
      </c>
      <c r="B1389" s="1" t="s">
        <v>3153</v>
      </c>
      <c r="C1389" s="5" t="s">
        <v>6692</v>
      </c>
      <c r="D1389" s="1" t="s">
        <v>10532</v>
      </c>
      <c r="E1389" s="5" t="s">
        <v>16708</v>
      </c>
      <c r="F1389" s="6">
        <v>6647</v>
      </c>
    </row>
    <row r="1390" spans="1:6" x14ac:dyDescent="0.25">
      <c r="A1390" s="4" t="s">
        <v>1006</v>
      </c>
      <c r="B1390" s="1" t="s">
        <v>3147</v>
      </c>
      <c r="C1390" s="5">
        <v>382729</v>
      </c>
      <c r="D1390" s="1" t="s">
        <v>1006</v>
      </c>
      <c r="E1390" s="5" t="s">
        <v>13573</v>
      </c>
      <c r="F1390" s="6">
        <v>2213</v>
      </c>
    </row>
    <row r="1391" spans="1:6" x14ac:dyDescent="0.25">
      <c r="A1391" s="4" t="s">
        <v>2963</v>
      </c>
      <c r="B1391" s="1" t="s">
        <v>3160</v>
      </c>
      <c r="C1391" s="5" t="s">
        <v>6988</v>
      </c>
      <c r="D1391" s="1" t="s">
        <v>2963</v>
      </c>
      <c r="E1391" s="5" t="s">
        <v>17394</v>
      </c>
      <c r="F1391" s="6">
        <v>9001</v>
      </c>
    </row>
    <row r="1392" spans="1:6" x14ac:dyDescent="0.25">
      <c r="A1392" s="4" t="s">
        <v>821</v>
      </c>
      <c r="B1392" s="1" t="s">
        <v>3160</v>
      </c>
      <c r="C1392" s="5" t="s">
        <v>4551</v>
      </c>
      <c r="D1392" s="1" t="s">
        <v>821</v>
      </c>
      <c r="E1392" s="5" t="s">
        <v>13336</v>
      </c>
      <c r="F1392" s="6">
        <v>1969</v>
      </c>
    </row>
    <row r="1393" spans="1:6" x14ac:dyDescent="0.25">
      <c r="A1393" s="4" t="s">
        <v>1398</v>
      </c>
      <c r="B1393" s="1" t="s">
        <v>3158</v>
      </c>
      <c r="C1393" s="5" t="s">
        <v>5203</v>
      </c>
      <c r="D1393" s="1" t="s">
        <v>1398</v>
      </c>
      <c r="E1393" s="5" t="s">
        <v>14130</v>
      </c>
      <c r="F1393" s="6">
        <v>2787</v>
      </c>
    </row>
    <row r="1394" spans="1:6" x14ac:dyDescent="0.25">
      <c r="A1394" s="4" t="s">
        <v>375</v>
      </c>
      <c r="B1394" s="1" t="s">
        <v>3153</v>
      </c>
      <c r="C1394" s="5" t="s">
        <v>3889</v>
      </c>
      <c r="D1394" s="1" t="s">
        <v>375</v>
      </c>
      <c r="E1394" s="5" t="s">
        <v>12397</v>
      </c>
      <c r="F1394" s="6">
        <v>910</v>
      </c>
    </row>
    <row r="1395" spans="1:6" x14ac:dyDescent="0.25">
      <c r="A1395" s="4" t="s">
        <v>2716</v>
      </c>
      <c r="B1395" s="1" t="s">
        <v>3153</v>
      </c>
      <c r="C1395" s="5" t="s">
        <v>3889</v>
      </c>
      <c r="D1395" s="1" t="s">
        <v>10463</v>
      </c>
      <c r="E1395" s="5" t="s">
        <v>16621</v>
      </c>
      <c r="F1395" s="6">
        <v>6397</v>
      </c>
    </row>
    <row r="1396" spans="1:6" x14ac:dyDescent="0.25">
      <c r="A1396" s="4" t="s">
        <v>375</v>
      </c>
      <c r="B1396" s="1" t="s">
        <v>3153</v>
      </c>
      <c r="C1396" s="5">
        <v>480001</v>
      </c>
      <c r="D1396" s="1" t="s">
        <v>10823</v>
      </c>
      <c r="E1396" s="5" t="s">
        <v>17095</v>
      </c>
      <c r="F1396" s="6">
        <v>7848</v>
      </c>
    </row>
    <row r="1397" spans="1:6" x14ac:dyDescent="0.25">
      <c r="A1397" s="4" t="s">
        <v>2449</v>
      </c>
      <c r="B1397" s="1" t="s">
        <v>3147</v>
      </c>
      <c r="C1397" s="5" t="s">
        <v>6326</v>
      </c>
      <c r="D1397" s="1" t="s">
        <v>2449</v>
      </c>
      <c r="E1397" s="5" t="s">
        <v>15944</v>
      </c>
      <c r="F1397" s="6">
        <v>4862</v>
      </c>
    </row>
    <row r="1398" spans="1:6" x14ac:dyDescent="0.25">
      <c r="A1398" s="4" t="s">
        <v>2774</v>
      </c>
      <c r="B1398" s="1" t="s">
        <v>3156</v>
      </c>
      <c r="C1398" s="5">
        <v>312604</v>
      </c>
      <c r="D1398" s="1" t="s">
        <v>10585</v>
      </c>
      <c r="E1398" s="5" t="s">
        <v>16783</v>
      </c>
      <c r="F1398" s="6">
        <v>6934</v>
      </c>
    </row>
    <row r="1399" spans="1:6" x14ac:dyDescent="0.25">
      <c r="A1399" s="4" t="s">
        <v>1003</v>
      </c>
      <c r="B1399" s="1" t="s">
        <v>3158</v>
      </c>
      <c r="C1399" s="5" t="s">
        <v>4749</v>
      </c>
      <c r="D1399" s="1" t="s">
        <v>1003</v>
      </c>
      <c r="E1399" s="5" t="s">
        <v>13570</v>
      </c>
      <c r="F1399" s="6">
        <v>2210</v>
      </c>
    </row>
    <row r="1400" spans="1:6" x14ac:dyDescent="0.25">
      <c r="A1400" s="4" t="s">
        <v>438</v>
      </c>
      <c r="B1400" s="1" t="s">
        <v>3146</v>
      </c>
      <c r="C1400" s="5" t="s">
        <v>3984</v>
      </c>
      <c r="D1400" s="1" t="s">
        <v>8139</v>
      </c>
      <c r="E1400" s="5" t="s">
        <v>12526</v>
      </c>
      <c r="F1400" s="6">
        <v>1051</v>
      </c>
    </row>
    <row r="1401" spans="1:6" x14ac:dyDescent="0.25">
      <c r="A1401" s="4" t="s">
        <v>1271</v>
      </c>
      <c r="B1401" s="1" t="s">
        <v>3149</v>
      </c>
      <c r="C1401" s="5" t="s">
        <v>5052</v>
      </c>
      <c r="D1401" s="1" t="s">
        <v>8952</v>
      </c>
      <c r="E1401" s="5" t="s">
        <v>13931</v>
      </c>
      <c r="F1401" s="6">
        <v>2583</v>
      </c>
    </row>
    <row r="1402" spans="1:6" x14ac:dyDescent="0.25">
      <c r="A1402" s="4" t="s">
        <v>2123</v>
      </c>
      <c r="B1402" s="1" t="s">
        <v>3161</v>
      </c>
      <c r="C1402" s="5" t="s">
        <v>3894</v>
      </c>
      <c r="D1402" s="1" t="s">
        <v>2123</v>
      </c>
      <c r="E1402" s="5" t="s">
        <v>15070</v>
      </c>
      <c r="F1402" s="6">
        <v>3798</v>
      </c>
    </row>
    <row r="1403" spans="1:6" x14ac:dyDescent="0.25">
      <c r="A1403" s="4" t="s">
        <v>1013</v>
      </c>
      <c r="B1403" s="1" t="s">
        <v>3147</v>
      </c>
      <c r="C1403" s="5" t="s">
        <v>4757</v>
      </c>
      <c r="D1403" s="1" t="s">
        <v>8806</v>
      </c>
      <c r="E1403" s="5" t="s">
        <v>13580</v>
      </c>
      <c r="F1403" s="6">
        <v>2221</v>
      </c>
    </row>
    <row r="1404" spans="1:6" x14ac:dyDescent="0.25">
      <c r="A1404" s="4" t="s">
        <v>1066</v>
      </c>
      <c r="B1404" s="1" t="s">
        <v>3144</v>
      </c>
      <c r="C1404" s="5" t="s">
        <v>4807</v>
      </c>
      <c r="D1404" s="1" t="s">
        <v>8817</v>
      </c>
      <c r="E1404" s="5" t="s">
        <v>13634</v>
      </c>
      <c r="F1404" s="6">
        <v>2277</v>
      </c>
    </row>
    <row r="1405" spans="1:6" x14ac:dyDescent="0.25">
      <c r="A1405" s="4" t="s">
        <v>2590</v>
      </c>
      <c r="B1405" s="1" t="s">
        <v>3160</v>
      </c>
      <c r="C1405" s="5" t="s">
        <v>6502</v>
      </c>
      <c r="D1405" s="1" t="s">
        <v>2590</v>
      </c>
      <c r="E1405" s="5" t="s">
        <v>16320</v>
      </c>
      <c r="F1405" s="6">
        <v>5639</v>
      </c>
    </row>
    <row r="1406" spans="1:6" x14ac:dyDescent="0.25">
      <c r="A1406" s="4" t="s">
        <v>2466</v>
      </c>
      <c r="B1406" s="1" t="s">
        <v>3181</v>
      </c>
      <c r="C1406" s="5">
        <v>562105</v>
      </c>
      <c r="D1406" s="1" t="s">
        <v>10010</v>
      </c>
      <c r="E1406" s="5" t="s">
        <v>15985</v>
      </c>
      <c r="F1406" s="6">
        <v>4908</v>
      </c>
    </row>
    <row r="1407" spans="1:6" x14ac:dyDescent="0.25">
      <c r="A1407" s="4" t="s">
        <v>1263</v>
      </c>
      <c r="B1407" s="1" t="s">
        <v>3149</v>
      </c>
      <c r="C1407" s="5" t="s">
        <v>5039</v>
      </c>
      <c r="D1407" s="1" t="s">
        <v>1263</v>
      </c>
      <c r="E1407" s="5" t="s">
        <v>13909</v>
      </c>
      <c r="F1407" s="6">
        <v>2560</v>
      </c>
    </row>
    <row r="1408" spans="1:6" x14ac:dyDescent="0.25">
      <c r="A1408" s="4" t="s">
        <v>1131</v>
      </c>
      <c r="B1408" s="1" t="s">
        <v>3149</v>
      </c>
      <c r="C1408" s="5" t="s">
        <v>4873</v>
      </c>
      <c r="D1408" s="1" t="s">
        <v>1131</v>
      </c>
      <c r="E1408" s="5" t="s">
        <v>13704</v>
      </c>
      <c r="F1408" s="6">
        <v>2351</v>
      </c>
    </row>
    <row r="1409" spans="1:6" x14ac:dyDescent="0.25">
      <c r="A1409" s="4" t="s">
        <v>1190</v>
      </c>
      <c r="B1409" s="1" t="s">
        <v>3155</v>
      </c>
      <c r="C1409" s="5" t="s">
        <v>4942</v>
      </c>
      <c r="D1409" s="1" t="s">
        <v>1190</v>
      </c>
      <c r="E1409" s="5" t="s">
        <v>13787</v>
      </c>
      <c r="F1409" s="6">
        <v>2437</v>
      </c>
    </row>
    <row r="1410" spans="1:6" x14ac:dyDescent="0.25">
      <c r="A1410" s="4" t="s">
        <v>2027</v>
      </c>
      <c r="B1410" s="1" t="s">
        <v>3151</v>
      </c>
      <c r="C1410" s="5" t="s">
        <v>5685</v>
      </c>
      <c r="D1410" s="1" t="s">
        <v>2027</v>
      </c>
      <c r="E1410" s="5" t="s">
        <v>14867</v>
      </c>
      <c r="F1410" s="6">
        <v>3583</v>
      </c>
    </row>
    <row r="1411" spans="1:6" x14ac:dyDescent="0.25">
      <c r="A1411" s="4" t="s">
        <v>2031</v>
      </c>
      <c r="B1411" s="1" t="s">
        <v>3144</v>
      </c>
      <c r="C1411" s="5" t="s">
        <v>5721</v>
      </c>
      <c r="D1411" s="1" t="s">
        <v>2031</v>
      </c>
      <c r="E1411" s="5" t="s">
        <v>14871</v>
      </c>
      <c r="F1411" s="6">
        <v>3587</v>
      </c>
    </row>
    <row r="1412" spans="1:6" x14ac:dyDescent="0.25">
      <c r="A1412" s="4" t="s">
        <v>337</v>
      </c>
      <c r="B1412" s="1" t="s">
        <v>1147</v>
      </c>
      <c r="C1412" s="5" t="s">
        <v>3824</v>
      </c>
      <c r="D1412" s="1" t="s">
        <v>7999</v>
      </c>
      <c r="E1412" s="5" t="s">
        <v>12321</v>
      </c>
      <c r="F1412" s="6">
        <v>817</v>
      </c>
    </row>
    <row r="1413" spans="1:6" x14ac:dyDescent="0.25">
      <c r="A1413" s="4" t="s">
        <v>432</v>
      </c>
      <c r="B1413" s="1" t="s">
        <v>3155</v>
      </c>
      <c r="C1413" s="5" t="s">
        <v>3969</v>
      </c>
      <c r="D1413" s="1" t="s">
        <v>8124</v>
      </c>
      <c r="E1413" s="5" t="s">
        <v>12508</v>
      </c>
      <c r="F1413" s="6">
        <v>1033</v>
      </c>
    </row>
    <row r="1414" spans="1:6" x14ac:dyDescent="0.25">
      <c r="A1414" s="4" t="s">
        <v>3002</v>
      </c>
      <c r="B1414" s="1" t="s">
        <v>3155</v>
      </c>
      <c r="C1414" s="5" t="s">
        <v>7064</v>
      </c>
      <c r="D1414" s="1" t="s">
        <v>3002</v>
      </c>
      <c r="E1414" s="5" t="s">
        <v>17532</v>
      </c>
      <c r="F1414" s="6">
        <v>9146</v>
      </c>
    </row>
    <row r="1415" spans="1:6" x14ac:dyDescent="0.25">
      <c r="A1415" s="4" t="s">
        <v>2406</v>
      </c>
      <c r="B1415" s="1" t="s">
        <v>3149</v>
      </c>
      <c r="C1415" s="5" t="s">
        <v>6238</v>
      </c>
      <c r="D1415" s="1" t="s">
        <v>9862</v>
      </c>
      <c r="E1415" s="5" t="s">
        <v>15792</v>
      </c>
      <c r="F1415" s="6">
        <v>4699</v>
      </c>
    </row>
    <row r="1416" spans="1:6" x14ac:dyDescent="0.25">
      <c r="A1416" s="4" t="s">
        <v>2090</v>
      </c>
      <c r="B1416" s="1" t="s">
        <v>3144</v>
      </c>
      <c r="C1416" s="5" t="s">
        <v>4668</v>
      </c>
      <c r="D1416" s="1" t="s">
        <v>2090</v>
      </c>
      <c r="E1416" s="5" t="s">
        <v>15001</v>
      </c>
      <c r="F1416" s="6">
        <v>3726</v>
      </c>
    </row>
    <row r="1417" spans="1:6" x14ac:dyDescent="0.25">
      <c r="A1417" s="4" t="s">
        <v>971</v>
      </c>
      <c r="B1417" s="1" t="s">
        <v>3144</v>
      </c>
      <c r="C1417" s="5">
        <v>415605</v>
      </c>
      <c r="D1417" s="1" t="s">
        <v>971</v>
      </c>
      <c r="E1417" s="5" t="s">
        <v>13538</v>
      </c>
      <c r="F1417" s="6">
        <v>2177</v>
      </c>
    </row>
    <row r="1418" spans="1:6" x14ac:dyDescent="0.25">
      <c r="A1418" s="4" t="s">
        <v>1165</v>
      </c>
      <c r="B1418" s="1" t="s">
        <v>3155</v>
      </c>
      <c r="C1418" s="5" t="s">
        <v>4906</v>
      </c>
      <c r="D1418" s="1" t="s">
        <v>1165</v>
      </c>
      <c r="E1418" s="5" t="s">
        <v>13744</v>
      </c>
      <c r="F1418" s="6">
        <v>2392</v>
      </c>
    </row>
    <row r="1419" spans="1:6" x14ac:dyDescent="0.25">
      <c r="A1419" s="4" t="s">
        <v>1165</v>
      </c>
      <c r="B1419" s="1" t="s">
        <v>3155</v>
      </c>
      <c r="C1419" s="5" t="s">
        <v>6352</v>
      </c>
      <c r="D1419" s="1" t="s">
        <v>10035</v>
      </c>
      <c r="E1419" s="5" t="s">
        <v>16019</v>
      </c>
      <c r="F1419" s="6">
        <v>4990</v>
      </c>
    </row>
    <row r="1420" spans="1:6" x14ac:dyDescent="0.25">
      <c r="A1420" s="4" t="s">
        <v>2268</v>
      </c>
      <c r="B1420" s="1" t="s">
        <v>3156</v>
      </c>
      <c r="C1420" s="5" t="s">
        <v>6006</v>
      </c>
      <c r="D1420" s="1" t="s">
        <v>2268</v>
      </c>
      <c r="E1420" s="5" t="s">
        <v>15400</v>
      </c>
      <c r="F1420" s="6">
        <v>4137</v>
      </c>
    </row>
    <row r="1421" spans="1:6" x14ac:dyDescent="0.25">
      <c r="A1421" s="4" t="s">
        <v>2372</v>
      </c>
      <c r="B1421" s="1" t="s">
        <v>3158</v>
      </c>
      <c r="C1421" s="5" t="s">
        <v>6173</v>
      </c>
      <c r="D1421" s="1" t="s">
        <v>2372</v>
      </c>
      <c r="E1421" s="5" t="s">
        <v>15682</v>
      </c>
      <c r="F1421" s="6">
        <v>4430</v>
      </c>
    </row>
    <row r="1422" spans="1:6" x14ac:dyDescent="0.25">
      <c r="A1422" s="4" t="s">
        <v>2372</v>
      </c>
      <c r="B1422" s="1" t="s">
        <v>3165</v>
      </c>
      <c r="C1422" s="5" t="s">
        <v>6908</v>
      </c>
      <c r="D1422" s="1" t="s">
        <v>10902</v>
      </c>
      <c r="E1422" s="5" t="s">
        <v>17190</v>
      </c>
      <c r="F1422" s="6">
        <v>8163</v>
      </c>
    </row>
    <row r="1423" spans="1:6" x14ac:dyDescent="0.25">
      <c r="A1423" s="4" t="s">
        <v>2190</v>
      </c>
      <c r="B1423" s="1" t="s">
        <v>3158</v>
      </c>
      <c r="C1423" s="5" t="s">
        <v>5444</v>
      </c>
      <c r="D1423" s="1" t="s">
        <v>9464</v>
      </c>
      <c r="E1423" s="5" t="s">
        <v>15232</v>
      </c>
      <c r="F1423" s="6">
        <v>3966</v>
      </c>
    </row>
    <row r="1424" spans="1:6" x14ac:dyDescent="0.25">
      <c r="A1424" s="4" t="s">
        <v>1264</v>
      </c>
      <c r="B1424" s="1" t="s">
        <v>3149</v>
      </c>
      <c r="C1424" s="5" t="s">
        <v>5040</v>
      </c>
      <c r="D1424" s="1" t="s">
        <v>1264</v>
      </c>
      <c r="E1424" s="5" t="s">
        <v>13914</v>
      </c>
      <c r="F1424" s="6">
        <v>2566</v>
      </c>
    </row>
    <row r="1425" spans="1:6" x14ac:dyDescent="0.25">
      <c r="A1425" s="4" t="s">
        <v>1264</v>
      </c>
      <c r="B1425" s="1" t="s">
        <v>3149</v>
      </c>
      <c r="C1425" s="5">
        <v>577527</v>
      </c>
      <c r="D1425" s="1" t="s">
        <v>10479</v>
      </c>
      <c r="E1425" s="5" t="s">
        <v>16640</v>
      </c>
      <c r="F1425" s="6">
        <v>6448</v>
      </c>
    </row>
    <row r="1426" spans="1:6" x14ac:dyDescent="0.25">
      <c r="A1426" s="4" t="s">
        <v>2727</v>
      </c>
      <c r="B1426" s="1" t="s">
        <v>3149</v>
      </c>
      <c r="C1426" s="5">
        <v>577501</v>
      </c>
      <c r="D1426" s="1" t="s">
        <v>10491</v>
      </c>
      <c r="E1426" s="5" t="s">
        <v>16654</v>
      </c>
      <c r="F1426" s="6">
        <v>6484</v>
      </c>
    </row>
    <row r="1427" spans="1:6" x14ac:dyDescent="0.25">
      <c r="A1427" s="4" t="s">
        <v>3082</v>
      </c>
      <c r="B1427" s="1" t="s">
        <v>3160</v>
      </c>
      <c r="C1427" s="5" t="s">
        <v>7236</v>
      </c>
      <c r="D1427" s="1" t="s">
        <v>3082</v>
      </c>
      <c r="E1427" s="5" t="s">
        <v>17906</v>
      </c>
      <c r="F1427" s="6">
        <v>9535</v>
      </c>
    </row>
    <row r="1428" spans="1:6" x14ac:dyDescent="0.25">
      <c r="A1428" s="4" t="s">
        <v>1777</v>
      </c>
      <c r="B1428" s="1" t="s">
        <v>3158</v>
      </c>
      <c r="C1428" s="5">
        <v>210204</v>
      </c>
      <c r="D1428" s="1" t="s">
        <v>9193</v>
      </c>
      <c r="E1428" s="5" t="s">
        <v>14595</v>
      </c>
      <c r="F1428" s="6">
        <v>3290</v>
      </c>
    </row>
    <row r="1429" spans="1:6" x14ac:dyDescent="0.25">
      <c r="A1429" s="4" t="s">
        <v>2583</v>
      </c>
      <c r="B1429" s="1" t="s">
        <v>3149</v>
      </c>
      <c r="C1429" s="5" t="s">
        <v>6494</v>
      </c>
      <c r="D1429" s="1" t="s">
        <v>10250</v>
      </c>
      <c r="E1429" s="5" t="s">
        <v>16307</v>
      </c>
      <c r="F1429" s="6">
        <v>5615</v>
      </c>
    </row>
    <row r="1430" spans="1:6" x14ac:dyDescent="0.25">
      <c r="A1430" s="4" t="s">
        <v>2863</v>
      </c>
      <c r="B1430" s="1" t="s">
        <v>3156</v>
      </c>
      <c r="C1430" s="5">
        <v>312021</v>
      </c>
      <c r="D1430" s="1" t="s">
        <v>10800</v>
      </c>
      <c r="E1430" s="5" t="s">
        <v>17063</v>
      </c>
      <c r="F1430" s="6">
        <v>7734</v>
      </c>
    </row>
    <row r="1431" spans="1:6" x14ac:dyDescent="0.25">
      <c r="A1431" s="4" t="s">
        <v>1155</v>
      </c>
      <c r="B1431" s="1" t="s">
        <v>3155</v>
      </c>
      <c r="C1431" s="5" t="s">
        <v>4895</v>
      </c>
      <c r="D1431" s="1" t="s">
        <v>8840</v>
      </c>
      <c r="E1431" s="5" t="s">
        <v>13731</v>
      </c>
      <c r="F1431" s="6">
        <v>2379</v>
      </c>
    </row>
    <row r="1432" spans="1:6" x14ac:dyDescent="0.25">
      <c r="A1432" s="4" t="s">
        <v>1155</v>
      </c>
      <c r="B1432" s="1" t="s">
        <v>3155</v>
      </c>
      <c r="C1432" s="5" t="s">
        <v>4895</v>
      </c>
      <c r="D1432" s="1" t="s">
        <v>10940</v>
      </c>
      <c r="E1432" s="5" t="s">
        <v>17238</v>
      </c>
      <c r="F1432" s="6">
        <v>8282</v>
      </c>
    </row>
    <row r="1433" spans="1:6" x14ac:dyDescent="0.25">
      <c r="A1433" s="4" t="s">
        <v>321</v>
      </c>
      <c r="B1433" s="1" t="s">
        <v>3156</v>
      </c>
      <c r="C1433" s="5" t="s">
        <v>3797</v>
      </c>
      <c r="D1433" s="1" t="s">
        <v>7975</v>
      </c>
      <c r="E1433" s="5" t="s">
        <v>12292</v>
      </c>
      <c r="F1433" s="6">
        <v>786</v>
      </c>
    </row>
    <row r="1434" spans="1:6" x14ac:dyDescent="0.25">
      <c r="A1434" s="4" t="s">
        <v>321</v>
      </c>
      <c r="B1434" s="1" t="s">
        <v>3156</v>
      </c>
      <c r="C1434" s="5" t="s">
        <v>6512</v>
      </c>
      <c r="D1434" s="1" t="s">
        <v>10270</v>
      </c>
      <c r="E1434" s="5" t="s">
        <v>16337</v>
      </c>
      <c r="F1434" s="6">
        <v>5679</v>
      </c>
    </row>
    <row r="1435" spans="1:6" x14ac:dyDescent="0.25">
      <c r="A1435" s="4" t="s">
        <v>2129</v>
      </c>
      <c r="B1435" s="1" t="s">
        <v>3154</v>
      </c>
      <c r="C1435" s="5" t="s">
        <v>4118</v>
      </c>
      <c r="D1435" s="1" t="s">
        <v>2129</v>
      </c>
      <c r="E1435" s="5" t="s">
        <v>15087</v>
      </c>
      <c r="F1435" s="6">
        <v>3815</v>
      </c>
    </row>
    <row r="1436" spans="1:6" x14ac:dyDescent="0.25">
      <c r="A1436" s="4" t="s">
        <v>2487</v>
      </c>
      <c r="B1436" s="1" t="s">
        <v>3155</v>
      </c>
      <c r="C1436" s="5">
        <v>531036</v>
      </c>
      <c r="D1436" s="1" t="s">
        <v>2487</v>
      </c>
      <c r="E1436" s="5" t="s">
        <v>16033</v>
      </c>
      <c r="F1436" s="6">
        <v>5025</v>
      </c>
    </row>
    <row r="1437" spans="1:6" x14ac:dyDescent="0.25">
      <c r="A1437" s="4" t="s">
        <v>1450</v>
      </c>
      <c r="B1437" s="1" t="s">
        <v>3152</v>
      </c>
      <c r="C1437" s="5" t="s">
        <v>5264</v>
      </c>
      <c r="D1437" s="1" t="s">
        <v>1450</v>
      </c>
      <c r="E1437" s="5" t="s">
        <v>14220</v>
      </c>
      <c r="F1437" s="6">
        <v>2880</v>
      </c>
    </row>
    <row r="1438" spans="1:6" x14ac:dyDescent="0.25">
      <c r="A1438" s="4" t="s">
        <v>1720</v>
      </c>
      <c r="B1438" s="1" t="s">
        <v>3152</v>
      </c>
      <c r="C1438" s="5" t="s">
        <v>5502</v>
      </c>
      <c r="D1438" s="1" t="s">
        <v>1720</v>
      </c>
      <c r="E1438" s="5" t="s">
        <v>14517</v>
      </c>
      <c r="F1438" s="6">
        <v>3205</v>
      </c>
    </row>
    <row r="1439" spans="1:6" x14ac:dyDescent="0.25">
      <c r="A1439" s="4" t="s">
        <v>226</v>
      </c>
      <c r="B1439" s="1" t="s">
        <v>3156</v>
      </c>
      <c r="C1439" s="5" t="s">
        <v>3619</v>
      </c>
      <c r="D1439" s="1" t="s">
        <v>7763</v>
      </c>
      <c r="E1439" s="5" t="s">
        <v>12062</v>
      </c>
      <c r="F1439" s="6">
        <v>504</v>
      </c>
    </row>
    <row r="1440" spans="1:6" x14ac:dyDescent="0.25">
      <c r="A1440" s="4" t="s">
        <v>2112</v>
      </c>
      <c r="B1440" s="1" t="s">
        <v>3158</v>
      </c>
      <c r="C1440" s="5" t="s">
        <v>5813</v>
      </c>
      <c r="D1440" s="1" t="s">
        <v>2112</v>
      </c>
      <c r="E1440" s="5" t="s">
        <v>15039</v>
      </c>
      <c r="F1440" s="6">
        <v>3767</v>
      </c>
    </row>
    <row r="1441" spans="1:6" x14ac:dyDescent="0.25">
      <c r="A1441" s="4" t="s">
        <v>1815</v>
      </c>
      <c r="B1441" s="1" t="s">
        <v>3144</v>
      </c>
      <c r="C1441" s="5" t="s">
        <v>5588</v>
      </c>
      <c r="D1441" s="1" t="s">
        <v>1815</v>
      </c>
      <c r="E1441" s="5" t="s">
        <v>14639</v>
      </c>
      <c r="F1441" s="6">
        <v>3335</v>
      </c>
    </row>
    <row r="1442" spans="1:6" x14ac:dyDescent="0.25">
      <c r="A1442" s="4" t="s">
        <v>2349</v>
      </c>
      <c r="B1442" s="1" t="s">
        <v>3151</v>
      </c>
      <c r="C1442" s="5" t="s">
        <v>6141</v>
      </c>
      <c r="D1442" s="1" t="s">
        <v>2349</v>
      </c>
      <c r="E1442" s="5" t="s">
        <v>15599</v>
      </c>
      <c r="F1442" s="6">
        <v>4341</v>
      </c>
    </row>
    <row r="1443" spans="1:6" x14ac:dyDescent="0.25">
      <c r="A1443" s="4" t="s">
        <v>2296</v>
      </c>
      <c r="B1443" s="1" t="s">
        <v>3163</v>
      </c>
      <c r="C1443" s="5" t="s">
        <v>6054</v>
      </c>
      <c r="D1443" s="1" t="s">
        <v>9618</v>
      </c>
      <c r="E1443" s="5" t="s">
        <v>15469</v>
      </c>
      <c r="F1443" s="6">
        <v>4207</v>
      </c>
    </row>
    <row r="1444" spans="1:6" x14ac:dyDescent="0.25">
      <c r="A1444" s="4" t="s">
        <v>2329</v>
      </c>
      <c r="B1444" s="1" t="s">
        <v>3158</v>
      </c>
      <c r="C1444" s="5" t="s">
        <v>6106</v>
      </c>
      <c r="D1444" s="1" t="s">
        <v>2329</v>
      </c>
      <c r="E1444" s="5" t="s">
        <v>15552</v>
      </c>
      <c r="F1444" s="6">
        <v>4293</v>
      </c>
    </row>
    <row r="1445" spans="1:6" x14ac:dyDescent="0.25">
      <c r="A1445" s="4" t="s">
        <v>1897</v>
      </c>
      <c r="B1445" s="1" t="s">
        <v>3158</v>
      </c>
      <c r="C1445" s="5" t="s">
        <v>3474</v>
      </c>
      <c r="D1445" s="1" t="s">
        <v>1897</v>
      </c>
      <c r="E1445" s="5" t="s">
        <v>14730</v>
      </c>
      <c r="F1445" s="6">
        <v>3440</v>
      </c>
    </row>
    <row r="1446" spans="1:6" x14ac:dyDescent="0.25">
      <c r="A1446" s="4" t="s">
        <v>1388</v>
      </c>
      <c r="B1446" s="1" t="s">
        <v>3152</v>
      </c>
      <c r="C1446" s="5" t="s">
        <v>3748</v>
      </c>
      <c r="D1446" s="1" t="s">
        <v>1388</v>
      </c>
      <c r="E1446" s="5" t="s">
        <v>14110</v>
      </c>
      <c r="F1446" s="6">
        <v>2767</v>
      </c>
    </row>
    <row r="1447" spans="1:6" x14ac:dyDescent="0.25">
      <c r="A1447" s="4" t="s">
        <v>2049</v>
      </c>
      <c r="B1447" s="1" t="s">
        <v>3158</v>
      </c>
      <c r="C1447" s="5" t="s">
        <v>4700</v>
      </c>
      <c r="D1447" s="1" t="s">
        <v>2049</v>
      </c>
      <c r="E1447" s="5" t="s">
        <v>14889</v>
      </c>
      <c r="F1447" s="6">
        <v>3606</v>
      </c>
    </row>
    <row r="1448" spans="1:6" x14ac:dyDescent="0.25">
      <c r="A1448" s="4" t="s">
        <v>2669</v>
      </c>
      <c r="B1448" s="1" t="s">
        <v>3153</v>
      </c>
      <c r="C1448" s="5" t="s">
        <v>6588</v>
      </c>
      <c r="D1448" s="1" t="s">
        <v>2669</v>
      </c>
      <c r="E1448" s="5" t="s">
        <v>16496</v>
      </c>
      <c r="F1448" s="6">
        <v>6057</v>
      </c>
    </row>
    <row r="1449" spans="1:6" x14ac:dyDescent="0.25">
      <c r="A1449" s="4" t="s">
        <v>735</v>
      </c>
      <c r="B1449" s="1" t="s">
        <v>3156</v>
      </c>
      <c r="C1449" s="5" t="s">
        <v>4446</v>
      </c>
      <c r="D1449" s="1" t="s">
        <v>735</v>
      </c>
      <c r="E1449" s="5" t="s">
        <v>13209</v>
      </c>
      <c r="F1449" s="6">
        <v>1842</v>
      </c>
    </row>
    <row r="1450" spans="1:6" x14ac:dyDescent="0.25">
      <c r="A1450" s="4" t="s">
        <v>735</v>
      </c>
      <c r="B1450" s="1" t="s">
        <v>3156</v>
      </c>
      <c r="C1450" s="5" t="s">
        <v>6922</v>
      </c>
      <c r="D1450" s="1" t="s">
        <v>10930</v>
      </c>
      <c r="E1450" s="5" t="s">
        <v>17224</v>
      </c>
      <c r="F1450" s="6">
        <v>8230</v>
      </c>
    </row>
    <row r="1451" spans="1:6" x14ac:dyDescent="0.25">
      <c r="A1451" s="4" t="s">
        <v>2799</v>
      </c>
      <c r="B1451" s="1" t="s">
        <v>3144</v>
      </c>
      <c r="C1451" s="5" t="s">
        <v>6781</v>
      </c>
      <c r="D1451" s="1" t="s">
        <v>10657</v>
      </c>
      <c r="E1451" s="5" t="s">
        <v>16874</v>
      </c>
      <c r="F1451" s="6">
        <v>7138</v>
      </c>
    </row>
    <row r="1452" spans="1:6" x14ac:dyDescent="0.25">
      <c r="A1452" s="4" t="s">
        <v>9</v>
      </c>
      <c r="B1452" s="1" t="s">
        <v>3150</v>
      </c>
      <c r="C1452" s="5" t="s">
        <v>3213</v>
      </c>
      <c r="D1452" s="1" t="s">
        <v>7341</v>
      </c>
      <c r="E1452" s="5" t="s">
        <v>11612</v>
      </c>
      <c r="F1452" s="6">
        <v>20</v>
      </c>
    </row>
    <row r="1453" spans="1:6" x14ac:dyDescent="0.25">
      <c r="A1453" s="4" t="s">
        <v>9</v>
      </c>
      <c r="B1453" s="1" t="s">
        <v>3150</v>
      </c>
      <c r="C1453" s="5" t="s">
        <v>3446</v>
      </c>
      <c r="D1453" s="1" t="s">
        <v>7577</v>
      </c>
      <c r="E1453" s="5" t="s">
        <v>11863</v>
      </c>
      <c r="F1453" s="6">
        <v>295</v>
      </c>
    </row>
    <row r="1454" spans="1:6" x14ac:dyDescent="0.25">
      <c r="A1454" s="4" t="s">
        <v>9</v>
      </c>
      <c r="B1454" s="1" t="s">
        <v>3150</v>
      </c>
      <c r="C1454" s="5" t="s">
        <v>3622</v>
      </c>
      <c r="D1454" s="1" t="s">
        <v>7767</v>
      </c>
      <c r="E1454" s="5" t="s">
        <v>12066</v>
      </c>
      <c r="F1454" s="6">
        <v>510</v>
      </c>
    </row>
    <row r="1455" spans="1:6" x14ac:dyDescent="0.25">
      <c r="A1455" s="4" t="s">
        <v>9</v>
      </c>
      <c r="B1455" s="1" t="s">
        <v>3150</v>
      </c>
      <c r="C1455" s="5" t="s">
        <v>3627</v>
      </c>
      <c r="D1455" s="1" t="s">
        <v>7773</v>
      </c>
      <c r="E1455" s="5" t="s">
        <v>12073</v>
      </c>
      <c r="F1455" s="6">
        <v>520</v>
      </c>
    </row>
    <row r="1456" spans="1:6" x14ac:dyDescent="0.25">
      <c r="A1456" s="4" t="s">
        <v>9</v>
      </c>
      <c r="B1456" s="1" t="s">
        <v>3150</v>
      </c>
      <c r="C1456" s="5" t="s">
        <v>3744</v>
      </c>
      <c r="D1456" s="1" t="s">
        <v>7921</v>
      </c>
      <c r="E1456" s="5" t="s">
        <v>12231</v>
      </c>
      <c r="F1456" s="6">
        <v>717</v>
      </c>
    </row>
    <row r="1457" spans="1:6" x14ac:dyDescent="0.25">
      <c r="A1457" s="4" t="s">
        <v>9</v>
      </c>
      <c r="B1457" s="1" t="s">
        <v>3150</v>
      </c>
      <c r="C1457" s="5" t="s">
        <v>3213</v>
      </c>
      <c r="D1457" s="1" t="s">
        <v>8219</v>
      </c>
      <c r="E1457" s="5" t="s">
        <v>12624</v>
      </c>
      <c r="F1457" s="6">
        <v>1218</v>
      </c>
    </row>
    <row r="1458" spans="1:6" x14ac:dyDescent="0.25">
      <c r="A1458" s="4" t="s">
        <v>9</v>
      </c>
      <c r="B1458" s="1" t="s">
        <v>3150</v>
      </c>
      <c r="C1458" s="5" t="s">
        <v>4052</v>
      </c>
      <c r="D1458" s="1" t="s">
        <v>8223</v>
      </c>
      <c r="E1458" s="5" t="s">
        <v>12628</v>
      </c>
      <c r="F1458" s="6">
        <v>1222</v>
      </c>
    </row>
    <row r="1459" spans="1:6" x14ac:dyDescent="0.25">
      <c r="A1459" s="4" t="s">
        <v>9</v>
      </c>
      <c r="B1459" s="1" t="s">
        <v>3150</v>
      </c>
      <c r="C1459" s="5" t="s">
        <v>4092</v>
      </c>
      <c r="D1459" s="1" t="s">
        <v>8282</v>
      </c>
      <c r="E1459" s="5" t="s">
        <v>12690</v>
      </c>
      <c r="F1459" s="6">
        <v>1286</v>
      </c>
    </row>
    <row r="1460" spans="1:6" x14ac:dyDescent="0.25">
      <c r="A1460" s="4" t="s">
        <v>9</v>
      </c>
      <c r="B1460" s="1" t="s">
        <v>3150</v>
      </c>
      <c r="C1460" s="5" t="s">
        <v>4106</v>
      </c>
      <c r="D1460" s="1" t="s">
        <v>2684</v>
      </c>
      <c r="E1460" s="5" t="s">
        <v>12705</v>
      </c>
      <c r="F1460" s="6">
        <v>1302</v>
      </c>
    </row>
    <row r="1461" spans="1:6" x14ac:dyDescent="0.25">
      <c r="A1461" s="4" t="s">
        <v>9</v>
      </c>
      <c r="B1461" s="1" t="s">
        <v>3150</v>
      </c>
      <c r="C1461" s="5" t="s">
        <v>4148</v>
      </c>
      <c r="D1461" s="1" t="s">
        <v>8377</v>
      </c>
      <c r="E1461" s="5" t="s">
        <v>12804</v>
      </c>
      <c r="F1461" s="6">
        <v>1403</v>
      </c>
    </row>
    <row r="1462" spans="1:6" x14ac:dyDescent="0.25">
      <c r="A1462" s="4" t="s">
        <v>9</v>
      </c>
      <c r="B1462" s="1" t="s">
        <v>3150</v>
      </c>
      <c r="C1462" s="5" t="s">
        <v>4218</v>
      </c>
      <c r="D1462" s="1" t="s">
        <v>8456</v>
      </c>
      <c r="E1462" s="5" t="s">
        <v>12909</v>
      </c>
      <c r="F1462" s="6">
        <v>1512</v>
      </c>
    </row>
    <row r="1463" spans="1:6" x14ac:dyDescent="0.25">
      <c r="A1463" s="4" t="s">
        <v>9</v>
      </c>
      <c r="B1463" s="1" t="s">
        <v>3150</v>
      </c>
      <c r="C1463" s="5" t="s">
        <v>4219</v>
      </c>
      <c r="D1463" s="1" t="s">
        <v>8457</v>
      </c>
      <c r="E1463" s="5" t="s">
        <v>12910</v>
      </c>
      <c r="F1463" s="6">
        <v>1513</v>
      </c>
    </row>
    <row r="1464" spans="1:6" x14ac:dyDescent="0.25">
      <c r="A1464" s="4" t="s">
        <v>9</v>
      </c>
      <c r="B1464" s="1" t="s">
        <v>3150</v>
      </c>
      <c r="C1464" s="5" t="s">
        <v>3724</v>
      </c>
      <c r="D1464" s="1" t="s">
        <v>9010</v>
      </c>
      <c r="E1464" s="5" t="s">
        <v>14056</v>
      </c>
      <c r="F1464" s="6">
        <v>2711</v>
      </c>
    </row>
    <row r="1465" spans="1:6" x14ac:dyDescent="0.25">
      <c r="A1465" s="4" t="s">
        <v>9</v>
      </c>
      <c r="B1465" s="1" t="s">
        <v>3150</v>
      </c>
      <c r="C1465" s="5" t="s">
        <v>5239</v>
      </c>
      <c r="D1465" s="1" t="s">
        <v>9074</v>
      </c>
      <c r="E1465" s="5" t="s">
        <v>14178</v>
      </c>
      <c r="F1465" s="6">
        <v>2835</v>
      </c>
    </row>
    <row r="1466" spans="1:6" x14ac:dyDescent="0.25">
      <c r="A1466" s="4" t="s">
        <v>9</v>
      </c>
      <c r="B1466" s="1" t="s">
        <v>3150</v>
      </c>
      <c r="C1466" s="5" t="s">
        <v>4219</v>
      </c>
      <c r="D1466" s="1" t="s">
        <v>9490</v>
      </c>
      <c r="E1466" s="5" t="s">
        <v>15269</v>
      </c>
      <c r="F1466" s="6">
        <v>4004</v>
      </c>
    </row>
    <row r="1467" spans="1:6" x14ac:dyDescent="0.25">
      <c r="A1467" s="4" t="s">
        <v>9</v>
      </c>
      <c r="B1467" s="1" t="s">
        <v>3150</v>
      </c>
      <c r="C1467" s="5" t="s">
        <v>6023</v>
      </c>
      <c r="D1467" s="1" t="s">
        <v>9584</v>
      </c>
      <c r="E1467" s="5" t="s">
        <v>15425</v>
      </c>
      <c r="F1467" s="6">
        <v>4163</v>
      </c>
    </row>
    <row r="1468" spans="1:6" x14ac:dyDescent="0.25">
      <c r="A1468" s="4" t="s">
        <v>9</v>
      </c>
      <c r="B1468" s="1" t="s">
        <v>3150</v>
      </c>
      <c r="C1468" s="5" t="s">
        <v>6227</v>
      </c>
      <c r="D1468" s="1" t="s">
        <v>9846</v>
      </c>
      <c r="E1468" s="5" t="s">
        <v>15771</v>
      </c>
      <c r="F1468" s="6">
        <v>4677</v>
      </c>
    </row>
    <row r="1469" spans="1:6" x14ac:dyDescent="0.25">
      <c r="A1469" s="4" t="s">
        <v>9</v>
      </c>
      <c r="B1469" s="1" t="s">
        <v>3150</v>
      </c>
      <c r="C1469" s="5" t="s">
        <v>7043</v>
      </c>
      <c r="D1469" s="1" t="s">
        <v>11134</v>
      </c>
      <c r="E1469" s="5" t="s">
        <v>17493</v>
      </c>
      <c r="F1469" s="6">
        <v>9105</v>
      </c>
    </row>
    <row r="1470" spans="1:6" x14ac:dyDescent="0.25">
      <c r="A1470" s="4" t="s">
        <v>9</v>
      </c>
      <c r="B1470" s="1" t="s">
        <v>3150</v>
      </c>
      <c r="C1470" s="5" t="s">
        <v>4218</v>
      </c>
      <c r="D1470" s="1" t="s">
        <v>11408</v>
      </c>
      <c r="E1470" s="5" t="s">
        <v>17837</v>
      </c>
      <c r="F1470" s="6">
        <v>9464</v>
      </c>
    </row>
    <row r="1471" spans="1:6" x14ac:dyDescent="0.25">
      <c r="A1471" s="4" t="s">
        <v>14</v>
      </c>
      <c r="B1471" s="1" t="s">
        <v>3146</v>
      </c>
      <c r="C1471" s="5" t="s">
        <v>3224</v>
      </c>
      <c r="D1471" s="1" t="s">
        <v>7351</v>
      </c>
      <c r="E1471" s="5" t="s">
        <v>11623</v>
      </c>
      <c r="F1471" s="6">
        <v>31</v>
      </c>
    </row>
    <row r="1472" spans="1:6" x14ac:dyDescent="0.25">
      <c r="A1472" s="4" t="s">
        <v>14</v>
      </c>
      <c r="B1472" s="1" t="s">
        <v>3146</v>
      </c>
      <c r="C1472" s="5" t="s">
        <v>3425</v>
      </c>
      <c r="D1472" s="1" t="s">
        <v>7552</v>
      </c>
      <c r="E1472" s="5" t="s">
        <v>11838</v>
      </c>
      <c r="F1472" s="6">
        <v>269</v>
      </c>
    </row>
    <row r="1473" spans="1:6" x14ac:dyDescent="0.25">
      <c r="A1473" s="4" t="s">
        <v>14</v>
      </c>
      <c r="B1473" s="1" t="s">
        <v>3146</v>
      </c>
      <c r="C1473" s="5" t="s">
        <v>3750</v>
      </c>
      <c r="D1473" s="1" t="s">
        <v>7932</v>
      </c>
      <c r="E1473" s="5" t="s">
        <v>12242</v>
      </c>
      <c r="F1473" s="6">
        <v>729</v>
      </c>
    </row>
    <row r="1474" spans="1:6" x14ac:dyDescent="0.25">
      <c r="A1474" s="4" t="s">
        <v>14</v>
      </c>
      <c r="B1474" s="1" t="s">
        <v>3146</v>
      </c>
      <c r="C1474" s="5" t="s">
        <v>3998</v>
      </c>
      <c r="D1474" s="1" t="s">
        <v>8147</v>
      </c>
      <c r="E1474" s="5" t="s">
        <v>12543</v>
      </c>
      <c r="F1474" s="6">
        <v>1068</v>
      </c>
    </row>
    <row r="1475" spans="1:6" x14ac:dyDescent="0.25">
      <c r="A1475" s="4" t="s">
        <v>14</v>
      </c>
      <c r="B1475" s="1" t="s">
        <v>3146</v>
      </c>
      <c r="C1475" s="5">
        <v>641018</v>
      </c>
      <c r="D1475" s="1" t="s">
        <v>8248</v>
      </c>
      <c r="E1475" s="5" t="s">
        <v>12655</v>
      </c>
      <c r="F1475" s="6">
        <v>1250</v>
      </c>
    </row>
    <row r="1476" spans="1:6" x14ac:dyDescent="0.25">
      <c r="A1476" s="4" t="s">
        <v>14</v>
      </c>
      <c r="B1476" s="1" t="s">
        <v>3146</v>
      </c>
      <c r="C1476" s="5" t="s">
        <v>4267</v>
      </c>
      <c r="D1476" s="1" t="s">
        <v>8514</v>
      </c>
      <c r="E1476" s="5" t="s">
        <v>12978</v>
      </c>
      <c r="F1476" s="6">
        <v>1588</v>
      </c>
    </row>
    <row r="1477" spans="1:6" x14ac:dyDescent="0.25">
      <c r="A1477" s="4" t="s">
        <v>14</v>
      </c>
      <c r="B1477" s="1" t="s">
        <v>3146</v>
      </c>
      <c r="C1477" s="5" t="s">
        <v>4553</v>
      </c>
      <c r="D1477" s="1" t="s">
        <v>8713</v>
      </c>
      <c r="E1477" s="5" t="s">
        <v>13338</v>
      </c>
      <c r="F1477" s="6">
        <v>1971</v>
      </c>
    </row>
    <row r="1478" spans="1:6" x14ac:dyDescent="0.25">
      <c r="A1478" s="4" t="s">
        <v>14</v>
      </c>
      <c r="B1478" s="1" t="s">
        <v>3146</v>
      </c>
      <c r="C1478" s="5" t="s">
        <v>4857</v>
      </c>
      <c r="D1478" s="1" t="s">
        <v>8825</v>
      </c>
      <c r="E1478" s="5" t="s">
        <v>13688</v>
      </c>
      <c r="F1478" s="6">
        <v>2334</v>
      </c>
    </row>
    <row r="1479" spans="1:6" x14ac:dyDescent="0.25">
      <c r="A1479" s="4" t="s">
        <v>14</v>
      </c>
      <c r="B1479" s="1" t="s">
        <v>3146</v>
      </c>
      <c r="C1479" s="5" t="s">
        <v>4917</v>
      </c>
      <c r="D1479" s="1" t="s">
        <v>8857</v>
      </c>
      <c r="E1479" s="5" t="s">
        <v>13758</v>
      </c>
      <c r="F1479" s="6">
        <v>2407</v>
      </c>
    </row>
    <row r="1480" spans="1:6" x14ac:dyDescent="0.25">
      <c r="A1480" s="4" t="s">
        <v>14</v>
      </c>
      <c r="B1480" s="1" t="s">
        <v>3146</v>
      </c>
      <c r="C1480" s="5" t="s">
        <v>5043</v>
      </c>
      <c r="D1480" s="1" t="s">
        <v>8941</v>
      </c>
      <c r="E1480" s="5" t="s">
        <v>13917</v>
      </c>
      <c r="F1480" s="6">
        <v>2569</v>
      </c>
    </row>
    <row r="1481" spans="1:6" x14ac:dyDescent="0.25">
      <c r="A1481" s="4" t="s">
        <v>14</v>
      </c>
      <c r="B1481" s="1" t="s">
        <v>3146</v>
      </c>
      <c r="C1481" s="5" t="s">
        <v>5748</v>
      </c>
      <c r="D1481" s="1" t="s">
        <v>9252</v>
      </c>
      <c r="E1481" s="5" t="s">
        <v>14926</v>
      </c>
      <c r="F1481" s="6">
        <v>3647</v>
      </c>
    </row>
    <row r="1482" spans="1:6" x14ac:dyDescent="0.25">
      <c r="A1482" s="4" t="s">
        <v>14</v>
      </c>
      <c r="B1482" s="1" t="s">
        <v>3146</v>
      </c>
      <c r="C1482" s="5" t="s">
        <v>6003</v>
      </c>
      <c r="D1482" s="1" t="s">
        <v>9567</v>
      </c>
      <c r="E1482" s="5" t="s">
        <v>15396</v>
      </c>
      <c r="F1482" s="6">
        <v>4133</v>
      </c>
    </row>
    <row r="1483" spans="1:6" x14ac:dyDescent="0.25">
      <c r="A1483" s="4" t="s">
        <v>14</v>
      </c>
      <c r="B1483" s="1" t="s">
        <v>3146</v>
      </c>
      <c r="C1483" s="5" t="s">
        <v>6008</v>
      </c>
      <c r="D1483" s="1" t="s">
        <v>9572</v>
      </c>
      <c r="E1483" s="5" t="s">
        <v>15405</v>
      </c>
      <c r="F1483" s="6">
        <v>4142</v>
      </c>
    </row>
    <row r="1484" spans="1:6" x14ac:dyDescent="0.25">
      <c r="A1484" s="4" t="s">
        <v>14</v>
      </c>
      <c r="B1484" s="1" t="s">
        <v>3146</v>
      </c>
      <c r="C1484" s="5" t="s">
        <v>6040</v>
      </c>
      <c r="D1484" s="1" t="s">
        <v>9601</v>
      </c>
      <c r="E1484" s="5" t="s">
        <v>15448</v>
      </c>
      <c r="F1484" s="6">
        <v>4186</v>
      </c>
    </row>
    <row r="1485" spans="1:6" x14ac:dyDescent="0.25">
      <c r="A1485" s="4" t="s">
        <v>14</v>
      </c>
      <c r="B1485" s="1" t="s">
        <v>3146</v>
      </c>
      <c r="C1485" s="5" t="s">
        <v>4766</v>
      </c>
      <c r="D1485" s="1" t="s">
        <v>9655</v>
      </c>
      <c r="E1485" s="5" t="s">
        <v>15526</v>
      </c>
      <c r="F1485" s="6">
        <v>4264</v>
      </c>
    </row>
    <row r="1486" spans="1:6" x14ac:dyDescent="0.25">
      <c r="A1486" s="4" t="s">
        <v>14</v>
      </c>
      <c r="B1486" s="1" t="s">
        <v>3146</v>
      </c>
      <c r="C1486" s="5" t="s">
        <v>4267</v>
      </c>
      <c r="D1486" s="1" t="s">
        <v>9684</v>
      </c>
      <c r="E1486" s="5" t="s">
        <v>15566</v>
      </c>
      <c r="F1486" s="6">
        <v>4308</v>
      </c>
    </row>
    <row r="1487" spans="1:6" x14ac:dyDescent="0.25">
      <c r="A1487" s="4" t="s">
        <v>14</v>
      </c>
      <c r="B1487" s="1" t="s">
        <v>3146</v>
      </c>
      <c r="C1487" s="5" t="s">
        <v>4553</v>
      </c>
      <c r="D1487" s="1" t="s">
        <v>10061</v>
      </c>
      <c r="E1487" s="5" t="s">
        <v>16051</v>
      </c>
      <c r="F1487" s="6">
        <v>5062</v>
      </c>
    </row>
    <row r="1488" spans="1:6" x14ac:dyDescent="0.25">
      <c r="A1488" s="4" t="s">
        <v>14</v>
      </c>
      <c r="B1488" s="1" t="s">
        <v>3146</v>
      </c>
      <c r="C1488" s="5" t="s">
        <v>4553</v>
      </c>
      <c r="D1488" s="1" t="s">
        <v>10121</v>
      </c>
      <c r="E1488" s="5" t="s">
        <v>16123</v>
      </c>
      <c r="F1488" s="6">
        <v>5194</v>
      </c>
    </row>
    <row r="1489" spans="1:6" x14ac:dyDescent="0.25">
      <c r="A1489" s="4" t="s">
        <v>14</v>
      </c>
      <c r="B1489" s="1" t="s">
        <v>3146</v>
      </c>
      <c r="C1489" s="5" t="s">
        <v>6415</v>
      </c>
      <c r="D1489" s="1" t="s">
        <v>10157</v>
      </c>
      <c r="E1489" s="5" t="s">
        <v>16168</v>
      </c>
      <c r="F1489" s="6">
        <v>5288</v>
      </c>
    </row>
    <row r="1490" spans="1:6" x14ac:dyDescent="0.25">
      <c r="A1490" s="4" t="s">
        <v>14</v>
      </c>
      <c r="B1490" s="1" t="s">
        <v>3146</v>
      </c>
      <c r="C1490" s="5" t="s">
        <v>6428</v>
      </c>
      <c r="D1490" s="1" t="s">
        <v>10179</v>
      </c>
      <c r="E1490" s="5" t="s">
        <v>16196</v>
      </c>
      <c r="F1490" s="6">
        <v>5334</v>
      </c>
    </row>
    <row r="1491" spans="1:6" x14ac:dyDescent="0.25">
      <c r="A1491" s="4" t="s">
        <v>14</v>
      </c>
      <c r="B1491" s="1" t="s">
        <v>3146</v>
      </c>
      <c r="C1491" s="5" t="s">
        <v>3425</v>
      </c>
      <c r="D1491" s="1" t="s">
        <v>10263</v>
      </c>
      <c r="E1491" s="5" t="s">
        <v>16325</v>
      </c>
      <c r="F1491" s="6">
        <v>5651</v>
      </c>
    </row>
    <row r="1492" spans="1:6" x14ac:dyDescent="0.25">
      <c r="A1492" s="4" t="s">
        <v>14</v>
      </c>
      <c r="B1492" s="1" t="s">
        <v>3146</v>
      </c>
      <c r="C1492" s="5" t="s">
        <v>6550</v>
      </c>
      <c r="D1492" s="1" t="s">
        <v>10314</v>
      </c>
      <c r="E1492" s="5" t="s">
        <v>16406</v>
      </c>
      <c r="F1492" s="6">
        <v>5842</v>
      </c>
    </row>
    <row r="1493" spans="1:6" x14ac:dyDescent="0.25">
      <c r="A1493" s="4" t="s">
        <v>14</v>
      </c>
      <c r="B1493" s="1" t="s">
        <v>3146</v>
      </c>
      <c r="C1493" s="5" t="s">
        <v>3998</v>
      </c>
      <c r="D1493" s="1" t="s">
        <v>10614</v>
      </c>
      <c r="E1493" s="5" t="s">
        <v>16821</v>
      </c>
      <c r="F1493" s="6">
        <v>7033</v>
      </c>
    </row>
    <row r="1494" spans="1:6" x14ac:dyDescent="0.25">
      <c r="A1494" s="4" t="s">
        <v>14</v>
      </c>
      <c r="B1494" s="1" t="s">
        <v>3146</v>
      </c>
      <c r="C1494" s="5" t="s">
        <v>5043</v>
      </c>
      <c r="D1494" s="1" t="s">
        <v>10630</v>
      </c>
      <c r="E1494" s="5" t="s">
        <v>16840</v>
      </c>
      <c r="F1494" s="6">
        <v>7076</v>
      </c>
    </row>
    <row r="1495" spans="1:6" x14ac:dyDescent="0.25">
      <c r="A1495" s="4" t="s">
        <v>14</v>
      </c>
      <c r="B1495" s="1" t="s">
        <v>3146</v>
      </c>
      <c r="C1495" s="5" t="s">
        <v>6768</v>
      </c>
      <c r="D1495" s="1" t="s">
        <v>10632</v>
      </c>
      <c r="E1495" s="5" t="s">
        <v>16842</v>
      </c>
      <c r="F1495" s="6">
        <v>7078</v>
      </c>
    </row>
    <row r="1496" spans="1:6" x14ac:dyDescent="0.25">
      <c r="A1496" s="4" t="s">
        <v>14</v>
      </c>
      <c r="B1496" s="1" t="s">
        <v>3146</v>
      </c>
      <c r="C1496" s="5">
        <v>641062</v>
      </c>
      <c r="D1496" s="1" t="s">
        <v>10648</v>
      </c>
      <c r="E1496" s="5" t="s">
        <v>16864</v>
      </c>
      <c r="F1496" s="6">
        <v>7117</v>
      </c>
    </row>
    <row r="1497" spans="1:6" x14ac:dyDescent="0.25">
      <c r="A1497" s="4" t="s">
        <v>14</v>
      </c>
      <c r="B1497" s="1" t="s">
        <v>3146</v>
      </c>
      <c r="C1497" s="5" t="s">
        <v>6829</v>
      </c>
      <c r="D1497" s="1" t="s">
        <v>10734</v>
      </c>
      <c r="E1497" s="5" t="s">
        <v>16971</v>
      </c>
      <c r="F1497" s="6">
        <v>7442</v>
      </c>
    </row>
    <row r="1498" spans="1:6" x14ac:dyDescent="0.25">
      <c r="A1498" s="4" t="s">
        <v>14</v>
      </c>
      <c r="B1498" s="1" t="s">
        <v>3146</v>
      </c>
      <c r="C1498" s="5" t="s">
        <v>6860</v>
      </c>
      <c r="D1498" s="1" t="s">
        <v>10778</v>
      </c>
      <c r="E1498" s="5" t="s">
        <v>17037</v>
      </c>
      <c r="F1498" s="6">
        <v>7651</v>
      </c>
    </row>
    <row r="1499" spans="1:6" x14ac:dyDescent="0.25">
      <c r="A1499" s="4" t="s">
        <v>14</v>
      </c>
      <c r="B1499" s="1" t="s">
        <v>3146</v>
      </c>
      <c r="C1499" s="5">
        <v>641062</v>
      </c>
      <c r="D1499" s="1" t="s">
        <v>10801</v>
      </c>
      <c r="E1499" s="5" t="s">
        <v>17066</v>
      </c>
      <c r="F1499" s="6">
        <v>7744</v>
      </c>
    </row>
    <row r="1500" spans="1:6" x14ac:dyDescent="0.25">
      <c r="A1500" s="4" t="s">
        <v>14</v>
      </c>
      <c r="B1500" s="1" t="s">
        <v>3146</v>
      </c>
      <c r="C1500" s="5" t="s">
        <v>6874</v>
      </c>
      <c r="D1500" s="1" t="s">
        <v>10808</v>
      </c>
      <c r="E1500" s="5" t="s">
        <v>17076</v>
      </c>
      <c r="F1500" s="6">
        <v>7792</v>
      </c>
    </row>
    <row r="1501" spans="1:6" x14ac:dyDescent="0.25">
      <c r="A1501" s="4" t="s">
        <v>14</v>
      </c>
      <c r="B1501" s="1" t="s">
        <v>3146</v>
      </c>
      <c r="C1501" s="5" t="s">
        <v>4857</v>
      </c>
      <c r="D1501" s="1" t="s">
        <v>10925</v>
      </c>
      <c r="E1501" s="5" t="s">
        <v>17219</v>
      </c>
      <c r="F1501" s="6">
        <v>8213</v>
      </c>
    </row>
    <row r="1502" spans="1:6" x14ac:dyDescent="0.25">
      <c r="A1502" s="4" t="s">
        <v>14</v>
      </c>
      <c r="B1502" s="1" t="s">
        <v>3146</v>
      </c>
      <c r="C1502" s="5">
        <v>641050</v>
      </c>
      <c r="D1502" s="1" t="s">
        <v>10976</v>
      </c>
      <c r="E1502" s="5" t="s">
        <v>17281</v>
      </c>
      <c r="F1502" s="6">
        <v>8462</v>
      </c>
    </row>
    <row r="1503" spans="1:6" x14ac:dyDescent="0.25">
      <c r="A1503" s="4" t="s">
        <v>14</v>
      </c>
      <c r="B1503" s="1" t="s">
        <v>3146</v>
      </c>
      <c r="C1503" s="5">
        <v>641004</v>
      </c>
      <c r="D1503" s="1" t="s">
        <v>11001</v>
      </c>
      <c r="E1503" s="5" t="s">
        <v>17316</v>
      </c>
      <c r="F1503" s="6">
        <v>8692</v>
      </c>
    </row>
    <row r="1504" spans="1:6" x14ac:dyDescent="0.25">
      <c r="A1504" s="4" t="s">
        <v>14</v>
      </c>
      <c r="B1504" s="1" t="s">
        <v>3146</v>
      </c>
      <c r="C1504" s="5" t="s">
        <v>6960</v>
      </c>
      <c r="D1504" s="1" t="s">
        <v>11005</v>
      </c>
      <c r="E1504" s="5" t="s">
        <v>17320</v>
      </c>
      <c r="F1504" s="6">
        <v>8716</v>
      </c>
    </row>
    <row r="1505" spans="1:6" x14ac:dyDescent="0.25">
      <c r="A1505" s="4" t="s">
        <v>14</v>
      </c>
      <c r="B1505" s="1" t="s">
        <v>3146</v>
      </c>
      <c r="C1505" s="5" t="s">
        <v>3425</v>
      </c>
      <c r="D1505" s="1" t="s">
        <v>11007</v>
      </c>
      <c r="E1505" s="5" t="s">
        <v>17322</v>
      </c>
      <c r="F1505" s="6">
        <v>8719</v>
      </c>
    </row>
    <row r="1506" spans="1:6" x14ac:dyDescent="0.25">
      <c r="A1506" s="4" t="s">
        <v>14</v>
      </c>
      <c r="B1506" s="1" t="s">
        <v>3146</v>
      </c>
      <c r="C1506" s="5" t="s">
        <v>6964</v>
      </c>
      <c r="D1506" s="1" t="s">
        <v>11013</v>
      </c>
      <c r="E1506" s="5" t="s">
        <v>17332</v>
      </c>
      <c r="F1506" s="6">
        <v>8753</v>
      </c>
    </row>
    <row r="1507" spans="1:6" x14ac:dyDescent="0.25">
      <c r="A1507" s="4" t="s">
        <v>14</v>
      </c>
      <c r="B1507" s="1" t="s">
        <v>3146</v>
      </c>
      <c r="C1507" s="5" t="s">
        <v>6003</v>
      </c>
      <c r="D1507" s="1" t="s">
        <v>11036</v>
      </c>
      <c r="E1507" s="5" t="s">
        <v>17361</v>
      </c>
      <c r="F1507" s="6">
        <v>8887</v>
      </c>
    </row>
    <row r="1508" spans="1:6" x14ac:dyDescent="0.25">
      <c r="A1508" s="4" t="s">
        <v>14</v>
      </c>
      <c r="B1508" s="1" t="s">
        <v>3146</v>
      </c>
      <c r="C1508" s="5" t="s">
        <v>4553</v>
      </c>
      <c r="D1508" s="1" t="s">
        <v>11037</v>
      </c>
      <c r="E1508" s="5" t="s">
        <v>17364</v>
      </c>
      <c r="F1508" s="6">
        <v>8898</v>
      </c>
    </row>
    <row r="1509" spans="1:6" x14ac:dyDescent="0.25">
      <c r="A1509" s="4" t="s">
        <v>14</v>
      </c>
      <c r="B1509" s="1" t="s">
        <v>3146</v>
      </c>
      <c r="C1509" s="5">
        <v>641107</v>
      </c>
      <c r="D1509" s="1" t="s">
        <v>11050</v>
      </c>
      <c r="E1509" s="5" t="s">
        <v>17379</v>
      </c>
      <c r="F1509" s="6">
        <v>8936</v>
      </c>
    </row>
    <row r="1510" spans="1:6" x14ac:dyDescent="0.25">
      <c r="A1510" s="4" t="s">
        <v>14</v>
      </c>
      <c r="B1510" s="1" t="s">
        <v>3146</v>
      </c>
      <c r="C1510" s="5" t="s">
        <v>5748</v>
      </c>
      <c r="D1510" s="1" t="s">
        <v>11328</v>
      </c>
      <c r="E1510" s="5" t="s">
        <v>17750</v>
      </c>
      <c r="F1510" s="6">
        <v>9372</v>
      </c>
    </row>
    <row r="1511" spans="1:6" x14ac:dyDescent="0.25">
      <c r="A1511" s="4" t="s">
        <v>14</v>
      </c>
      <c r="B1511" s="1" t="s">
        <v>3146</v>
      </c>
      <c r="C1511" s="5" t="s">
        <v>7202</v>
      </c>
      <c r="D1511" s="1" t="s">
        <v>11383</v>
      </c>
      <c r="E1511" s="5" t="s">
        <v>17809</v>
      </c>
      <c r="F1511" s="6">
        <v>9435</v>
      </c>
    </row>
    <row r="1512" spans="1:6" x14ac:dyDescent="0.25">
      <c r="A1512" s="4" t="s">
        <v>14</v>
      </c>
      <c r="B1512" s="1" t="s">
        <v>3146</v>
      </c>
      <c r="C1512" s="5" t="s">
        <v>3224</v>
      </c>
      <c r="D1512" s="1" t="s">
        <v>11434</v>
      </c>
      <c r="E1512" s="5" t="s">
        <v>17867</v>
      </c>
      <c r="F1512" s="6">
        <v>9496</v>
      </c>
    </row>
    <row r="1513" spans="1:6" x14ac:dyDescent="0.25">
      <c r="A1513" s="4" t="s">
        <v>14</v>
      </c>
      <c r="B1513" s="1" t="s">
        <v>3146</v>
      </c>
      <c r="C1513" s="5" t="s">
        <v>7277</v>
      </c>
      <c r="D1513" s="1" t="s">
        <v>11498</v>
      </c>
      <c r="E1513" s="5" t="s">
        <v>17960</v>
      </c>
      <c r="F1513" s="6">
        <v>9592</v>
      </c>
    </row>
    <row r="1514" spans="1:6" x14ac:dyDescent="0.25">
      <c r="A1514" s="4" t="s">
        <v>14</v>
      </c>
      <c r="B1514" s="1" t="s">
        <v>3146</v>
      </c>
      <c r="C1514" s="5" t="s">
        <v>6874</v>
      </c>
      <c r="D1514" s="1" t="s">
        <v>11537</v>
      </c>
      <c r="E1514" s="5" t="s">
        <v>18007</v>
      </c>
      <c r="F1514" s="6">
        <v>9639</v>
      </c>
    </row>
    <row r="1515" spans="1:6" x14ac:dyDescent="0.25">
      <c r="A1515" s="4" t="s">
        <v>14</v>
      </c>
      <c r="B1515" s="1" t="s">
        <v>3146</v>
      </c>
      <c r="C1515" s="5" t="s">
        <v>7298</v>
      </c>
      <c r="D1515" s="1" t="s">
        <v>11540</v>
      </c>
      <c r="E1515" s="5" t="s">
        <v>18010</v>
      </c>
      <c r="F1515" s="6">
        <v>9642</v>
      </c>
    </row>
    <row r="1516" spans="1:6" x14ac:dyDescent="0.25">
      <c r="A1516" s="4" t="s">
        <v>2256</v>
      </c>
      <c r="B1516" s="1" t="s">
        <v>3158</v>
      </c>
      <c r="C1516" s="5" t="s">
        <v>5987</v>
      </c>
      <c r="D1516" s="1" t="s">
        <v>2256</v>
      </c>
      <c r="E1516" s="5" t="s">
        <v>15363</v>
      </c>
      <c r="F1516" s="6">
        <v>4100</v>
      </c>
    </row>
    <row r="1517" spans="1:6" x14ac:dyDescent="0.25">
      <c r="A1517" s="4" t="s">
        <v>341</v>
      </c>
      <c r="B1517" s="1" t="s">
        <v>1147</v>
      </c>
      <c r="C1517" s="5" t="s">
        <v>3828</v>
      </c>
      <c r="D1517" s="1" t="s">
        <v>8002</v>
      </c>
      <c r="E1517" s="5" t="s">
        <v>12325</v>
      </c>
      <c r="F1517" s="6">
        <v>821</v>
      </c>
    </row>
    <row r="1518" spans="1:6" x14ac:dyDescent="0.25">
      <c r="A1518" s="4" t="s">
        <v>1826</v>
      </c>
      <c r="B1518" s="1" t="s">
        <v>1147</v>
      </c>
      <c r="C1518" s="5" t="s">
        <v>5598</v>
      </c>
      <c r="D1518" s="1" t="s">
        <v>1826</v>
      </c>
      <c r="E1518" s="5" t="s">
        <v>14651</v>
      </c>
      <c r="F1518" s="6">
        <v>3349</v>
      </c>
    </row>
    <row r="1519" spans="1:6" x14ac:dyDescent="0.25">
      <c r="A1519" s="4" t="s">
        <v>347</v>
      </c>
      <c r="B1519" s="1" t="s">
        <v>3148</v>
      </c>
      <c r="C1519" s="5" t="s">
        <v>3842</v>
      </c>
      <c r="D1519" s="1" t="s">
        <v>8018</v>
      </c>
      <c r="E1519" s="5" t="s">
        <v>12343</v>
      </c>
      <c r="F1519" s="6">
        <v>848</v>
      </c>
    </row>
    <row r="1520" spans="1:6" x14ac:dyDescent="0.25">
      <c r="A1520" s="4" t="s">
        <v>348</v>
      </c>
      <c r="B1520" s="1" t="s">
        <v>3148</v>
      </c>
      <c r="C1520" s="5" t="s">
        <v>3843</v>
      </c>
      <c r="D1520" s="1" t="s">
        <v>8019</v>
      </c>
      <c r="E1520" s="5" t="s">
        <v>12344</v>
      </c>
      <c r="F1520" s="6">
        <v>849</v>
      </c>
    </row>
    <row r="1521" spans="1:6" x14ac:dyDescent="0.25">
      <c r="A1521" s="4" t="s">
        <v>348</v>
      </c>
      <c r="B1521" s="1" t="s">
        <v>3148</v>
      </c>
      <c r="C1521" s="5" t="s">
        <v>3843</v>
      </c>
      <c r="D1521" s="1" t="s">
        <v>10469</v>
      </c>
      <c r="E1521" s="5" t="s">
        <v>16629</v>
      </c>
      <c r="F1521" s="6">
        <v>6421</v>
      </c>
    </row>
    <row r="1522" spans="1:6" x14ac:dyDescent="0.25">
      <c r="A1522" s="4" t="s">
        <v>2204</v>
      </c>
      <c r="B1522" s="1" t="s">
        <v>3146</v>
      </c>
      <c r="C1522" s="5" t="s">
        <v>5919</v>
      </c>
      <c r="D1522" s="1" t="s">
        <v>2204</v>
      </c>
      <c r="E1522" s="5" t="s">
        <v>15271</v>
      </c>
      <c r="F1522" s="6">
        <v>4006</v>
      </c>
    </row>
    <row r="1523" spans="1:6" x14ac:dyDescent="0.25">
      <c r="A1523" s="4" t="s">
        <v>445</v>
      </c>
      <c r="B1523" s="1" t="s">
        <v>3146</v>
      </c>
      <c r="C1523" s="5" t="s">
        <v>3992</v>
      </c>
      <c r="D1523" s="1" t="s">
        <v>8142</v>
      </c>
      <c r="E1523" s="5" t="s">
        <v>12535</v>
      </c>
      <c r="F1523" s="6">
        <v>1060</v>
      </c>
    </row>
    <row r="1524" spans="1:6" x14ac:dyDescent="0.25">
      <c r="A1524" s="4" t="s">
        <v>445</v>
      </c>
      <c r="B1524" s="1" t="s">
        <v>3146</v>
      </c>
      <c r="C1524" s="5" t="s">
        <v>6946</v>
      </c>
      <c r="D1524" s="1" t="s">
        <v>10980</v>
      </c>
      <c r="E1524" s="5" t="s">
        <v>17288</v>
      </c>
      <c r="F1524" s="6">
        <v>8544</v>
      </c>
    </row>
    <row r="1525" spans="1:6" x14ac:dyDescent="0.25">
      <c r="A1525" s="4" t="s">
        <v>274</v>
      </c>
      <c r="B1525" s="1" t="s">
        <v>3155</v>
      </c>
      <c r="C1525" s="5" t="s">
        <v>3735</v>
      </c>
      <c r="D1525" s="1" t="s">
        <v>274</v>
      </c>
      <c r="E1525" s="5" t="s">
        <v>12219</v>
      </c>
      <c r="F1525" s="6">
        <v>704</v>
      </c>
    </row>
    <row r="1526" spans="1:6" x14ac:dyDescent="0.25">
      <c r="A1526" s="4" t="s">
        <v>274</v>
      </c>
      <c r="B1526" s="1" t="s">
        <v>3155</v>
      </c>
      <c r="C1526" s="5" t="s">
        <v>3735</v>
      </c>
      <c r="D1526" s="1" t="s">
        <v>9493</v>
      </c>
      <c r="E1526" s="5" t="s">
        <v>15274</v>
      </c>
      <c r="F1526" s="6">
        <v>4009</v>
      </c>
    </row>
    <row r="1527" spans="1:6" x14ac:dyDescent="0.25">
      <c r="A1527" s="4" t="s">
        <v>274</v>
      </c>
      <c r="B1527" s="1" t="s">
        <v>3155</v>
      </c>
      <c r="C1527" s="5" t="s">
        <v>6907</v>
      </c>
      <c r="D1527" s="1" t="s">
        <v>10901</v>
      </c>
      <c r="E1527" s="5" t="s">
        <v>17189</v>
      </c>
      <c r="F1527" s="6">
        <v>8162</v>
      </c>
    </row>
    <row r="1528" spans="1:6" x14ac:dyDescent="0.25">
      <c r="A1528" s="4" t="s">
        <v>972</v>
      </c>
      <c r="B1528" s="1" t="s">
        <v>1147</v>
      </c>
      <c r="C1528" s="5" t="s">
        <v>4718</v>
      </c>
      <c r="D1528" s="1" t="s">
        <v>972</v>
      </c>
      <c r="E1528" s="5" t="s">
        <v>13539</v>
      </c>
      <c r="F1528" s="6">
        <v>2178</v>
      </c>
    </row>
    <row r="1529" spans="1:6" x14ac:dyDescent="0.25">
      <c r="A1529" s="4" t="s">
        <v>168</v>
      </c>
      <c r="B1529" s="1" t="s">
        <v>1147</v>
      </c>
      <c r="C1529" s="5" t="s">
        <v>3464</v>
      </c>
      <c r="D1529" s="1" t="s">
        <v>7595</v>
      </c>
      <c r="E1529" s="5" t="s">
        <v>11884</v>
      </c>
      <c r="F1529" s="6">
        <v>316</v>
      </c>
    </row>
    <row r="1530" spans="1:6" x14ac:dyDescent="0.25">
      <c r="A1530" s="4" t="s">
        <v>1813</v>
      </c>
      <c r="B1530" s="1" t="s">
        <v>1147</v>
      </c>
      <c r="C1530" s="5" t="s">
        <v>5586</v>
      </c>
      <c r="D1530" s="1" t="s">
        <v>1813</v>
      </c>
      <c r="E1530" s="5" t="s">
        <v>14636</v>
      </c>
      <c r="F1530" s="6">
        <v>3332</v>
      </c>
    </row>
    <row r="1531" spans="1:6" x14ac:dyDescent="0.25">
      <c r="A1531" s="4" t="s">
        <v>131</v>
      </c>
      <c r="B1531" s="1" t="s">
        <v>3160</v>
      </c>
      <c r="C1531" s="5" t="s">
        <v>3398</v>
      </c>
      <c r="D1531" s="1" t="s">
        <v>7523</v>
      </c>
      <c r="E1531" s="5" t="s">
        <v>11808</v>
      </c>
      <c r="F1531" s="6">
        <v>236</v>
      </c>
    </row>
    <row r="1532" spans="1:6" x14ac:dyDescent="0.25">
      <c r="A1532" s="4" t="s">
        <v>131</v>
      </c>
      <c r="B1532" s="1" t="s">
        <v>3160</v>
      </c>
      <c r="C1532" s="5" t="s">
        <v>3398</v>
      </c>
      <c r="D1532" s="1" t="s">
        <v>8714</v>
      </c>
      <c r="E1532" s="5" t="s">
        <v>13340</v>
      </c>
      <c r="F1532" s="6">
        <v>1973</v>
      </c>
    </row>
    <row r="1533" spans="1:6" x14ac:dyDescent="0.25">
      <c r="A1533" s="4" t="s">
        <v>131</v>
      </c>
      <c r="B1533" s="1" t="s">
        <v>3160</v>
      </c>
      <c r="C1533" s="5" t="s">
        <v>4956</v>
      </c>
      <c r="D1533" s="1" t="s">
        <v>8886</v>
      </c>
      <c r="E1533" s="5" t="s">
        <v>13806</v>
      </c>
      <c r="F1533" s="6">
        <v>2456</v>
      </c>
    </row>
    <row r="1534" spans="1:6" x14ac:dyDescent="0.25">
      <c r="A1534" s="4" t="s">
        <v>131</v>
      </c>
      <c r="B1534" s="1" t="s">
        <v>3160</v>
      </c>
      <c r="C1534" s="5" t="s">
        <v>3398</v>
      </c>
      <c r="D1534" s="1" t="s">
        <v>8942</v>
      </c>
      <c r="E1534" s="5" t="s">
        <v>13918</v>
      </c>
      <c r="F1534" s="6">
        <v>2570</v>
      </c>
    </row>
    <row r="1535" spans="1:6" x14ac:dyDescent="0.25">
      <c r="A1535" s="4" t="s">
        <v>131</v>
      </c>
      <c r="B1535" s="1" t="s">
        <v>3160</v>
      </c>
      <c r="C1535" s="5" t="s">
        <v>5044</v>
      </c>
      <c r="D1535" s="1" t="s">
        <v>8943</v>
      </c>
      <c r="E1535" s="5" t="s">
        <v>13919</v>
      </c>
      <c r="F1535" s="6">
        <v>2571</v>
      </c>
    </row>
    <row r="1536" spans="1:6" x14ac:dyDescent="0.25">
      <c r="A1536" s="4" t="s">
        <v>131</v>
      </c>
      <c r="B1536" s="1" t="s">
        <v>3160</v>
      </c>
      <c r="C1536" s="5" t="s">
        <v>5053</v>
      </c>
      <c r="D1536" s="1" t="s">
        <v>8953</v>
      </c>
      <c r="E1536" s="5" t="s">
        <v>13932</v>
      </c>
      <c r="F1536" s="6">
        <v>2584</v>
      </c>
    </row>
    <row r="1537" spans="1:6" x14ac:dyDescent="0.25">
      <c r="A1537" s="4" t="s">
        <v>131</v>
      </c>
      <c r="B1537" s="1" t="s">
        <v>3160</v>
      </c>
      <c r="C1537" s="5" t="s">
        <v>5144</v>
      </c>
      <c r="D1537" s="1" t="s">
        <v>9001</v>
      </c>
      <c r="E1537" s="5" t="s">
        <v>14040</v>
      </c>
      <c r="F1537" s="6">
        <v>2694</v>
      </c>
    </row>
    <row r="1538" spans="1:6" x14ac:dyDescent="0.25">
      <c r="A1538" s="4" t="s">
        <v>131</v>
      </c>
      <c r="B1538" s="1" t="s">
        <v>3160</v>
      </c>
      <c r="C1538" s="5" t="s">
        <v>5786</v>
      </c>
      <c r="D1538" s="1" t="s">
        <v>9312</v>
      </c>
      <c r="E1538" s="5" t="s">
        <v>14998</v>
      </c>
      <c r="F1538" s="6">
        <v>3723</v>
      </c>
    </row>
    <row r="1539" spans="1:6" x14ac:dyDescent="0.25">
      <c r="A1539" s="4" t="s">
        <v>131</v>
      </c>
      <c r="B1539" s="1" t="s">
        <v>3160</v>
      </c>
      <c r="C1539" s="5" t="s">
        <v>5977</v>
      </c>
      <c r="D1539" s="1" t="s">
        <v>9540</v>
      </c>
      <c r="E1539" s="5" t="s">
        <v>15350</v>
      </c>
      <c r="F1539" s="6">
        <v>4087</v>
      </c>
    </row>
    <row r="1540" spans="1:6" x14ac:dyDescent="0.25">
      <c r="A1540" s="4" t="s">
        <v>131</v>
      </c>
      <c r="B1540" s="1" t="s">
        <v>3160</v>
      </c>
      <c r="C1540" s="5" t="s">
        <v>3398</v>
      </c>
      <c r="D1540" s="1" t="s">
        <v>9590</v>
      </c>
      <c r="E1540" s="5" t="s">
        <v>15434</v>
      </c>
      <c r="F1540" s="6">
        <v>4172</v>
      </c>
    </row>
    <row r="1541" spans="1:6" x14ac:dyDescent="0.25">
      <c r="A1541" s="4" t="s">
        <v>131</v>
      </c>
      <c r="B1541" s="1" t="s">
        <v>3160</v>
      </c>
      <c r="C1541" s="5" t="s">
        <v>4956</v>
      </c>
      <c r="D1541" s="1" t="s">
        <v>9712</v>
      </c>
      <c r="E1541" s="5" t="s">
        <v>15604</v>
      </c>
      <c r="F1541" s="6">
        <v>4346</v>
      </c>
    </row>
    <row r="1542" spans="1:6" x14ac:dyDescent="0.25">
      <c r="A1542" s="4" t="s">
        <v>131</v>
      </c>
      <c r="B1542" s="1" t="s">
        <v>3160</v>
      </c>
      <c r="C1542" s="5" t="s">
        <v>3398</v>
      </c>
      <c r="D1542" s="1" t="s">
        <v>9713</v>
      </c>
      <c r="E1542" s="5" t="s">
        <v>15605</v>
      </c>
      <c r="F1542" s="6">
        <v>4347</v>
      </c>
    </row>
    <row r="1543" spans="1:6" x14ac:dyDescent="0.25">
      <c r="A1543" s="4" t="s">
        <v>131</v>
      </c>
      <c r="B1543" s="1" t="s">
        <v>3160</v>
      </c>
      <c r="C1543" s="5" t="s">
        <v>3398</v>
      </c>
      <c r="D1543" s="1" t="s">
        <v>9881</v>
      </c>
      <c r="E1543" s="5" t="s">
        <v>15815</v>
      </c>
      <c r="F1543" s="6">
        <v>4725</v>
      </c>
    </row>
    <row r="1544" spans="1:6" x14ac:dyDescent="0.25">
      <c r="A1544" s="4" t="s">
        <v>1372</v>
      </c>
      <c r="B1544" s="1" t="s">
        <v>3149</v>
      </c>
      <c r="C1544" s="5" t="s">
        <v>5173</v>
      </c>
      <c r="D1544" s="1" t="s">
        <v>9023</v>
      </c>
      <c r="E1544" s="5" t="s">
        <v>14081</v>
      </c>
      <c r="F1544" s="6">
        <v>2736</v>
      </c>
    </row>
    <row r="1545" spans="1:6" x14ac:dyDescent="0.25">
      <c r="A1545" s="4" t="s">
        <v>1041</v>
      </c>
      <c r="B1545" s="1" t="s">
        <v>3157</v>
      </c>
      <c r="C1545" s="5" t="s">
        <v>3305</v>
      </c>
      <c r="D1545" s="1" t="s">
        <v>1041</v>
      </c>
      <c r="E1545" s="5" t="s">
        <v>13609</v>
      </c>
      <c r="F1545" s="6">
        <v>2251</v>
      </c>
    </row>
    <row r="1546" spans="1:6" x14ac:dyDescent="0.25">
      <c r="A1546" s="4" t="s">
        <v>1194</v>
      </c>
      <c r="B1546" s="1" t="s">
        <v>3147</v>
      </c>
      <c r="C1546" s="5" t="s">
        <v>4947</v>
      </c>
      <c r="D1546" s="1" t="s">
        <v>1194</v>
      </c>
      <c r="E1546" s="5" t="s">
        <v>13794</v>
      </c>
      <c r="F1546" s="6">
        <v>2444</v>
      </c>
    </row>
    <row r="1547" spans="1:6" x14ac:dyDescent="0.25">
      <c r="A1547" s="4" t="s">
        <v>1358</v>
      </c>
      <c r="B1547" s="1" t="s">
        <v>3153</v>
      </c>
      <c r="C1547" s="5" t="s">
        <v>5154</v>
      </c>
      <c r="D1547" s="1" t="s">
        <v>1358</v>
      </c>
      <c r="E1547" s="5" t="s">
        <v>14057</v>
      </c>
      <c r="F1547" s="6">
        <v>2712</v>
      </c>
    </row>
    <row r="1548" spans="1:6" x14ac:dyDescent="0.25">
      <c r="A1548" s="4" t="s">
        <v>386</v>
      </c>
      <c r="B1548" s="1" t="s">
        <v>3158</v>
      </c>
      <c r="C1548" s="5" t="s">
        <v>3901</v>
      </c>
      <c r="D1548" s="1" t="s">
        <v>386</v>
      </c>
      <c r="E1548" s="5" t="s">
        <v>12414</v>
      </c>
      <c r="F1548" s="6">
        <v>927</v>
      </c>
    </row>
    <row r="1549" spans="1:6" x14ac:dyDescent="0.25">
      <c r="A1549" s="4" t="s">
        <v>386</v>
      </c>
      <c r="B1549" s="1" t="s">
        <v>3158</v>
      </c>
      <c r="C1549" s="5" t="s">
        <v>5664</v>
      </c>
      <c r="D1549" s="1" t="s">
        <v>9219</v>
      </c>
      <c r="E1549" s="5" t="s">
        <v>14761</v>
      </c>
      <c r="F1549" s="6">
        <v>3472</v>
      </c>
    </row>
    <row r="1550" spans="1:6" x14ac:dyDescent="0.25">
      <c r="A1550" s="4" t="s">
        <v>386</v>
      </c>
      <c r="B1550" s="1" t="s">
        <v>3158</v>
      </c>
      <c r="C1550" s="5">
        <v>201009</v>
      </c>
      <c r="D1550" s="1" t="s">
        <v>10148</v>
      </c>
      <c r="E1550" s="5" t="s">
        <v>16158</v>
      </c>
      <c r="F1550" s="6">
        <v>5270</v>
      </c>
    </row>
    <row r="1551" spans="1:6" x14ac:dyDescent="0.25">
      <c r="A1551" s="4" t="s">
        <v>2065</v>
      </c>
      <c r="B1551" s="1" t="s">
        <v>3147</v>
      </c>
      <c r="C1551" s="5" t="s">
        <v>3924</v>
      </c>
      <c r="D1551" s="1" t="s">
        <v>2065</v>
      </c>
      <c r="E1551" s="5" t="s">
        <v>14907</v>
      </c>
      <c r="F1551" s="6">
        <v>3625</v>
      </c>
    </row>
    <row r="1552" spans="1:6" x14ac:dyDescent="0.25">
      <c r="A1552" s="4" t="s">
        <v>3131</v>
      </c>
      <c r="B1552" s="1" t="s">
        <v>3147</v>
      </c>
      <c r="C1552" s="5" t="s">
        <v>3796</v>
      </c>
      <c r="D1552" s="1" t="s">
        <v>11562</v>
      </c>
      <c r="E1552" s="5" t="s">
        <v>18033</v>
      </c>
      <c r="F1552" s="6">
        <v>9665</v>
      </c>
    </row>
    <row r="1553" spans="1:6" x14ac:dyDescent="0.25">
      <c r="A1553" s="4" t="s">
        <v>89</v>
      </c>
      <c r="B1553" s="1" t="s">
        <v>3144</v>
      </c>
      <c r="C1553" s="5" t="s">
        <v>3344</v>
      </c>
      <c r="D1553" s="1" t="s">
        <v>7471</v>
      </c>
      <c r="E1553" s="5" t="s">
        <v>11752</v>
      </c>
      <c r="F1553" s="6">
        <v>173</v>
      </c>
    </row>
    <row r="1554" spans="1:6" x14ac:dyDescent="0.25">
      <c r="A1554" s="4" t="s">
        <v>13</v>
      </c>
      <c r="B1554" s="1" t="s">
        <v>3147</v>
      </c>
      <c r="C1554" s="5" t="s">
        <v>3223</v>
      </c>
      <c r="D1554" s="1" t="s">
        <v>7350</v>
      </c>
      <c r="E1554" s="5" t="s">
        <v>11622</v>
      </c>
      <c r="F1554" s="6">
        <v>30</v>
      </c>
    </row>
    <row r="1555" spans="1:6" x14ac:dyDescent="0.25">
      <c r="A1555" s="4" t="s">
        <v>3038</v>
      </c>
      <c r="B1555" s="1" t="s">
        <v>3154</v>
      </c>
      <c r="C1555" s="5" t="s">
        <v>7139</v>
      </c>
      <c r="D1555" s="1" t="s">
        <v>3038</v>
      </c>
      <c r="E1555" s="5" t="s">
        <v>17651</v>
      </c>
      <c r="F1555" s="6">
        <v>9269</v>
      </c>
    </row>
    <row r="1556" spans="1:6" x14ac:dyDescent="0.25">
      <c r="A1556" s="4" t="s">
        <v>1982</v>
      </c>
      <c r="B1556" s="1" t="s">
        <v>3144</v>
      </c>
      <c r="C1556" s="5" t="s">
        <v>5490</v>
      </c>
      <c r="D1556" s="1" t="s">
        <v>1982</v>
      </c>
      <c r="E1556" s="5" t="s">
        <v>14819</v>
      </c>
      <c r="F1556" s="6">
        <v>3531</v>
      </c>
    </row>
    <row r="1557" spans="1:6" x14ac:dyDescent="0.25">
      <c r="A1557" s="4" t="s">
        <v>2515</v>
      </c>
      <c r="B1557" s="1" t="s">
        <v>3144</v>
      </c>
      <c r="C1557" s="5" t="s">
        <v>6402</v>
      </c>
      <c r="D1557" s="1" t="s">
        <v>2515</v>
      </c>
      <c r="E1557" s="5" t="s">
        <v>16142</v>
      </c>
      <c r="F1557" s="6">
        <v>5240</v>
      </c>
    </row>
    <row r="1558" spans="1:6" x14ac:dyDescent="0.25">
      <c r="A1558" s="4" t="s">
        <v>320</v>
      </c>
      <c r="B1558" s="1" t="s">
        <v>3147</v>
      </c>
      <c r="C1558" s="5" t="s">
        <v>3796</v>
      </c>
      <c r="D1558" s="1" t="s">
        <v>7974</v>
      </c>
      <c r="E1558" s="5" t="s">
        <v>12291</v>
      </c>
      <c r="F1558" s="6">
        <v>785</v>
      </c>
    </row>
    <row r="1559" spans="1:6" x14ac:dyDescent="0.25">
      <c r="A1559" s="4" t="s">
        <v>1121</v>
      </c>
      <c r="B1559" s="1" t="s">
        <v>3147</v>
      </c>
      <c r="C1559" s="5" t="s">
        <v>4863</v>
      </c>
      <c r="D1559" s="1" t="s">
        <v>1121</v>
      </c>
      <c r="E1559" s="5" t="s">
        <v>13694</v>
      </c>
      <c r="F1559" s="6">
        <v>2341</v>
      </c>
    </row>
    <row r="1560" spans="1:6" x14ac:dyDescent="0.25">
      <c r="A1560" s="4" t="s">
        <v>1906</v>
      </c>
      <c r="B1560" s="1" t="s">
        <v>3152</v>
      </c>
      <c r="C1560" s="5" t="s">
        <v>5655</v>
      </c>
      <c r="D1560" s="1" t="s">
        <v>1906</v>
      </c>
      <c r="E1560" s="5" t="s">
        <v>14739</v>
      </c>
      <c r="F1560" s="6">
        <v>3450</v>
      </c>
    </row>
    <row r="1561" spans="1:6" x14ac:dyDescent="0.25">
      <c r="A1561" s="4" t="s">
        <v>1084</v>
      </c>
      <c r="B1561" s="1" t="s">
        <v>3165</v>
      </c>
      <c r="C1561" s="5" t="s">
        <v>4827</v>
      </c>
      <c r="D1561" s="1" t="s">
        <v>1084</v>
      </c>
      <c r="E1561" s="5" t="s">
        <v>13654</v>
      </c>
      <c r="F1561" s="6">
        <v>2300</v>
      </c>
    </row>
    <row r="1562" spans="1:6" x14ac:dyDescent="0.25">
      <c r="A1562" s="4" t="s">
        <v>2943</v>
      </c>
      <c r="B1562" s="1" t="s">
        <v>3148</v>
      </c>
      <c r="C1562" s="5" t="s">
        <v>6962</v>
      </c>
      <c r="D1562" s="1" t="s">
        <v>2943</v>
      </c>
      <c r="E1562" s="5" t="s">
        <v>17326</v>
      </c>
      <c r="F1562" s="6">
        <v>8733</v>
      </c>
    </row>
    <row r="1563" spans="1:6" x14ac:dyDescent="0.25">
      <c r="A1563" s="4" t="s">
        <v>1427</v>
      </c>
      <c r="B1563" s="1" t="s">
        <v>3161</v>
      </c>
      <c r="C1563" s="5" t="s">
        <v>5235</v>
      </c>
      <c r="D1563" s="1" t="s">
        <v>9069</v>
      </c>
      <c r="E1563" s="5" t="s">
        <v>14170</v>
      </c>
      <c r="F1563" s="6">
        <v>2827</v>
      </c>
    </row>
    <row r="1564" spans="1:6" x14ac:dyDescent="0.25">
      <c r="A1564" s="4" t="s">
        <v>911</v>
      </c>
      <c r="B1564" s="1" t="s">
        <v>812</v>
      </c>
      <c r="C1564" s="5" t="s">
        <v>4659</v>
      </c>
      <c r="D1564" s="1" t="s">
        <v>911</v>
      </c>
      <c r="E1564" s="5" t="s">
        <v>13477</v>
      </c>
      <c r="F1564" s="6">
        <v>2114</v>
      </c>
    </row>
    <row r="1565" spans="1:6" x14ac:dyDescent="0.25">
      <c r="A1565" s="4" t="s">
        <v>672</v>
      </c>
      <c r="B1565" s="1" t="s">
        <v>3159</v>
      </c>
      <c r="C1565" s="5" t="s">
        <v>4370</v>
      </c>
      <c r="D1565" s="1" t="s">
        <v>8592</v>
      </c>
      <c r="E1565" s="5" t="s">
        <v>13110</v>
      </c>
      <c r="F1565" s="6">
        <v>1743</v>
      </c>
    </row>
    <row r="1566" spans="1:6" x14ac:dyDescent="0.25">
      <c r="A1566" s="4" t="s">
        <v>64</v>
      </c>
      <c r="B1566" s="1" t="s">
        <v>3157</v>
      </c>
      <c r="C1566" s="5" t="s">
        <v>3305</v>
      </c>
      <c r="D1566" s="1" t="s">
        <v>64</v>
      </c>
      <c r="E1566" s="5" t="s">
        <v>11709</v>
      </c>
      <c r="F1566" s="6">
        <v>130</v>
      </c>
    </row>
    <row r="1567" spans="1:6" x14ac:dyDescent="0.25">
      <c r="A1567" s="4" t="s">
        <v>379</v>
      </c>
      <c r="B1567" s="1" t="s">
        <v>3153</v>
      </c>
      <c r="C1567" s="5" t="s">
        <v>3893</v>
      </c>
      <c r="D1567" s="1" t="s">
        <v>8055</v>
      </c>
      <c r="E1567" s="5" t="s">
        <v>12401</v>
      </c>
      <c r="F1567" s="6">
        <v>914</v>
      </c>
    </row>
    <row r="1568" spans="1:6" x14ac:dyDescent="0.25">
      <c r="A1568" s="4" t="s">
        <v>379</v>
      </c>
      <c r="B1568" s="1" t="s">
        <v>3153</v>
      </c>
      <c r="C1568" s="5" t="s">
        <v>6901</v>
      </c>
      <c r="D1568" s="1" t="s">
        <v>10895</v>
      </c>
      <c r="E1568" s="5" t="s">
        <v>17182</v>
      </c>
      <c r="F1568" s="6">
        <v>8143</v>
      </c>
    </row>
    <row r="1569" spans="1:6" x14ac:dyDescent="0.25">
      <c r="A1569" s="4" t="s">
        <v>2770</v>
      </c>
      <c r="B1569" s="1" t="s">
        <v>3187</v>
      </c>
      <c r="C1569" s="5">
        <v>176403</v>
      </c>
      <c r="D1569" s="1" t="s">
        <v>2770</v>
      </c>
      <c r="E1569" s="5" t="s">
        <v>16776</v>
      </c>
      <c r="F1569" s="6">
        <v>6915</v>
      </c>
    </row>
    <row r="1570" spans="1:6" x14ac:dyDescent="0.25">
      <c r="A1570" s="4" t="s">
        <v>2712</v>
      </c>
      <c r="B1570" s="1" t="s">
        <v>3158</v>
      </c>
      <c r="C1570" s="5" t="s">
        <v>6647</v>
      </c>
      <c r="D1570" s="1" t="s">
        <v>2712</v>
      </c>
      <c r="E1570" s="5" t="s">
        <v>16613</v>
      </c>
      <c r="F1570" s="6">
        <v>6381</v>
      </c>
    </row>
    <row r="1571" spans="1:6" x14ac:dyDescent="0.25">
      <c r="A1571" s="4" t="s">
        <v>416</v>
      </c>
      <c r="B1571" s="1" t="s">
        <v>3148</v>
      </c>
      <c r="C1571" s="5" t="s">
        <v>3938</v>
      </c>
      <c r="D1571" s="1" t="s">
        <v>416</v>
      </c>
      <c r="E1571" s="5" t="s">
        <v>12462</v>
      </c>
      <c r="F1571" s="6">
        <v>980</v>
      </c>
    </row>
    <row r="1572" spans="1:6" x14ac:dyDescent="0.25">
      <c r="A1572" s="4" t="s">
        <v>2901</v>
      </c>
      <c r="B1572" s="1" t="s">
        <v>3161</v>
      </c>
      <c r="C1572" s="5" t="s">
        <v>6913</v>
      </c>
      <c r="D1572" s="1" t="s">
        <v>2901</v>
      </c>
      <c r="E1572" s="5" t="s">
        <v>17204</v>
      </c>
      <c r="F1572" s="6">
        <v>8183</v>
      </c>
    </row>
    <row r="1573" spans="1:6" x14ac:dyDescent="0.25">
      <c r="A1573" s="4" t="s">
        <v>2991</v>
      </c>
      <c r="B1573" s="1" t="s">
        <v>3144</v>
      </c>
      <c r="C1573" s="5" t="s">
        <v>7042</v>
      </c>
      <c r="D1573" s="1" t="s">
        <v>2991</v>
      </c>
      <c r="E1573" s="5" t="s">
        <v>17492</v>
      </c>
      <c r="F1573" s="6">
        <v>9104</v>
      </c>
    </row>
    <row r="1574" spans="1:6" x14ac:dyDescent="0.25">
      <c r="A1574" s="4" t="s">
        <v>1885</v>
      </c>
      <c r="B1574" s="1" t="s">
        <v>3163</v>
      </c>
      <c r="C1574" s="5" t="s">
        <v>5286</v>
      </c>
      <c r="D1574" s="1" t="s">
        <v>9215</v>
      </c>
      <c r="E1574" s="5" t="s">
        <v>14718</v>
      </c>
      <c r="F1574" s="6">
        <v>3425</v>
      </c>
    </row>
    <row r="1575" spans="1:6" x14ac:dyDescent="0.25">
      <c r="A1575" s="4" t="s">
        <v>2007</v>
      </c>
      <c r="B1575" s="1" t="s">
        <v>3154</v>
      </c>
      <c r="C1575" s="5" t="s">
        <v>5708</v>
      </c>
      <c r="D1575" s="1" t="s">
        <v>9230</v>
      </c>
      <c r="E1575" s="5" t="s">
        <v>14845</v>
      </c>
      <c r="F1575" s="6">
        <v>3558</v>
      </c>
    </row>
    <row r="1576" spans="1:6" x14ac:dyDescent="0.25">
      <c r="A1576" s="4" t="s">
        <v>301</v>
      </c>
      <c r="B1576" s="1" t="s">
        <v>812</v>
      </c>
      <c r="C1576" s="5" t="s">
        <v>3776</v>
      </c>
      <c r="D1576" s="1" t="s">
        <v>7955</v>
      </c>
      <c r="E1576" s="5" t="s">
        <v>12270</v>
      </c>
      <c r="F1576" s="6">
        <v>762</v>
      </c>
    </row>
    <row r="1577" spans="1:6" x14ac:dyDescent="0.25">
      <c r="A1577" s="4" t="s">
        <v>301</v>
      </c>
      <c r="B1577" s="1" t="s">
        <v>812</v>
      </c>
      <c r="C1577" s="5" t="s">
        <v>5903</v>
      </c>
      <c r="D1577" s="1" t="s">
        <v>9457</v>
      </c>
      <c r="E1577" s="5" t="s">
        <v>15224</v>
      </c>
      <c r="F1577" s="6">
        <v>3958</v>
      </c>
    </row>
    <row r="1578" spans="1:6" x14ac:dyDescent="0.25">
      <c r="A1578" s="4" t="s">
        <v>301</v>
      </c>
      <c r="B1578" s="1" t="s">
        <v>812</v>
      </c>
      <c r="C1578" s="5" t="s">
        <v>3776</v>
      </c>
      <c r="D1578" s="1" t="s">
        <v>10106</v>
      </c>
      <c r="E1578" s="5" t="s">
        <v>16105</v>
      </c>
      <c r="F1578" s="6">
        <v>5160</v>
      </c>
    </row>
    <row r="1579" spans="1:6" x14ac:dyDescent="0.25">
      <c r="A1579" s="4" t="s">
        <v>1152</v>
      </c>
      <c r="B1579" s="1" t="s">
        <v>3147</v>
      </c>
      <c r="C1579" s="5" t="s">
        <v>4892</v>
      </c>
      <c r="D1579" s="1" t="s">
        <v>8836</v>
      </c>
      <c r="E1579" s="5" t="s">
        <v>13726</v>
      </c>
      <c r="F1579" s="6">
        <v>2374</v>
      </c>
    </row>
    <row r="1580" spans="1:6" x14ac:dyDescent="0.25">
      <c r="A1580" s="4" t="s">
        <v>215</v>
      </c>
      <c r="B1580" s="1" t="s">
        <v>3148</v>
      </c>
      <c r="C1580" s="5" t="s">
        <v>3586</v>
      </c>
      <c r="D1580" s="1" t="s">
        <v>7725</v>
      </c>
      <c r="E1580" s="5" t="s">
        <v>12021</v>
      </c>
      <c r="F1580" s="6">
        <v>454</v>
      </c>
    </row>
    <row r="1581" spans="1:6" x14ac:dyDescent="0.25">
      <c r="A1581" s="4" t="s">
        <v>215</v>
      </c>
      <c r="B1581" s="1" t="s">
        <v>3148</v>
      </c>
      <c r="C1581" s="5" t="s">
        <v>6843</v>
      </c>
      <c r="D1581" s="1" t="s">
        <v>10752</v>
      </c>
      <c r="E1581" s="5" t="s">
        <v>17000</v>
      </c>
      <c r="F1581" s="6">
        <v>7548</v>
      </c>
    </row>
    <row r="1582" spans="1:6" x14ac:dyDescent="0.25">
      <c r="A1582" s="4" t="s">
        <v>1881</v>
      </c>
      <c r="B1582" s="1" t="s">
        <v>3165</v>
      </c>
      <c r="C1582" s="5" t="s">
        <v>5640</v>
      </c>
      <c r="D1582" s="1" t="s">
        <v>1881</v>
      </c>
      <c r="E1582" s="5" t="s">
        <v>14714</v>
      </c>
      <c r="F1582" s="6">
        <v>3421</v>
      </c>
    </row>
    <row r="1583" spans="1:6" x14ac:dyDescent="0.25">
      <c r="A1583" s="4" t="s">
        <v>2911</v>
      </c>
      <c r="B1583" s="1" t="s">
        <v>3155</v>
      </c>
      <c r="C1583" s="5" t="s">
        <v>6925</v>
      </c>
      <c r="D1583" s="1" t="s">
        <v>2911</v>
      </c>
      <c r="E1583" s="5" t="s">
        <v>17236</v>
      </c>
      <c r="F1583" s="6">
        <v>8275</v>
      </c>
    </row>
    <row r="1584" spans="1:6" x14ac:dyDescent="0.25">
      <c r="A1584" s="4" t="s">
        <v>2713</v>
      </c>
      <c r="B1584" s="1" t="s">
        <v>3144</v>
      </c>
      <c r="C1584" s="5" t="s">
        <v>6648</v>
      </c>
      <c r="D1584" s="1" t="s">
        <v>2713</v>
      </c>
      <c r="E1584" s="5" t="s">
        <v>16614</v>
      </c>
      <c r="F1584" s="6">
        <v>6383</v>
      </c>
    </row>
    <row r="1585" spans="1:6" x14ac:dyDescent="0.25">
      <c r="A1585" s="4" t="s">
        <v>1539</v>
      </c>
      <c r="B1585" s="1" t="s">
        <v>3144</v>
      </c>
      <c r="C1585" s="5" t="s">
        <v>5358</v>
      </c>
      <c r="D1585" s="1" t="s">
        <v>9128</v>
      </c>
      <c r="E1585" s="5" t="s">
        <v>14320</v>
      </c>
      <c r="F1585" s="6">
        <v>2982</v>
      </c>
    </row>
    <row r="1586" spans="1:6" x14ac:dyDescent="0.25">
      <c r="A1586" s="4" t="s">
        <v>1437</v>
      </c>
      <c r="B1586" s="1" t="s">
        <v>3147</v>
      </c>
      <c r="C1586" s="5" t="s">
        <v>3455</v>
      </c>
      <c r="D1586" s="1" t="s">
        <v>9094</v>
      </c>
      <c r="E1586" s="5" t="s">
        <v>14203</v>
      </c>
      <c r="F1586" s="6">
        <v>2863</v>
      </c>
    </row>
    <row r="1587" spans="1:6" x14ac:dyDescent="0.25">
      <c r="A1587" s="4" t="s">
        <v>722</v>
      </c>
      <c r="B1587" s="1" t="s">
        <v>3152</v>
      </c>
      <c r="C1587" s="5" t="s">
        <v>4432</v>
      </c>
      <c r="D1587" s="1" t="s">
        <v>722</v>
      </c>
      <c r="E1587" s="5" t="s">
        <v>13192</v>
      </c>
      <c r="F1587" s="6">
        <v>1825</v>
      </c>
    </row>
    <row r="1588" spans="1:6" x14ac:dyDescent="0.25">
      <c r="A1588" s="4" t="s">
        <v>1844</v>
      </c>
      <c r="B1588" s="1" t="s">
        <v>3152</v>
      </c>
      <c r="C1588" s="5" t="s">
        <v>5615</v>
      </c>
      <c r="D1588" s="1" t="s">
        <v>1844</v>
      </c>
      <c r="E1588" s="5" t="s">
        <v>14673</v>
      </c>
      <c r="F1588" s="6">
        <v>3373</v>
      </c>
    </row>
    <row r="1589" spans="1:6" x14ac:dyDescent="0.25">
      <c r="A1589" s="4" t="s">
        <v>693</v>
      </c>
      <c r="B1589" s="1" t="s">
        <v>3153</v>
      </c>
      <c r="C1589" s="5" t="s">
        <v>4396</v>
      </c>
      <c r="D1589" s="1" t="s">
        <v>693</v>
      </c>
      <c r="E1589" s="5" t="s">
        <v>13147</v>
      </c>
      <c r="F1589" s="6">
        <v>1780</v>
      </c>
    </row>
    <row r="1590" spans="1:6" x14ac:dyDescent="0.25">
      <c r="A1590" s="4" t="s">
        <v>2300</v>
      </c>
      <c r="B1590" s="1" t="s">
        <v>3144</v>
      </c>
      <c r="C1590" s="5" t="s">
        <v>6063</v>
      </c>
      <c r="D1590" s="1" t="s">
        <v>2300</v>
      </c>
      <c r="E1590" s="5" t="s">
        <v>15486</v>
      </c>
      <c r="F1590" s="6">
        <v>4224</v>
      </c>
    </row>
    <row r="1591" spans="1:6" x14ac:dyDescent="0.25">
      <c r="A1591" s="4" t="s">
        <v>3052</v>
      </c>
      <c r="B1591" s="1" t="s">
        <v>812</v>
      </c>
      <c r="C1591" s="5" t="s">
        <v>7160</v>
      </c>
      <c r="D1591" s="1" t="s">
        <v>3052</v>
      </c>
      <c r="E1591" s="5" t="s">
        <v>17691</v>
      </c>
      <c r="F1591" s="6">
        <v>9309</v>
      </c>
    </row>
    <row r="1592" spans="1:6" x14ac:dyDescent="0.25">
      <c r="A1592" s="4" t="s">
        <v>700</v>
      </c>
      <c r="B1592" s="1" t="s">
        <v>3144</v>
      </c>
      <c r="C1592" s="5" t="s">
        <v>4404</v>
      </c>
      <c r="D1592" s="1" t="s">
        <v>700</v>
      </c>
      <c r="E1592" s="5" t="s">
        <v>13157</v>
      </c>
      <c r="F1592" s="6">
        <v>1790</v>
      </c>
    </row>
    <row r="1593" spans="1:6" x14ac:dyDescent="0.25">
      <c r="A1593" s="4" t="s">
        <v>420</v>
      </c>
      <c r="B1593" s="1" t="s">
        <v>3156</v>
      </c>
      <c r="C1593" s="5" t="s">
        <v>3945</v>
      </c>
      <c r="D1593" s="1" t="s">
        <v>420</v>
      </c>
      <c r="E1593" s="5" t="s">
        <v>12470</v>
      </c>
      <c r="F1593" s="6">
        <v>988</v>
      </c>
    </row>
    <row r="1594" spans="1:6" x14ac:dyDescent="0.25">
      <c r="A1594" s="4" t="s">
        <v>2621</v>
      </c>
      <c r="B1594" s="1" t="s">
        <v>3149</v>
      </c>
      <c r="C1594" s="5" t="s">
        <v>6534</v>
      </c>
      <c r="D1594" s="1" t="s">
        <v>10296</v>
      </c>
      <c r="E1594" s="5" t="s">
        <v>16378</v>
      </c>
      <c r="F1594" s="6">
        <v>5784</v>
      </c>
    </row>
    <row r="1595" spans="1:6" x14ac:dyDescent="0.25">
      <c r="A1595" s="4" t="s">
        <v>2621</v>
      </c>
      <c r="B1595" s="1" t="s">
        <v>3149</v>
      </c>
      <c r="C1595" s="5" t="s">
        <v>7232</v>
      </c>
      <c r="D1595" s="1" t="s">
        <v>11464</v>
      </c>
      <c r="E1595" s="5" t="s">
        <v>17899</v>
      </c>
      <c r="F1595" s="6">
        <v>9528</v>
      </c>
    </row>
    <row r="1596" spans="1:6" x14ac:dyDescent="0.25">
      <c r="A1596" s="4" t="s">
        <v>197</v>
      </c>
      <c r="B1596" s="1" t="s">
        <v>3149</v>
      </c>
      <c r="C1596" s="5" t="s">
        <v>3539</v>
      </c>
      <c r="D1596" s="1" t="s">
        <v>7678</v>
      </c>
      <c r="E1596" s="5" t="s">
        <v>11970</v>
      </c>
      <c r="F1596" s="6">
        <v>403</v>
      </c>
    </row>
    <row r="1597" spans="1:6" x14ac:dyDescent="0.25">
      <c r="A1597" s="4" t="s">
        <v>2696</v>
      </c>
      <c r="B1597" s="1" t="s">
        <v>3149</v>
      </c>
      <c r="C1597" s="5" t="s">
        <v>6621</v>
      </c>
      <c r="D1597" s="1" t="s">
        <v>10412</v>
      </c>
      <c r="E1597" s="5" t="s">
        <v>16553</v>
      </c>
      <c r="F1597" s="6">
        <v>6212</v>
      </c>
    </row>
    <row r="1598" spans="1:6" x14ac:dyDescent="0.25">
      <c r="A1598" s="4" t="s">
        <v>1747</v>
      </c>
      <c r="B1598" s="1" t="s">
        <v>1147</v>
      </c>
      <c r="C1598" s="5" t="s">
        <v>4051</v>
      </c>
      <c r="D1598" s="1" t="s">
        <v>1747</v>
      </c>
      <c r="E1598" s="5" t="s">
        <v>14561</v>
      </c>
      <c r="F1598" s="6">
        <v>3252</v>
      </c>
    </row>
    <row r="1599" spans="1:6" x14ac:dyDescent="0.25">
      <c r="A1599" s="4" t="s">
        <v>1662</v>
      </c>
      <c r="B1599" s="1" t="s">
        <v>3152</v>
      </c>
      <c r="C1599" s="5" t="s">
        <v>5459</v>
      </c>
      <c r="D1599" s="1" t="s">
        <v>1662</v>
      </c>
      <c r="E1599" s="5" t="s">
        <v>14452</v>
      </c>
      <c r="F1599" s="6">
        <v>3137</v>
      </c>
    </row>
    <row r="1600" spans="1:6" x14ac:dyDescent="0.25">
      <c r="A1600" s="4" t="s">
        <v>2511</v>
      </c>
      <c r="B1600" s="1" t="s">
        <v>3156</v>
      </c>
      <c r="C1600" s="5" t="s">
        <v>6396</v>
      </c>
      <c r="D1600" s="1" t="s">
        <v>2511</v>
      </c>
      <c r="E1600" s="5" t="s">
        <v>16132</v>
      </c>
      <c r="F1600" s="6">
        <v>5217</v>
      </c>
    </row>
    <row r="1601" spans="1:6" x14ac:dyDescent="0.25">
      <c r="A1601" s="4" t="s">
        <v>317</v>
      </c>
      <c r="B1601" s="1" t="s">
        <v>3147</v>
      </c>
      <c r="C1601" s="5" t="s">
        <v>3793</v>
      </c>
      <c r="D1601" s="1" t="s">
        <v>7970</v>
      </c>
      <c r="E1601" s="5" t="s">
        <v>12287</v>
      </c>
      <c r="F1601" s="6">
        <v>781</v>
      </c>
    </row>
    <row r="1602" spans="1:6" x14ac:dyDescent="0.25">
      <c r="A1602" s="4" t="s">
        <v>317</v>
      </c>
      <c r="B1602" s="1" t="s">
        <v>3147</v>
      </c>
      <c r="C1602" s="5" t="s">
        <v>3793</v>
      </c>
      <c r="D1602" s="1" t="s">
        <v>10834</v>
      </c>
      <c r="E1602" s="5" t="s">
        <v>17106</v>
      </c>
      <c r="F1602" s="6">
        <v>7924</v>
      </c>
    </row>
    <row r="1603" spans="1:6" x14ac:dyDescent="0.25">
      <c r="A1603" s="4" t="s">
        <v>912</v>
      </c>
      <c r="B1603" s="1" t="s">
        <v>3147</v>
      </c>
      <c r="C1603" s="5" t="s">
        <v>4660</v>
      </c>
      <c r="D1603" s="1" t="s">
        <v>912</v>
      </c>
      <c r="E1603" s="5" t="s">
        <v>13478</v>
      </c>
      <c r="F1603" s="6">
        <v>2115</v>
      </c>
    </row>
    <row r="1604" spans="1:6" x14ac:dyDescent="0.25">
      <c r="A1604" s="4" t="s">
        <v>1465</v>
      </c>
      <c r="B1604" s="1" t="s">
        <v>3152</v>
      </c>
      <c r="C1604" s="5" t="s">
        <v>5279</v>
      </c>
      <c r="D1604" s="1" t="s">
        <v>1465</v>
      </c>
      <c r="E1604" s="5" t="s">
        <v>14235</v>
      </c>
      <c r="F1604" s="6">
        <v>2896</v>
      </c>
    </row>
    <row r="1605" spans="1:6" x14ac:dyDescent="0.25">
      <c r="A1605" s="4" t="s">
        <v>1446</v>
      </c>
      <c r="B1605" s="1" t="s">
        <v>3165</v>
      </c>
      <c r="C1605" s="5" t="s">
        <v>5261</v>
      </c>
      <c r="D1605" s="1" t="s">
        <v>1446</v>
      </c>
      <c r="E1605" s="5" t="s">
        <v>14216</v>
      </c>
      <c r="F1605" s="6">
        <v>2876</v>
      </c>
    </row>
    <row r="1606" spans="1:6" x14ac:dyDescent="0.25">
      <c r="A1606" s="4" t="s">
        <v>124</v>
      </c>
      <c r="B1606" s="1" t="s">
        <v>3162</v>
      </c>
      <c r="C1606" s="5" t="s">
        <v>3390</v>
      </c>
      <c r="D1606" s="1" t="s">
        <v>7515</v>
      </c>
      <c r="E1606" s="5" t="s">
        <v>11799</v>
      </c>
      <c r="F1606" s="6">
        <v>225</v>
      </c>
    </row>
    <row r="1607" spans="1:6" x14ac:dyDescent="0.25">
      <c r="A1607" s="4" t="s">
        <v>124</v>
      </c>
      <c r="B1607" s="1" t="s">
        <v>3162</v>
      </c>
      <c r="C1607" s="5" t="s">
        <v>3390</v>
      </c>
      <c r="D1607" s="1" t="s">
        <v>8048</v>
      </c>
      <c r="E1607" s="5" t="s">
        <v>12384</v>
      </c>
      <c r="F1607" s="6">
        <v>893</v>
      </c>
    </row>
    <row r="1608" spans="1:6" x14ac:dyDescent="0.25">
      <c r="A1608" s="4" t="s">
        <v>124</v>
      </c>
      <c r="B1608" s="1" t="s">
        <v>3162</v>
      </c>
      <c r="C1608" s="5" t="s">
        <v>3390</v>
      </c>
      <c r="D1608" s="1" t="s">
        <v>8375</v>
      </c>
      <c r="E1608" s="5" t="s">
        <v>12801</v>
      </c>
      <c r="F1608" s="6">
        <v>1399</v>
      </c>
    </row>
    <row r="1609" spans="1:6" x14ac:dyDescent="0.25">
      <c r="A1609" s="4" t="s">
        <v>124</v>
      </c>
      <c r="B1609" s="1" t="s">
        <v>3162</v>
      </c>
      <c r="C1609" s="5" t="s">
        <v>3390</v>
      </c>
      <c r="D1609" s="1" t="s">
        <v>9346</v>
      </c>
      <c r="E1609" s="5" t="s">
        <v>15056</v>
      </c>
      <c r="F1609" s="6">
        <v>3784</v>
      </c>
    </row>
    <row r="1610" spans="1:6" x14ac:dyDescent="0.25">
      <c r="A1610" s="4" t="s">
        <v>124</v>
      </c>
      <c r="B1610" s="1" t="s">
        <v>3162</v>
      </c>
      <c r="C1610" s="5" t="s">
        <v>3390</v>
      </c>
      <c r="D1610" s="1" t="s">
        <v>9994</v>
      </c>
      <c r="E1610" s="5" t="s">
        <v>15960</v>
      </c>
      <c r="F1610" s="6">
        <v>4879</v>
      </c>
    </row>
    <row r="1611" spans="1:6" x14ac:dyDescent="0.25">
      <c r="A1611" s="4" t="s">
        <v>124</v>
      </c>
      <c r="B1611" s="1" t="s">
        <v>3162</v>
      </c>
      <c r="C1611" s="5" t="s">
        <v>3390</v>
      </c>
      <c r="D1611" s="1" t="s">
        <v>10340</v>
      </c>
      <c r="E1611" s="5" t="s">
        <v>16451</v>
      </c>
      <c r="F1611" s="6">
        <v>5942</v>
      </c>
    </row>
    <row r="1612" spans="1:6" x14ac:dyDescent="0.25">
      <c r="A1612" s="4" t="s">
        <v>124</v>
      </c>
      <c r="B1612" s="1" t="s">
        <v>3162</v>
      </c>
      <c r="C1612" s="5" t="s">
        <v>3390</v>
      </c>
      <c r="D1612" s="1" t="s">
        <v>10538</v>
      </c>
      <c r="E1612" s="5" t="s">
        <v>16719</v>
      </c>
      <c r="F1612" s="6">
        <v>6692</v>
      </c>
    </row>
    <row r="1613" spans="1:6" x14ac:dyDescent="0.25">
      <c r="A1613" s="4" t="s">
        <v>124</v>
      </c>
      <c r="B1613" s="1" t="s">
        <v>3162</v>
      </c>
      <c r="C1613" s="5" t="s">
        <v>6871</v>
      </c>
      <c r="D1613" s="1" t="s">
        <v>10802</v>
      </c>
      <c r="E1613" s="5" t="s">
        <v>17067</v>
      </c>
      <c r="F1613" s="6">
        <v>7751</v>
      </c>
    </row>
    <row r="1614" spans="1:6" x14ac:dyDescent="0.25">
      <c r="A1614" s="4" t="s">
        <v>124</v>
      </c>
      <c r="B1614" s="1" t="s">
        <v>3162</v>
      </c>
      <c r="C1614" s="5" t="s">
        <v>3390</v>
      </c>
      <c r="D1614" s="1" t="s">
        <v>10813</v>
      </c>
      <c r="E1614" s="5" t="s">
        <v>17119</v>
      </c>
      <c r="F1614" s="6">
        <v>7959</v>
      </c>
    </row>
    <row r="1615" spans="1:6" x14ac:dyDescent="0.25">
      <c r="A1615" s="4" t="s">
        <v>124</v>
      </c>
      <c r="B1615" s="1" t="s">
        <v>3162</v>
      </c>
      <c r="C1615" s="5" t="s">
        <v>3390</v>
      </c>
      <c r="D1615" s="1" t="s">
        <v>10851</v>
      </c>
      <c r="E1615" s="5" t="s">
        <v>17131</v>
      </c>
      <c r="F1615" s="6">
        <v>8009</v>
      </c>
    </row>
    <row r="1616" spans="1:6" x14ac:dyDescent="0.25">
      <c r="A1616" s="4" t="s">
        <v>124</v>
      </c>
      <c r="B1616" s="1" t="s">
        <v>3162</v>
      </c>
      <c r="C1616" s="5" t="s">
        <v>3390</v>
      </c>
      <c r="D1616" s="1" t="s">
        <v>10916</v>
      </c>
      <c r="E1616" s="5" t="s">
        <v>17208</v>
      </c>
      <c r="F1616" s="6">
        <v>8193</v>
      </c>
    </row>
    <row r="1617" spans="1:6" x14ac:dyDescent="0.25">
      <c r="A1617" s="4" t="s">
        <v>124</v>
      </c>
      <c r="B1617" s="1" t="s">
        <v>3162</v>
      </c>
      <c r="C1617" s="5" t="s">
        <v>3390</v>
      </c>
      <c r="D1617" s="1" t="s">
        <v>10939</v>
      </c>
      <c r="E1617" s="5" t="s">
        <v>17237</v>
      </c>
      <c r="F1617" s="6">
        <v>8281</v>
      </c>
    </row>
    <row r="1618" spans="1:6" x14ac:dyDescent="0.25">
      <c r="A1618" s="4" t="s">
        <v>124</v>
      </c>
      <c r="B1618" s="1" t="s">
        <v>3162</v>
      </c>
      <c r="C1618" s="5">
        <v>248006</v>
      </c>
      <c r="D1618" s="1" t="s">
        <v>10979</v>
      </c>
      <c r="E1618" s="5" t="s">
        <v>17286</v>
      </c>
      <c r="F1618" s="6">
        <v>8485</v>
      </c>
    </row>
    <row r="1619" spans="1:6" x14ac:dyDescent="0.25">
      <c r="A1619" s="4" t="s">
        <v>124</v>
      </c>
      <c r="B1619" s="1" t="s">
        <v>3162</v>
      </c>
      <c r="C1619" s="5" t="s">
        <v>6975</v>
      </c>
      <c r="D1619" s="1" t="s">
        <v>11038</v>
      </c>
      <c r="E1619" s="5" t="s">
        <v>17365</v>
      </c>
      <c r="F1619" s="6">
        <v>8899</v>
      </c>
    </row>
    <row r="1620" spans="1:6" x14ac:dyDescent="0.25">
      <c r="A1620" s="4" t="s">
        <v>124</v>
      </c>
      <c r="B1620" s="1" t="s">
        <v>3162</v>
      </c>
      <c r="C1620" s="5" t="s">
        <v>3390</v>
      </c>
      <c r="D1620" s="1" t="s">
        <v>11268</v>
      </c>
      <c r="E1620" s="5" t="s">
        <v>17673</v>
      </c>
      <c r="F1620" s="6">
        <v>9291</v>
      </c>
    </row>
    <row r="1621" spans="1:6" x14ac:dyDescent="0.25">
      <c r="A1621" s="4" t="s">
        <v>124</v>
      </c>
      <c r="B1621" s="1" t="s">
        <v>3162</v>
      </c>
      <c r="C1621" s="5" t="s">
        <v>6871</v>
      </c>
      <c r="D1621" s="1" t="s">
        <v>11306</v>
      </c>
      <c r="E1621" s="5" t="s">
        <v>17724</v>
      </c>
      <c r="F1621" s="6">
        <v>9346</v>
      </c>
    </row>
    <row r="1622" spans="1:6" x14ac:dyDescent="0.25">
      <c r="A1622" s="4" t="s">
        <v>124</v>
      </c>
      <c r="B1622" s="1" t="s">
        <v>3162</v>
      </c>
      <c r="C1622" s="5" t="s">
        <v>7287</v>
      </c>
      <c r="D1622" s="1" t="s">
        <v>11522</v>
      </c>
      <c r="E1622" s="5" t="s">
        <v>17986</v>
      </c>
      <c r="F1622" s="6">
        <v>9618</v>
      </c>
    </row>
    <row r="1623" spans="1:6" x14ac:dyDescent="0.25">
      <c r="A1623" s="4" t="s">
        <v>124</v>
      </c>
      <c r="B1623" s="1" t="s">
        <v>3162</v>
      </c>
      <c r="C1623" s="5" t="s">
        <v>3390</v>
      </c>
      <c r="D1623" s="1" t="s">
        <v>11555</v>
      </c>
      <c r="E1623" s="5" t="s">
        <v>18025</v>
      </c>
      <c r="F1623" s="6">
        <v>9657</v>
      </c>
    </row>
    <row r="1624" spans="1:6" x14ac:dyDescent="0.25">
      <c r="A1624" s="4" t="s">
        <v>1368</v>
      </c>
      <c r="B1624" s="1" t="s">
        <v>812</v>
      </c>
      <c r="C1624" s="5" t="s">
        <v>5164</v>
      </c>
      <c r="D1624" s="1" t="s">
        <v>1368</v>
      </c>
      <c r="E1624" s="5" t="s">
        <v>14072</v>
      </c>
      <c r="F1624" s="6">
        <v>2727</v>
      </c>
    </row>
    <row r="1625" spans="1:6" x14ac:dyDescent="0.25">
      <c r="A1625" s="4" t="s">
        <v>1824</v>
      </c>
      <c r="B1625" s="1" t="s">
        <v>3147</v>
      </c>
      <c r="C1625" s="5" t="s">
        <v>5596</v>
      </c>
      <c r="D1625" s="1" t="s">
        <v>1824</v>
      </c>
      <c r="E1625" s="5" t="s">
        <v>14648</v>
      </c>
      <c r="F1625" s="6">
        <v>3346</v>
      </c>
    </row>
    <row r="1626" spans="1:6" x14ac:dyDescent="0.25">
      <c r="A1626" s="4" t="s">
        <v>2</v>
      </c>
      <c r="B1626" s="1" t="s">
        <v>3145</v>
      </c>
      <c r="C1626" s="5" t="s">
        <v>3196</v>
      </c>
      <c r="D1626" s="1" t="s">
        <v>7324</v>
      </c>
      <c r="E1626" s="5" t="s">
        <v>11595</v>
      </c>
      <c r="F1626" s="6">
        <v>3</v>
      </c>
    </row>
    <row r="1627" spans="1:6" x14ac:dyDescent="0.25">
      <c r="A1627" s="4" t="s">
        <v>2</v>
      </c>
      <c r="B1627" s="1" t="s">
        <v>3145</v>
      </c>
      <c r="C1627" s="5" t="s">
        <v>3204</v>
      </c>
      <c r="D1627" s="1" t="s">
        <v>7332</v>
      </c>
      <c r="E1627" s="5" t="s">
        <v>11603</v>
      </c>
      <c r="F1627" s="6">
        <v>11</v>
      </c>
    </row>
    <row r="1628" spans="1:6" x14ac:dyDescent="0.25">
      <c r="A1628" s="4" t="s">
        <v>2</v>
      </c>
      <c r="B1628" s="1" t="s">
        <v>3145</v>
      </c>
      <c r="C1628" s="5" t="s">
        <v>3219</v>
      </c>
      <c r="D1628" s="1" t="s">
        <v>7346</v>
      </c>
      <c r="E1628" s="5" t="s">
        <v>11618</v>
      </c>
      <c r="F1628" s="6">
        <v>26</v>
      </c>
    </row>
    <row r="1629" spans="1:6" x14ac:dyDescent="0.25">
      <c r="A1629" s="4" t="s">
        <v>2</v>
      </c>
      <c r="B1629" s="1" t="s">
        <v>3145</v>
      </c>
      <c r="C1629" s="5" t="s">
        <v>3220</v>
      </c>
      <c r="D1629" s="1" t="s">
        <v>7347</v>
      </c>
      <c r="E1629" s="5" t="s">
        <v>11619</v>
      </c>
      <c r="F1629" s="6">
        <v>27</v>
      </c>
    </row>
    <row r="1630" spans="1:6" x14ac:dyDescent="0.25">
      <c r="A1630" s="4" t="s">
        <v>2</v>
      </c>
      <c r="B1630" s="1" t="s">
        <v>3145</v>
      </c>
      <c r="C1630" s="5" t="s">
        <v>3225</v>
      </c>
      <c r="D1630" s="1" t="s">
        <v>7352</v>
      </c>
      <c r="E1630" s="5" t="s">
        <v>11624</v>
      </c>
      <c r="F1630" s="6">
        <v>32</v>
      </c>
    </row>
    <row r="1631" spans="1:6" x14ac:dyDescent="0.25">
      <c r="A1631" s="4" t="s">
        <v>2</v>
      </c>
      <c r="B1631" s="1" t="s">
        <v>3145</v>
      </c>
      <c r="C1631" s="5" t="s">
        <v>3236</v>
      </c>
      <c r="D1631" s="1" t="s">
        <v>7362</v>
      </c>
      <c r="E1631" s="5" t="s">
        <v>11635</v>
      </c>
      <c r="F1631" s="6">
        <v>43</v>
      </c>
    </row>
    <row r="1632" spans="1:6" x14ac:dyDescent="0.25">
      <c r="A1632" s="4" t="s">
        <v>2</v>
      </c>
      <c r="B1632" s="1" t="s">
        <v>3145</v>
      </c>
      <c r="C1632" s="5" t="s">
        <v>3274</v>
      </c>
      <c r="D1632" s="1" t="s">
        <v>7401</v>
      </c>
      <c r="E1632" s="5" t="s">
        <v>11676</v>
      </c>
      <c r="F1632" s="6">
        <v>89</v>
      </c>
    </row>
    <row r="1633" spans="1:6" x14ac:dyDescent="0.25">
      <c r="A1633" s="4" t="s">
        <v>2</v>
      </c>
      <c r="B1633" s="1" t="s">
        <v>3145</v>
      </c>
      <c r="C1633" s="5" t="s">
        <v>3276</v>
      </c>
      <c r="D1633" s="1" t="s">
        <v>7403</v>
      </c>
      <c r="E1633" s="5" t="s">
        <v>11678</v>
      </c>
      <c r="F1633" s="6">
        <v>91</v>
      </c>
    </row>
    <row r="1634" spans="1:6" x14ac:dyDescent="0.25">
      <c r="A1634" s="4" t="s">
        <v>2</v>
      </c>
      <c r="B1634" s="1" t="s">
        <v>3145</v>
      </c>
      <c r="C1634" s="5" t="s">
        <v>3220</v>
      </c>
      <c r="D1634" s="1" t="s">
        <v>7404</v>
      </c>
      <c r="E1634" s="5" t="s">
        <v>11679</v>
      </c>
      <c r="F1634" s="6">
        <v>92</v>
      </c>
    </row>
    <row r="1635" spans="1:6" x14ac:dyDescent="0.25">
      <c r="A1635" s="4" t="s">
        <v>2</v>
      </c>
      <c r="B1635" s="1" t="s">
        <v>3145</v>
      </c>
      <c r="C1635" s="5" t="s">
        <v>3296</v>
      </c>
      <c r="D1635" s="1" t="s">
        <v>7425</v>
      </c>
      <c r="E1635" s="5" t="s">
        <v>11700</v>
      </c>
      <c r="F1635" s="6">
        <v>120</v>
      </c>
    </row>
    <row r="1636" spans="1:6" x14ac:dyDescent="0.25">
      <c r="A1636" s="4" t="s">
        <v>2</v>
      </c>
      <c r="B1636" s="1" t="s">
        <v>3145</v>
      </c>
      <c r="C1636" s="5" t="s">
        <v>3304</v>
      </c>
      <c r="D1636" s="1" t="s">
        <v>7431</v>
      </c>
      <c r="E1636" s="5" t="s">
        <v>11708</v>
      </c>
      <c r="F1636" s="6">
        <v>129</v>
      </c>
    </row>
    <row r="1637" spans="1:6" x14ac:dyDescent="0.25">
      <c r="A1637" s="4" t="s">
        <v>2</v>
      </c>
      <c r="B1637" s="1" t="s">
        <v>3145</v>
      </c>
      <c r="C1637" s="5" t="s">
        <v>3307</v>
      </c>
      <c r="D1637" s="1" t="s">
        <v>7433</v>
      </c>
      <c r="E1637" s="5" t="s">
        <v>11711</v>
      </c>
      <c r="F1637" s="6">
        <v>132</v>
      </c>
    </row>
    <row r="1638" spans="1:6" x14ac:dyDescent="0.25">
      <c r="A1638" s="4" t="s">
        <v>2</v>
      </c>
      <c r="B1638" s="1" t="s">
        <v>3145</v>
      </c>
      <c r="C1638" s="5" t="s">
        <v>3309</v>
      </c>
      <c r="D1638" s="1" t="s">
        <v>7435</v>
      </c>
      <c r="E1638" s="5" t="s">
        <v>11713</v>
      </c>
      <c r="F1638" s="6">
        <v>134</v>
      </c>
    </row>
    <row r="1639" spans="1:6" x14ac:dyDescent="0.25">
      <c r="A1639" s="4" t="s">
        <v>2</v>
      </c>
      <c r="B1639" s="1" t="s">
        <v>3145</v>
      </c>
      <c r="C1639" s="5" t="s">
        <v>3314</v>
      </c>
      <c r="D1639" s="1" t="s">
        <v>7439</v>
      </c>
      <c r="E1639" s="5" t="s">
        <v>11718</v>
      </c>
      <c r="F1639" s="6">
        <v>139</v>
      </c>
    </row>
    <row r="1640" spans="1:6" x14ac:dyDescent="0.25">
      <c r="A1640" s="4" t="s">
        <v>2</v>
      </c>
      <c r="B1640" s="1" t="s">
        <v>3145</v>
      </c>
      <c r="C1640" s="5" t="s">
        <v>3318</v>
      </c>
      <c r="D1640" s="1" t="s">
        <v>7444</v>
      </c>
      <c r="E1640" s="5" t="s">
        <v>11723</v>
      </c>
      <c r="F1640" s="6">
        <v>144</v>
      </c>
    </row>
    <row r="1641" spans="1:6" x14ac:dyDescent="0.25">
      <c r="A1641" s="4" t="s">
        <v>2</v>
      </c>
      <c r="B1641" s="1" t="s">
        <v>3145</v>
      </c>
      <c r="C1641" s="5" t="s">
        <v>3330</v>
      </c>
      <c r="D1641" s="1" t="s">
        <v>7457</v>
      </c>
      <c r="E1641" s="5" t="s">
        <v>11737</v>
      </c>
      <c r="F1641" s="6">
        <v>158</v>
      </c>
    </row>
    <row r="1642" spans="1:6" x14ac:dyDescent="0.25">
      <c r="A1642" s="4" t="s">
        <v>2</v>
      </c>
      <c r="B1642" s="1" t="s">
        <v>3145</v>
      </c>
      <c r="C1642" s="5" t="s">
        <v>3296</v>
      </c>
      <c r="D1642" s="1" t="s">
        <v>7489</v>
      </c>
      <c r="E1642" s="5" t="s">
        <v>11772</v>
      </c>
      <c r="F1642" s="6">
        <v>193</v>
      </c>
    </row>
    <row r="1643" spans="1:6" x14ac:dyDescent="0.25">
      <c r="A1643" s="4" t="s">
        <v>2</v>
      </c>
      <c r="B1643" s="1" t="s">
        <v>3145</v>
      </c>
      <c r="C1643" s="5" t="s">
        <v>3382</v>
      </c>
      <c r="D1643" s="1" t="s">
        <v>7507</v>
      </c>
      <c r="E1643" s="5" t="s">
        <v>11791</v>
      </c>
      <c r="F1643" s="6">
        <v>217</v>
      </c>
    </row>
    <row r="1644" spans="1:6" x14ac:dyDescent="0.25">
      <c r="A1644" s="4" t="s">
        <v>2</v>
      </c>
      <c r="B1644" s="1" t="s">
        <v>3145</v>
      </c>
      <c r="C1644" s="5" t="s">
        <v>3405</v>
      </c>
      <c r="D1644" s="1" t="s">
        <v>7531</v>
      </c>
      <c r="E1644" s="5" t="s">
        <v>11816</v>
      </c>
      <c r="F1644" s="6">
        <v>247</v>
      </c>
    </row>
    <row r="1645" spans="1:6" x14ac:dyDescent="0.25">
      <c r="A1645" s="4" t="s">
        <v>2</v>
      </c>
      <c r="B1645" s="1" t="s">
        <v>3145</v>
      </c>
      <c r="C1645" s="5" t="s">
        <v>3236</v>
      </c>
      <c r="D1645" s="1" t="s">
        <v>7532</v>
      </c>
      <c r="E1645" s="5" t="s">
        <v>11817</v>
      </c>
      <c r="F1645" s="6">
        <v>248</v>
      </c>
    </row>
    <row r="1646" spans="1:6" x14ac:dyDescent="0.25">
      <c r="A1646" s="4" t="s">
        <v>2</v>
      </c>
      <c r="B1646" s="1" t="s">
        <v>3145</v>
      </c>
      <c r="C1646" s="5" t="s">
        <v>3406</v>
      </c>
      <c r="D1646" s="1" t="s">
        <v>7533</v>
      </c>
      <c r="E1646" s="5" t="s">
        <v>11818</v>
      </c>
      <c r="F1646" s="6">
        <v>249</v>
      </c>
    </row>
    <row r="1647" spans="1:6" x14ac:dyDescent="0.25">
      <c r="A1647" s="4" t="s">
        <v>2</v>
      </c>
      <c r="B1647" s="1" t="s">
        <v>3145</v>
      </c>
      <c r="C1647" s="5" t="s">
        <v>3427</v>
      </c>
      <c r="D1647" s="1" t="s">
        <v>7554</v>
      </c>
      <c r="E1647" s="5" t="s">
        <v>11840</v>
      </c>
      <c r="F1647" s="6">
        <v>271</v>
      </c>
    </row>
    <row r="1648" spans="1:6" x14ac:dyDescent="0.25">
      <c r="A1648" s="4" t="s">
        <v>2</v>
      </c>
      <c r="B1648" s="1" t="s">
        <v>3145</v>
      </c>
      <c r="C1648" s="5" t="s">
        <v>3428</v>
      </c>
      <c r="D1648" s="1" t="s">
        <v>7555</v>
      </c>
      <c r="E1648" s="5" t="s">
        <v>11841</v>
      </c>
      <c r="F1648" s="6">
        <v>272</v>
      </c>
    </row>
    <row r="1649" spans="1:6" x14ac:dyDescent="0.25">
      <c r="A1649" s="4" t="s">
        <v>2</v>
      </c>
      <c r="B1649" s="1" t="s">
        <v>3145</v>
      </c>
      <c r="C1649" s="5" t="s">
        <v>3429</v>
      </c>
      <c r="D1649" s="1" t="s">
        <v>7556</v>
      </c>
      <c r="E1649" s="5" t="s">
        <v>11842</v>
      </c>
      <c r="F1649" s="6">
        <v>273</v>
      </c>
    </row>
    <row r="1650" spans="1:6" x14ac:dyDescent="0.25">
      <c r="A1650" s="4" t="s">
        <v>2</v>
      </c>
      <c r="B1650" s="1" t="s">
        <v>3145</v>
      </c>
      <c r="C1650" s="5" t="s">
        <v>3441</v>
      </c>
      <c r="D1650" s="1" t="s">
        <v>7570</v>
      </c>
      <c r="E1650" s="5" t="s">
        <v>11856</v>
      </c>
      <c r="F1650" s="6">
        <v>287</v>
      </c>
    </row>
    <row r="1651" spans="1:6" x14ac:dyDescent="0.25">
      <c r="A1651" s="4" t="s">
        <v>2</v>
      </c>
      <c r="B1651" s="1" t="s">
        <v>3145</v>
      </c>
      <c r="C1651" s="5" t="s">
        <v>3444</v>
      </c>
      <c r="D1651" s="1" t="s">
        <v>7574</v>
      </c>
      <c r="E1651" s="5" t="s">
        <v>11860</v>
      </c>
      <c r="F1651" s="6">
        <v>292</v>
      </c>
    </row>
    <row r="1652" spans="1:6" x14ac:dyDescent="0.25">
      <c r="A1652" s="4" t="s">
        <v>2</v>
      </c>
      <c r="B1652" s="1" t="s">
        <v>3145</v>
      </c>
      <c r="C1652" s="5" t="s">
        <v>3445</v>
      </c>
      <c r="D1652" s="1" t="s">
        <v>7575</v>
      </c>
      <c r="E1652" s="5" t="s">
        <v>11861</v>
      </c>
      <c r="F1652" s="6">
        <v>293</v>
      </c>
    </row>
    <row r="1653" spans="1:6" x14ac:dyDescent="0.25">
      <c r="A1653" s="4" t="s">
        <v>2</v>
      </c>
      <c r="B1653" s="1" t="s">
        <v>3145</v>
      </c>
      <c r="C1653" s="5" t="s">
        <v>3309</v>
      </c>
      <c r="D1653" s="1" t="s">
        <v>7576</v>
      </c>
      <c r="E1653" s="5" t="s">
        <v>11862</v>
      </c>
      <c r="F1653" s="6">
        <v>294</v>
      </c>
    </row>
    <row r="1654" spans="1:6" x14ac:dyDescent="0.25">
      <c r="A1654" s="4" t="s">
        <v>2</v>
      </c>
      <c r="B1654" s="1" t="s">
        <v>3145</v>
      </c>
      <c r="C1654" s="5" t="s">
        <v>3196</v>
      </c>
      <c r="D1654" s="1" t="s">
        <v>7592</v>
      </c>
      <c r="E1654" s="5" t="s">
        <v>11881</v>
      </c>
      <c r="F1654" s="6">
        <v>313</v>
      </c>
    </row>
    <row r="1655" spans="1:6" x14ac:dyDescent="0.25">
      <c r="A1655" s="4" t="s">
        <v>2</v>
      </c>
      <c r="B1655" s="1" t="s">
        <v>3145</v>
      </c>
      <c r="C1655" s="5" t="s">
        <v>3462</v>
      </c>
      <c r="D1655" s="1" t="s">
        <v>7593</v>
      </c>
      <c r="E1655" s="5" t="s">
        <v>11882</v>
      </c>
      <c r="F1655" s="6">
        <v>314</v>
      </c>
    </row>
    <row r="1656" spans="1:6" x14ac:dyDescent="0.25">
      <c r="A1656" s="4" t="s">
        <v>2</v>
      </c>
      <c r="B1656" s="1" t="s">
        <v>3145</v>
      </c>
      <c r="C1656" s="5" t="s">
        <v>3467</v>
      </c>
      <c r="D1656" s="1" t="s">
        <v>7598</v>
      </c>
      <c r="E1656" s="5" t="s">
        <v>11887</v>
      </c>
      <c r="F1656" s="6">
        <v>319</v>
      </c>
    </row>
    <row r="1657" spans="1:6" x14ac:dyDescent="0.25">
      <c r="A1657" s="4" t="s">
        <v>2</v>
      </c>
      <c r="B1657" s="1" t="s">
        <v>3145</v>
      </c>
      <c r="C1657" s="5" t="s">
        <v>3475</v>
      </c>
      <c r="D1657" s="1" t="s">
        <v>7606</v>
      </c>
      <c r="E1657" s="5" t="s">
        <v>11895</v>
      </c>
      <c r="F1657" s="6">
        <v>327</v>
      </c>
    </row>
    <row r="1658" spans="1:6" x14ac:dyDescent="0.25">
      <c r="A1658" s="4" t="s">
        <v>2</v>
      </c>
      <c r="B1658" s="1" t="s">
        <v>3145</v>
      </c>
      <c r="C1658" s="5" t="s">
        <v>3476</v>
      </c>
      <c r="D1658" s="1" t="s">
        <v>7607</v>
      </c>
      <c r="E1658" s="5" t="s">
        <v>11896</v>
      </c>
      <c r="F1658" s="6">
        <v>328</v>
      </c>
    </row>
    <row r="1659" spans="1:6" x14ac:dyDescent="0.25">
      <c r="A1659" s="4" t="s">
        <v>2</v>
      </c>
      <c r="B1659" s="1" t="s">
        <v>3145</v>
      </c>
      <c r="C1659" s="5" t="s">
        <v>3477</v>
      </c>
      <c r="D1659" s="1" t="s">
        <v>7608</v>
      </c>
      <c r="E1659" s="5" t="s">
        <v>11897</v>
      </c>
      <c r="F1659" s="6">
        <v>329</v>
      </c>
    </row>
    <row r="1660" spans="1:6" x14ac:dyDescent="0.25">
      <c r="A1660" s="4" t="s">
        <v>2</v>
      </c>
      <c r="B1660" s="1" t="s">
        <v>3145</v>
      </c>
      <c r="C1660" s="5" t="s">
        <v>3382</v>
      </c>
      <c r="D1660" s="1" t="s">
        <v>7609</v>
      </c>
      <c r="E1660" s="5" t="s">
        <v>11898</v>
      </c>
      <c r="F1660" s="6">
        <v>330</v>
      </c>
    </row>
    <row r="1661" spans="1:6" x14ac:dyDescent="0.25">
      <c r="A1661" s="4" t="s">
        <v>2</v>
      </c>
      <c r="B1661" s="1" t="s">
        <v>3145</v>
      </c>
      <c r="C1661" s="5" t="s">
        <v>3478</v>
      </c>
      <c r="D1661" s="1" t="s">
        <v>7610</v>
      </c>
      <c r="E1661" s="5" t="s">
        <v>11899</v>
      </c>
      <c r="F1661" s="6">
        <v>331</v>
      </c>
    </row>
    <row r="1662" spans="1:6" x14ac:dyDescent="0.25">
      <c r="A1662" s="4" t="s">
        <v>2</v>
      </c>
      <c r="B1662" s="1" t="s">
        <v>3145</v>
      </c>
      <c r="C1662" s="5" t="s">
        <v>3482</v>
      </c>
      <c r="D1662" s="1" t="s">
        <v>7614</v>
      </c>
      <c r="E1662" s="5" t="s">
        <v>11903</v>
      </c>
      <c r="F1662" s="6">
        <v>336</v>
      </c>
    </row>
    <row r="1663" spans="1:6" x14ac:dyDescent="0.25">
      <c r="A1663" s="4" t="s">
        <v>2</v>
      </c>
      <c r="B1663" s="1" t="s">
        <v>3145</v>
      </c>
      <c r="C1663" s="5" t="s">
        <v>3483</v>
      </c>
      <c r="D1663" s="1" t="s">
        <v>7615</v>
      </c>
      <c r="E1663" s="5" t="s">
        <v>11904</v>
      </c>
      <c r="F1663" s="6">
        <v>337</v>
      </c>
    </row>
    <row r="1664" spans="1:6" x14ac:dyDescent="0.25">
      <c r="A1664" s="4" t="s">
        <v>2</v>
      </c>
      <c r="B1664" s="1" t="s">
        <v>3145</v>
      </c>
      <c r="C1664" s="5" t="s">
        <v>3484</v>
      </c>
      <c r="D1664" s="1" t="s">
        <v>7616</v>
      </c>
      <c r="E1664" s="5" t="s">
        <v>11905</v>
      </c>
      <c r="F1664" s="6">
        <v>338</v>
      </c>
    </row>
    <row r="1665" spans="1:6" x14ac:dyDescent="0.25">
      <c r="A1665" s="4" t="s">
        <v>2</v>
      </c>
      <c r="B1665" s="1" t="s">
        <v>3145</v>
      </c>
      <c r="C1665" s="5" t="s">
        <v>3485</v>
      </c>
      <c r="D1665" s="1" t="s">
        <v>7617</v>
      </c>
      <c r="E1665" s="5" t="s">
        <v>11906</v>
      </c>
      <c r="F1665" s="6">
        <v>339</v>
      </c>
    </row>
    <row r="1666" spans="1:6" x14ac:dyDescent="0.25">
      <c r="A1666" s="4" t="s">
        <v>2</v>
      </c>
      <c r="B1666" s="1" t="s">
        <v>3145</v>
      </c>
      <c r="C1666" s="5" t="s">
        <v>3507</v>
      </c>
      <c r="D1666" s="1" t="s">
        <v>7641</v>
      </c>
      <c r="E1666" s="5" t="s">
        <v>11930</v>
      </c>
      <c r="F1666" s="6">
        <v>363</v>
      </c>
    </row>
    <row r="1667" spans="1:6" x14ac:dyDescent="0.25">
      <c r="A1667" s="4" t="s">
        <v>2</v>
      </c>
      <c r="B1667" s="1" t="s">
        <v>3145</v>
      </c>
      <c r="C1667" s="5" t="s">
        <v>3530</v>
      </c>
      <c r="D1667" s="1" t="s">
        <v>7666</v>
      </c>
      <c r="E1667" s="5" t="s">
        <v>11958</v>
      </c>
      <c r="F1667" s="6">
        <v>391</v>
      </c>
    </row>
    <row r="1668" spans="1:6" x14ac:dyDescent="0.25">
      <c r="A1668" s="4" t="s">
        <v>2</v>
      </c>
      <c r="B1668" s="1" t="s">
        <v>3145</v>
      </c>
      <c r="C1668" s="5" t="s">
        <v>3330</v>
      </c>
      <c r="D1668" s="1" t="s">
        <v>7667</v>
      </c>
      <c r="E1668" s="5" t="s">
        <v>11959</v>
      </c>
      <c r="F1668" s="6">
        <v>392</v>
      </c>
    </row>
    <row r="1669" spans="1:6" x14ac:dyDescent="0.25">
      <c r="A1669" s="4" t="s">
        <v>2</v>
      </c>
      <c r="B1669" s="1" t="s">
        <v>3145</v>
      </c>
      <c r="C1669" s="5" t="s">
        <v>3428</v>
      </c>
      <c r="D1669" s="1" t="s">
        <v>7668</v>
      </c>
      <c r="E1669" s="5" t="s">
        <v>11960</v>
      </c>
      <c r="F1669" s="6">
        <v>393</v>
      </c>
    </row>
    <row r="1670" spans="1:6" x14ac:dyDescent="0.25">
      <c r="A1670" s="4" t="s">
        <v>2</v>
      </c>
      <c r="B1670" s="1" t="s">
        <v>3145</v>
      </c>
      <c r="C1670" s="5" t="s">
        <v>3531</v>
      </c>
      <c r="D1670" s="1" t="s">
        <v>7670</v>
      </c>
      <c r="E1670" s="5" t="s">
        <v>11962</v>
      </c>
      <c r="F1670" s="6">
        <v>395</v>
      </c>
    </row>
    <row r="1671" spans="1:6" x14ac:dyDescent="0.25">
      <c r="A1671" s="4" t="s">
        <v>2</v>
      </c>
      <c r="B1671" s="1" t="s">
        <v>3145</v>
      </c>
      <c r="C1671" s="5" t="s">
        <v>3571</v>
      </c>
      <c r="D1671" s="1" t="s">
        <v>7711</v>
      </c>
      <c r="E1671" s="5" t="s">
        <v>12005</v>
      </c>
      <c r="F1671" s="6">
        <v>438</v>
      </c>
    </row>
    <row r="1672" spans="1:6" x14ac:dyDescent="0.25">
      <c r="A1672" s="4" t="s">
        <v>2</v>
      </c>
      <c r="B1672" s="1" t="s">
        <v>3145</v>
      </c>
      <c r="C1672" s="5" t="s">
        <v>3572</v>
      </c>
      <c r="D1672" s="1" t="s">
        <v>7712</v>
      </c>
      <c r="E1672" s="5" t="s">
        <v>12006</v>
      </c>
      <c r="F1672" s="6">
        <v>439</v>
      </c>
    </row>
    <row r="1673" spans="1:6" x14ac:dyDescent="0.25">
      <c r="A1673" s="4" t="s">
        <v>2</v>
      </c>
      <c r="B1673" s="1" t="s">
        <v>3145</v>
      </c>
      <c r="C1673" s="5" t="s">
        <v>3573</v>
      </c>
      <c r="D1673" s="1" t="s">
        <v>7713</v>
      </c>
      <c r="E1673" s="5" t="s">
        <v>12007</v>
      </c>
      <c r="F1673" s="6">
        <v>440</v>
      </c>
    </row>
    <row r="1674" spans="1:6" x14ac:dyDescent="0.25">
      <c r="A1674" s="4" t="s">
        <v>2</v>
      </c>
      <c r="B1674" s="1" t="s">
        <v>3145</v>
      </c>
      <c r="C1674" s="5" t="s">
        <v>3589</v>
      </c>
      <c r="D1674" s="1" t="s">
        <v>7728</v>
      </c>
      <c r="E1674" s="5" t="s">
        <v>12024</v>
      </c>
      <c r="F1674" s="6">
        <v>457</v>
      </c>
    </row>
    <row r="1675" spans="1:6" x14ac:dyDescent="0.25">
      <c r="A1675" s="4" t="s">
        <v>2</v>
      </c>
      <c r="B1675" s="1" t="s">
        <v>3145</v>
      </c>
      <c r="C1675" s="5" t="s">
        <v>3225</v>
      </c>
      <c r="D1675" s="1" t="s">
        <v>7735</v>
      </c>
      <c r="E1675" s="5" t="s">
        <v>12034</v>
      </c>
      <c r="F1675" s="6">
        <v>467</v>
      </c>
    </row>
    <row r="1676" spans="1:6" x14ac:dyDescent="0.25">
      <c r="A1676" s="4" t="s">
        <v>2</v>
      </c>
      <c r="B1676" s="1" t="s">
        <v>3145</v>
      </c>
      <c r="C1676" s="5" t="s">
        <v>3608</v>
      </c>
      <c r="D1676" s="1" t="s">
        <v>7747</v>
      </c>
      <c r="E1676" s="5" t="s">
        <v>12046</v>
      </c>
      <c r="F1676" s="6">
        <v>480</v>
      </c>
    </row>
    <row r="1677" spans="1:6" x14ac:dyDescent="0.25">
      <c r="A1677" s="4" t="s">
        <v>2</v>
      </c>
      <c r="B1677" s="1" t="s">
        <v>3145</v>
      </c>
      <c r="C1677" s="5" t="s">
        <v>3296</v>
      </c>
      <c r="D1677" s="1" t="s">
        <v>7748</v>
      </c>
      <c r="E1677" s="5" t="s">
        <v>12047</v>
      </c>
      <c r="F1677" s="6">
        <v>481</v>
      </c>
    </row>
    <row r="1678" spans="1:6" x14ac:dyDescent="0.25">
      <c r="A1678" s="4" t="s">
        <v>2</v>
      </c>
      <c r="B1678" s="1" t="s">
        <v>3145</v>
      </c>
      <c r="C1678" s="5" t="s">
        <v>3467</v>
      </c>
      <c r="D1678" s="1" t="s">
        <v>7749</v>
      </c>
      <c r="E1678" s="5" t="s">
        <v>12048</v>
      </c>
      <c r="F1678" s="6">
        <v>482</v>
      </c>
    </row>
    <row r="1679" spans="1:6" x14ac:dyDescent="0.25">
      <c r="A1679" s="4" t="s">
        <v>2</v>
      </c>
      <c r="B1679" s="1" t="s">
        <v>3145</v>
      </c>
      <c r="C1679" s="5" t="s">
        <v>3609</v>
      </c>
      <c r="D1679" s="1" t="s">
        <v>7750</v>
      </c>
      <c r="E1679" s="5" t="s">
        <v>12049</v>
      </c>
      <c r="F1679" s="6">
        <v>483</v>
      </c>
    </row>
    <row r="1680" spans="1:6" x14ac:dyDescent="0.25">
      <c r="A1680" s="4" t="s">
        <v>2</v>
      </c>
      <c r="B1680" s="1" t="s">
        <v>3145</v>
      </c>
      <c r="C1680" s="5" t="s">
        <v>3610</v>
      </c>
      <c r="D1680" s="1" t="s">
        <v>7751</v>
      </c>
      <c r="E1680" s="5" t="s">
        <v>12050</v>
      </c>
      <c r="F1680" s="6">
        <v>484</v>
      </c>
    </row>
    <row r="1681" spans="1:6" x14ac:dyDescent="0.25">
      <c r="A1681" s="4" t="s">
        <v>2</v>
      </c>
      <c r="B1681" s="1" t="s">
        <v>3145</v>
      </c>
      <c r="C1681" s="5" t="s">
        <v>3618</v>
      </c>
      <c r="D1681" s="1" t="s">
        <v>7762</v>
      </c>
      <c r="E1681" s="5" t="s">
        <v>12061</v>
      </c>
      <c r="F1681" s="6">
        <v>503</v>
      </c>
    </row>
    <row r="1682" spans="1:6" x14ac:dyDescent="0.25">
      <c r="A1682" s="4" t="s">
        <v>2</v>
      </c>
      <c r="B1682" s="1" t="s">
        <v>3145</v>
      </c>
      <c r="C1682" s="5" t="s">
        <v>3647</v>
      </c>
      <c r="D1682" s="1" t="s">
        <v>7796</v>
      </c>
      <c r="E1682" s="5" t="s">
        <v>12097</v>
      </c>
      <c r="F1682" s="6">
        <v>551</v>
      </c>
    </row>
    <row r="1683" spans="1:6" x14ac:dyDescent="0.25">
      <c r="A1683" s="4" t="s">
        <v>2</v>
      </c>
      <c r="B1683" s="1" t="s">
        <v>3145</v>
      </c>
      <c r="C1683" s="5" t="s">
        <v>3382</v>
      </c>
      <c r="D1683" s="1" t="s">
        <v>7797</v>
      </c>
      <c r="E1683" s="5" t="s">
        <v>12098</v>
      </c>
      <c r="F1683" s="6">
        <v>553</v>
      </c>
    </row>
    <row r="1684" spans="1:6" x14ac:dyDescent="0.25">
      <c r="A1684" s="4" t="s">
        <v>2</v>
      </c>
      <c r="B1684" s="1" t="s">
        <v>3145</v>
      </c>
      <c r="C1684" s="5" t="s">
        <v>3220</v>
      </c>
      <c r="D1684" s="1" t="s">
        <v>7799</v>
      </c>
      <c r="E1684" s="5" t="s">
        <v>12100</v>
      </c>
      <c r="F1684" s="6">
        <v>557</v>
      </c>
    </row>
    <row r="1685" spans="1:6" x14ac:dyDescent="0.25">
      <c r="A1685" s="4" t="s">
        <v>2</v>
      </c>
      <c r="B1685" s="1" t="s">
        <v>3145</v>
      </c>
      <c r="C1685" s="5" t="s">
        <v>3382</v>
      </c>
      <c r="D1685" s="1" t="s">
        <v>7800</v>
      </c>
      <c r="E1685" s="5" t="s">
        <v>12101</v>
      </c>
      <c r="F1685" s="6">
        <v>558</v>
      </c>
    </row>
    <row r="1686" spans="1:6" x14ac:dyDescent="0.25">
      <c r="A1686" s="4" t="s">
        <v>2</v>
      </c>
      <c r="B1686" s="1" t="s">
        <v>3145</v>
      </c>
      <c r="C1686" s="5" t="s">
        <v>3655</v>
      </c>
      <c r="D1686" s="1" t="s">
        <v>7807</v>
      </c>
      <c r="E1686" s="5" t="s">
        <v>12110</v>
      </c>
      <c r="F1686" s="6">
        <v>571</v>
      </c>
    </row>
    <row r="1687" spans="1:6" x14ac:dyDescent="0.25">
      <c r="A1687" s="4" t="s">
        <v>2</v>
      </c>
      <c r="B1687" s="1" t="s">
        <v>3145</v>
      </c>
      <c r="C1687" s="5" t="s">
        <v>3427</v>
      </c>
      <c r="D1687" s="1" t="s">
        <v>7813</v>
      </c>
      <c r="E1687" s="5" t="s">
        <v>12116</v>
      </c>
      <c r="F1687" s="6">
        <v>578</v>
      </c>
    </row>
    <row r="1688" spans="1:6" x14ac:dyDescent="0.25">
      <c r="A1688" s="4" t="s">
        <v>2</v>
      </c>
      <c r="B1688" s="1" t="s">
        <v>3145</v>
      </c>
      <c r="C1688" s="5" t="s">
        <v>3659</v>
      </c>
      <c r="D1688" s="1" t="s">
        <v>7815</v>
      </c>
      <c r="E1688" s="5" t="s">
        <v>12118</v>
      </c>
      <c r="F1688" s="6">
        <v>581</v>
      </c>
    </row>
    <row r="1689" spans="1:6" x14ac:dyDescent="0.25">
      <c r="A1689" s="4" t="s">
        <v>2</v>
      </c>
      <c r="B1689" s="1" t="s">
        <v>3145</v>
      </c>
      <c r="C1689" s="5" t="s">
        <v>3196</v>
      </c>
      <c r="D1689" s="1" t="s">
        <v>7818</v>
      </c>
      <c r="E1689" s="5" t="s">
        <v>12121</v>
      </c>
      <c r="F1689" s="6">
        <v>584</v>
      </c>
    </row>
    <row r="1690" spans="1:6" x14ac:dyDescent="0.25">
      <c r="A1690" s="4" t="s">
        <v>2</v>
      </c>
      <c r="B1690" s="1" t="s">
        <v>3145</v>
      </c>
      <c r="C1690" s="5" t="s">
        <v>3660</v>
      </c>
      <c r="D1690" s="1" t="s">
        <v>7819</v>
      </c>
      <c r="E1690" s="5" t="s">
        <v>12122</v>
      </c>
      <c r="F1690" s="6">
        <v>585</v>
      </c>
    </row>
    <row r="1691" spans="1:6" x14ac:dyDescent="0.25">
      <c r="A1691" s="4" t="s">
        <v>2</v>
      </c>
      <c r="B1691" s="1" t="s">
        <v>3145</v>
      </c>
      <c r="C1691" s="5" t="s">
        <v>3225</v>
      </c>
      <c r="D1691" s="1" t="s">
        <v>7820</v>
      </c>
      <c r="E1691" s="5" t="s">
        <v>12123</v>
      </c>
      <c r="F1691" s="6">
        <v>586</v>
      </c>
    </row>
    <row r="1692" spans="1:6" x14ac:dyDescent="0.25">
      <c r="A1692" s="4" t="s">
        <v>2</v>
      </c>
      <c r="B1692" s="1" t="s">
        <v>3145</v>
      </c>
      <c r="C1692" s="5" t="s">
        <v>3661</v>
      </c>
      <c r="D1692" s="1" t="s">
        <v>7821</v>
      </c>
      <c r="E1692" s="5" t="s">
        <v>12124</v>
      </c>
      <c r="F1692" s="6">
        <v>587</v>
      </c>
    </row>
    <row r="1693" spans="1:6" x14ac:dyDescent="0.25">
      <c r="A1693" s="4" t="s">
        <v>2</v>
      </c>
      <c r="B1693" s="1" t="s">
        <v>3145</v>
      </c>
      <c r="C1693" s="5" t="s">
        <v>3662</v>
      </c>
      <c r="D1693" s="1" t="s">
        <v>7822</v>
      </c>
      <c r="E1693" s="5" t="s">
        <v>12125</v>
      </c>
      <c r="F1693" s="6">
        <v>588</v>
      </c>
    </row>
    <row r="1694" spans="1:6" x14ac:dyDescent="0.25">
      <c r="A1694" s="4" t="s">
        <v>2</v>
      </c>
      <c r="B1694" s="1" t="s">
        <v>3145</v>
      </c>
      <c r="C1694" s="5" t="s">
        <v>3405</v>
      </c>
      <c r="D1694" s="1" t="s">
        <v>7836</v>
      </c>
      <c r="E1694" s="5" t="s">
        <v>12139</v>
      </c>
      <c r="F1694" s="6">
        <v>609</v>
      </c>
    </row>
    <row r="1695" spans="1:6" x14ac:dyDescent="0.25">
      <c r="A1695" s="4" t="s">
        <v>2</v>
      </c>
      <c r="B1695" s="1" t="s">
        <v>3145</v>
      </c>
      <c r="C1695" s="5" t="s">
        <v>3236</v>
      </c>
      <c r="D1695" s="1" t="s">
        <v>7839</v>
      </c>
      <c r="E1695" s="5" t="s">
        <v>12142</v>
      </c>
      <c r="F1695" s="6">
        <v>614</v>
      </c>
    </row>
    <row r="1696" spans="1:6" x14ac:dyDescent="0.25">
      <c r="A1696" s="4" t="s">
        <v>2</v>
      </c>
      <c r="B1696" s="1" t="s">
        <v>3145</v>
      </c>
      <c r="C1696" s="5" t="s">
        <v>3610</v>
      </c>
      <c r="D1696" s="1" t="s">
        <v>7842</v>
      </c>
      <c r="E1696" s="5" t="s">
        <v>12145</v>
      </c>
      <c r="F1696" s="6">
        <v>617</v>
      </c>
    </row>
    <row r="1697" spans="1:6" x14ac:dyDescent="0.25">
      <c r="A1697" s="4" t="s">
        <v>2</v>
      </c>
      <c r="B1697" s="1" t="s">
        <v>3145</v>
      </c>
      <c r="C1697" s="5" t="s">
        <v>3719</v>
      </c>
      <c r="D1697" s="1" t="s">
        <v>7895</v>
      </c>
      <c r="E1697" s="5" t="s">
        <v>12202</v>
      </c>
      <c r="F1697" s="6">
        <v>677</v>
      </c>
    </row>
    <row r="1698" spans="1:6" x14ac:dyDescent="0.25">
      <c r="A1698" s="4" t="s">
        <v>2</v>
      </c>
      <c r="B1698" s="1" t="s">
        <v>3145</v>
      </c>
      <c r="C1698" s="5" t="s">
        <v>3720</v>
      </c>
      <c r="D1698" s="1" t="s">
        <v>7896</v>
      </c>
      <c r="E1698" s="5" t="s">
        <v>12203</v>
      </c>
      <c r="F1698" s="6">
        <v>678</v>
      </c>
    </row>
    <row r="1699" spans="1:6" x14ac:dyDescent="0.25">
      <c r="A1699" s="4" t="s">
        <v>2</v>
      </c>
      <c r="B1699" s="1" t="s">
        <v>3145</v>
      </c>
      <c r="C1699" s="5" t="s">
        <v>3429</v>
      </c>
      <c r="D1699" s="1" t="s">
        <v>7897</v>
      </c>
      <c r="E1699" s="5" t="s">
        <v>12204</v>
      </c>
      <c r="F1699" s="6">
        <v>679</v>
      </c>
    </row>
    <row r="1700" spans="1:6" x14ac:dyDescent="0.25">
      <c r="A1700" s="4" t="s">
        <v>2</v>
      </c>
      <c r="B1700" s="1" t="s">
        <v>3145</v>
      </c>
      <c r="C1700" s="5" t="s">
        <v>3196</v>
      </c>
      <c r="D1700" s="1" t="s">
        <v>7913</v>
      </c>
      <c r="E1700" s="5" t="s">
        <v>12223</v>
      </c>
      <c r="F1700" s="6">
        <v>708</v>
      </c>
    </row>
    <row r="1701" spans="1:6" x14ac:dyDescent="0.25">
      <c r="A1701" s="4" t="s">
        <v>2</v>
      </c>
      <c r="B1701" s="1" t="s">
        <v>3145</v>
      </c>
      <c r="C1701" s="5" t="s">
        <v>3739</v>
      </c>
      <c r="D1701" s="1" t="s">
        <v>7914</v>
      </c>
      <c r="E1701" s="5" t="s">
        <v>12224</v>
      </c>
      <c r="F1701" s="6">
        <v>709</v>
      </c>
    </row>
    <row r="1702" spans="1:6" x14ac:dyDescent="0.25">
      <c r="A1702" s="4" t="s">
        <v>2</v>
      </c>
      <c r="B1702" s="1" t="s">
        <v>3145</v>
      </c>
      <c r="C1702" s="5" t="s">
        <v>3330</v>
      </c>
      <c r="D1702" s="1" t="s">
        <v>7916</v>
      </c>
      <c r="E1702" s="5" t="s">
        <v>12226</v>
      </c>
      <c r="F1702" s="6">
        <v>711</v>
      </c>
    </row>
    <row r="1703" spans="1:6" x14ac:dyDescent="0.25">
      <c r="A1703" s="4" t="s">
        <v>2</v>
      </c>
      <c r="B1703" s="1" t="s">
        <v>3145</v>
      </c>
      <c r="C1703" s="5" t="s">
        <v>3428</v>
      </c>
      <c r="D1703" s="1" t="s">
        <v>8043</v>
      </c>
      <c r="E1703" s="5" t="s">
        <v>12378</v>
      </c>
      <c r="F1703" s="6">
        <v>886</v>
      </c>
    </row>
    <row r="1704" spans="1:6" x14ac:dyDescent="0.25">
      <c r="A1704" s="4" t="s">
        <v>2</v>
      </c>
      <c r="B1704" s="1" t="s">
        <v>3145</v>
      </c>
      <c r="C1704" s="5" t="s">
        <v>3572</v>
      </c>
      <c r="D1704" s="1" t="s">
        <v>8054</v>
      </c>
      <c r="E1704" s="5" t="s">
        <v>12392</v>
      </c>
      <c r="F1704" s="6">
        <v>905</v>
      </c>
    </row>
    <row r="1705" spans="1:6" x14ac:dyDescent="0.25">
      <c r="A1705" s="4" t="s">
        <v>2</v>
      </c>
      <c r="B1705" s="1" t="s">
        <v>3145</v>
      </c>
      <c r="C1705" s="5" t="s">
        <v>3477</v>
      </c>
      <c r="D1705" s="1" t="s">
        <v>8056</v>
      </c>
      <c r="E1705" s="5" t="s">
        <v>12408</v>
      </c>
      <c r="F1705" s="6">
        <v>921</v>
      </c>
    </row>
    <row r="1706" spans="1:6" x14ac:dyDescent="0.25">
      <c r="A1706" s="4" t="s">
        <v>2</v>
      </c>
      <c r="B1706" s="1" t="s">
        <v>3145</v>
      </c>
      <c r="C1706" s="5" t="s">
        <v>3296</v>
      </c>
      <c r="D1706" s="1" t="s">
        <v>8057</v>
      </c>
      <c r="E1706" s="5" t="s">
        <v>12409</v>
      </c>
      <c r="F1706" s="6">
        <v>922</v>
      </c>
    </row>
    <row r="1707" spans="1:6" x14ac:dyDescent="0.25">
      <c r="A1707" s="4" t="s">
        <v>2</v>
      </c>
      <c r="B1707" s="1" t="s">
        <v>3145</v>
      </c>
      <c r="C1707" s="5" t="s">
        <v>3274</v>
      </c>
      <c r="D1707" s="1" t="s">
        <v>8058</v>
      </c>
      <c r="E1707" s="5" t="s">
        <v>12410</v>
      </c>
      <c r="F1707" s="6">
        <v>923</v>
      </c>
    </row>
    <row r="1708" spans="1:6" x14ac:dyDescent="0.25">
      <c r="A1708" s="4" t="s">
        <v>2</v>
      </c>
      <c r="B1708" s="1" t="s">
        <v>3145</v>
      </c>
      <c r="C1708" s="5" t="s">
        <v>3406</v>
      </c>
      <c r="D1708" s="1" t="s">
        <v>8059</v>
      </c>
      <c r="E1708" s="5" t="s">
        <v>12411</v>
      </c>
      <c r="F1708" s="6">
        <v>924</v>
      </c>
    </row>
    <row r="1709" spans="1:6" x14ac:dyDescent="0.25">
      <c r="A1709" s="4" t="s">
        <v>2</v>
      </c>
      <c r="B1709" s="1" t="s">
        <v>3145</v>
      </c>
      <c r="C1709" s="5" t="s">
        <v>3445</v>
      </c>
      <c r="D1709" s="1" t="s">
        <v>8060</v>
      </c>
      <c r="E1709" s="5" t="s">
        <v>12412</v>
      </c>
      <c r="F1709" s="6">
        <v>925</v>
      </c>
    </row>
    <row r="1710" spans="1:6" x14ac:dyDescent="0.25">
      <c r="A1710" s="4" t="s">
        <v>2</v>
      </c>
      <c r="B1710" s="1" t="s">
        <v>3145</v>
      </c>
      <c r="C1710" s="5" t="s">
        <v>3382</v>
      </c>
      <c r="D1710" s="1" t="s">
        <v>8064</v>
      </c>
      <c r="E1710" s="5" t="s">
        <v>12418</v>
      </c>
      <c r="F1710" s="6">
        <v>931</v>
      </c>
    </row>
    <row r="1711" spans="1:6" x14ac:dyDescent="0.25">
      <c r="A1711" s="4" t="s">
        <v>2</v>
      </c>
      <c r="B1711" s="1" t="s">
        <v>3145</v>
      </c>
      <c r="C1711" s="5" t="s">
        <v>3330</v>
      </c>
      <c r="D1711" s="1" t="s">
        <v>8065</v>
      </c>
      <c r="E1711" s="5" t="s">
        <v>12419</v>
      </c>
      <c r="F1711" s="6">
        <v>932</v>
      </c>
    </row>
    <row r="1712" spans="1:6" x14ac:dyDescent="0.25">
      <c r="A1712" s="4" t="s">
        <v>2</v>
      </c>
      <c r="B1712" s="1" t="s">
        <v>3145</v>
      </c>
      <c r="C1712" s="5" t="s">
        <v>3444</v>
      </c>
      <c r="D1712" s="1" t="s">
        <v>8066</v>
      </c>
      <c r="E1712" s="5" t="s">
        <v>12420</v>
      </c>
      <c r="F1712" s="6">
        <v>933</v>
      </c>
    </row>
    <row r="1713" spans="1:6" x14ac:dyDescent="0.25">
      <c r="A1713" s="4" t="s">
        <v>2</v>
      </c>
      <c r="B1713" s="1" t="s">
        <v>3145</v>
      </c>
      <c r="C1713" s="5" t="s">
        <v>3427</v>
      </c>
      <c r="D1713" s="1" t="s">
        <v>8067</v>
      </c>
      <c r="E1713" s="5" t="s">
        <v>12421</v>
      </c>
      <c r="F1713" s="6">
        <v>934</v>
      </c>
    </row>
    <row r="1714" spans="1:6" x14ac:dyDescent="0.25">
      <c r="A1714" s="4" t="s">
        <v>2</v>
      </c>
      <c r="B1714" s="1" t="s">
        <v>3145</v>
      </c>
      <c r="C1714" s="5" t="s">
        <v>3330</v>
      </c>
      <c r="D1714" s="1" t="s">
        <v>8068</v>
      </c>
      <c r="E1714" s="5" t="s">
        <v>12422</v>
      </c>
      <c r="F1714" s="6">
        <v>935</v>
      </c>
    </row>
    <row r="1715" spans="1:6" x14ac:dyDescent="0.25">
      <c r="A1715" s="4" t="s">
        <v>2</v>
      </c>
      <c r="B1715" s="1" t="s">
        <v>3145</v>
      </c>
      <c r="C1715" s="5" t="s">
        <v>3405</v>
      </c>
      <c r="D1715" s="1" t="s">
        <v>8103</v>
      </c>
      <c r="E1715" s="5" t="s">
        <v>12479</v>
      </c>
      <c r="F1715" s="6">
        <v>1000</v>
      </c>
    </row>
    <row r="1716" spans="1:6" x14ac:dyDescent="0.25">
      <c r="A1716" s="4" t="s">
        <v>2</v>
      </c>
      <c r="B1716" s="1" t="s">
        <v>3145</v>
      </c>
      <c r="C1716" s="5" t="s">
        <v>3950</v>
      </c>
      <c r="D1716" s="1" t="s">
        <v>8104</v>
      </c>
      <c r="E1716" s="5" t="s">
        <v>12480</v>
      </c>
      <c r="F1716" s="6">
        <v>1001</v>
      </c>
    </row>
    <row r="1717" spans="1:6" x14ac:dyDescent="0.25">
      <c r="A1717" s="4" t="s">
        <v>2</v>
      </c>
      <c r="B1717" s="1" t="s">
        <v>3145</v>
      </c>
      <c r="C1717" s="5" t="s">
        <v>3507</v>
      </c>
      <c r="D1717" s="1" t="s">
        <v>8106</v>
      </c>
      <c r="E1717" s="5" t="s">
        <v>12482</v>
      </c>
      <c r="F1717" s="6">
        <v>1003</v>
      </c>
    </row>
    <row r="1718" spans="1:6" x14ac:dyDescent="0.25">
      <c r="A1718" s="4" t="s">
        <v>2</v>
      </c>
      <c r="B1718" s="1" t="s">
        <v>3145</v>
      </c>
      <c r="C1718" s="5" t="s">
        <v>3304</v>
      </c>
      <c r="D1718" s="1" t="s">
        <v>8146</v>
      </c>
      <c r="E1718" s="5" t="s">
        <v>12542</v>
      </c>
      <c r="F1718" s="6">
        <v>1067</v>
      </c>
    </row>
    <row r="1719" spans="1:6" x14ac:dyDescent="0.25">
      <c r="A1719" s="4" t="s">
        <v>2</v>
      </c>
      <c r="B1719" s="1" t="s">
        <v>3145</v>
      </c>
      <c r="C1719" s="5" t="s">
        <v>3999</v>
      </c>
      <c r="D1719" s="1" t="s">
        <v>8148</v>
      </c>
      <c r="E1719" s="5" t="s">
        <v>12544</v>
      </c>
      <c r="F1719" s="6">
        <v>1069</v>
      </c>
    </row>
    <row r="1720" spans="1:6" x14ac:dyDescent="0.25">
      <c r="A1720" s="4" t="s">
        <v>2</v>
      </c>
      <c r="B1720" s="1" t="s">
        <v>3145</v>
      </c>
      <c r="C1720" s="5" t="s">
        <v>3382</v>
      </c>
      <c r="D1720" s="1" t="s">
        <v>8149</v>
      </c>
      <c r="E1720" s="5" t="s">
        <v>12545</v>
      </c>
      <c r="F1720" s="6">
        <v>1070</v>
      </c>
    </row>
    <row r="1721" spans="1:6" x14ac:dyDescent="0.25">
      <c r="A1721" s="4" t="s">
        <v>2</v>
      </c>
      <c r="B1721" s="1" t="s">
        <v>3145</v>
      </c>
      <c r="C1721" s="5" t="s">
        <v>3467</v>
      </c>
      <c r="D1721" s="1" t="s">
        <v>8166</v>
      </c>
      <c r="E1721" s="5" t="s">
        <v>12565</v>
      </c>
      <c r="F1721" s="6">
        <v>1092</v>
      </c>
    </row>
    <row r="1722" spans="1:6" x14ac:dyDescent="0.25">
      <c r="A1722" s="4" t="s">
        <v>2</v>
      </c>
      <c r="B1722" s="1" t="s">
        <v>3145</v>
      </c>
      <c r="C1722" s="5" t="s">
        <v>3659</v>
      </c>
      <c r="D1722" s="1" t="s">
        <v>8191</v>
      </c>
      <c r="E1722" s="5" t="s">
        <v>12593</v>
      </c>
      <c r="F1722" s="6">
        <v>1127</v>
      </c>
    </row>
    <row r="1723" spans="1:6" x14ac:dyDescent="0.25">
      <c r="A1723" s="4" t="s">
        <v>2</v>
      </c>
      <c r="B1723" s="1" t="s">
        <v>3145</v>
      </c>
      <c r="C1723" s="5" t="s">
        <v>3196</v>
      </c>
      <c r="D1723" s="1" t="s">
        <v>8221</v>
      </c>
      <c r="E1723" s="5" t="s">
        <v>12626</v>
      </c>
      <c r="F1723" s="6">
        <v>1220</v>
      </c>
    </row>
    <row r="1724" spans="1:6" x14ac:dyDescent="0.25">
      <c r="A1724" s="4" t="s">
        <v>2</v>
      </c>
      <c r="B1724" s="1" t="s">
        <v>3145</v>
      </c>
      <c r="C1724" s="5" t="s">
        <v>3462</v>
      </c>
      <c r="D1724" s="1" t="s">
        <v>8235</v>
      </c>
      <c r="E1724" s="5" t="s">
        <v>12641</v>
      </c>
      <c r="F1724" s="6">
        <v>1236</v>
      </c>
    </row>
    <row r="1725" spans="1:6" x14ac:dyDescent="0.25">
      <c r="A1725" s="4" t="s">
        <v>2</v>
      </c>
      <c r="B1725" s="1" t="s">
        <v>3145</v>
      </c>
      <c r="C1725" s="5" t="s">
        <v>3441</v>
      </c>
      <c r="D1725" s="1" t="s">
        <v>8259</v>
      </c>
      <c r="E1725" s="5" t="s">
        <v>12666</v>
      </c>
      <c r="F1725" s="6">
        <v>1261</v>
      </c>
    </row>
    <row r="1726" spans="1:6" x14ac:dyDescent="0.25">
      <c r="A1726" s="4" t="s">
        <v>2</v>
      </c>
      <c r="B1726" s="1" t="s">
        <v>3145</v>
      </c>
      <c r="C1726" s="5" t="s">
        <v>3507</v>
      </c>
      <c r="D1726" s="1" t="s">
        <v>8297</v>
      </c>
      <c r="E1726" s="5" t="s">
        <v>12712</v>
      </c>
      <c r="F1726" s="6">
        <v>1309</v>
      </c>
    </row>
    <row r="1727" spans="1:6" x14ac:dyDescent="0.25">
      <c r="A1727" s="4" t="s">
        <v>2</v>
      </c>
      <c r="B1727" s="1" t="s">
        <v>3145</v>
      </c>
      <c r="C1727" s="5" t="s">
        <v>3572</v>
      </c>
      <c r="D1727" s="1" t="s">
        <v>8304</v>
      </c>
      <c r="E1727" s="5" t="s">
        <v>12720</v>
      </c>
      <c r="F1727" s="6">
        <v>1317</v>
      </c>
    </row>
    <row r="1728" spans="1:6" x14ac:dyDescent="0.25">
      <c r="A1728" s="4" t="s">
        <v>2</v>
      </c>
      <c r="B1728" s="1" t="s">
        <v>3145</v>
      </c>
      <c r="C1728" s="5" t="s">
        <v>3406</v>
      </c>
      <c r="D1728" s="1" t="s">
        <v>8323</v>
      </c>
      <c r="E1728" s="5" t="s">
        <v>12741</v>
      </c>
      <c r="F1728" s="6">
        <v>1338</v>
      </c>
    </row>
    <row r="1729" spans="1:6" x14ac:dyDescent="0.25">
      <c r="A1729" s="4" t="s">
        <v>2</v>
      </c>
      <c r="B1729" s="1" t="s">
        <v>3145</v>
      </c>
      <c r="C1729" s="5" t="s">
        <v>3444</v>
      </c>
      <c r="D1729" s="1" t="s">
        <v>8327</v>
      </c>
      <c r="E1729" s="5" t="s">
        <v>12746</v>
      </c>
      <c r="F1729" s="6">
        <v>1343</v>
      </c>
    </row>
    <row r="1730" spans="1:6" x14ac:dyDescent="0.25">
      <c r="A1730" s="4" t="s">
        <v>2</v>
      </c>
      <c r="B1730" s="1" t="s">
        <v>3145</v>
      </c>
      <c r="C1730" s="5" t="s">
        <v>3225</v>
      </c>
      <c r="D1730" s="1" t="s">
        <v>8329</v>
      </c>
      <c r="E1730" s="5" t="s">
        <v>12748</v>
      </c>
      <c r="F1730" s="6">
        <v>1345</v>
      </c>
    </row>
    <row r="1731" spans="1:6" x14ac:dyDescent="0.25">
      <c r="A1731" s="4" t="s">
        <v>2</v>
      </c>
      <c r="B1731" s="1" t="s">
        <v>3145</v>
      </c>
      <c r="C1731" s="5" t="s">
        <v>3428</v>
      </c>
      <c r="D1731" s="1" t="s">
        <v>8331</v>
      </c>
      <c r="E1731" s="5" t="s">
        <v>12750</v>
      </c>
      <c r="F1731" s="6">
        <v>1347</v>
      </c>
    </row>
    <row r="1732" spans="1:6" x14ac:dyDescent="0.25">
      <c r="A1732" s="4" t="s">
        <v>2</v>
      </c>
      <c r="B1732" s="1" t="s">
        <v>3145</v>
      </c>
      <c r="C1732" s="5" t="s">
        <v>3276</v>
      </c>
      <c r="D1732" s="1" t="s">
        <v>8333</v>
      </c>
      <c r="E1732" s="5" t="s">
        <v>12752</v>
      </c>
      <c r="F1732" s="6">
        <v>1349</v>
      </c>
    </row>
    <row r="1733" spans="1:6" x14ac:dyDescent="0.25">
      <c r="A1733" s="4" t="s">
        <v>2</v>
      </c>
      <c r="B1733" s="1" t="s">
        <v>3145</v>
      </c>
      <c r="C1733" s="5" t="s">
        <v>3296</v>
      </c>
      <c r="D1733" s="1" t="s">
        <v>8334</v>
      </c>
      <c r="E1733" s="5" t="s">
        <v>12753</v>
      </c>
      <c r="F1733" s="6">
        <v>1350</v>
      </c>
    </row>
    <row r="1734" spans="1:6" x14ac:dyDescent="0.25">
      <c r="A1734" s="4" t="s">
        <v>2</v>
      </c>
      <c r="B1734" s="1" t="s">
        <v>3145</v>
      </c>
      <c r="C1734" s="5" t="s">
        <v>3485</v>
      </c>
      <c r="D1734" s="1" t="s">
        <v>8336</v>
      </c>
      <c r="E1734" s="5" t="s">
        <v>12755</v>
      </c>
      <c r="F1734" s="6">
        <v>1352</v>
      </c>
    </row>
    <row r="1735" spans="1:6" x14ac:dyDescent="0.25">
      <c r="A1735" s="4" t="s">
        <v>2</v>
      </c>
      <c r="B1735" s="1" t="s">
        <v>3145</v>
      </c>
      <c r="C1735" s="5" t="s">
        <v>3610</v>
      </c>
      <c r="D1735" s="1" t="s">
        <v>8341</v>
      </c>
      <c r="E1735" s="5" t="s">
        <v>12761</v>
      </c>
      <c r="F1735" s="6">
        <v>1358</v>
      </c>
    </row>
    <row r="1736" spans="1:6" x14ac:dyDescent="0.25">
      <c r="A1736" s="4" t="s">
        <v>2</v>
      </c>
      <c r="B1736" s="1" t="s">
        <v>3145</v>
      </c>
      <c r="C1736" s="5" t="s">
        <v>3220</v>
      </c>
      <c r="D1736" s="1" t="s">
        <v>8344</v>
      </c>
      <c r="E1736" s="5" t="s">
        <v>12764</v>
      </c>
      <c r="F1736" s="6">
        <v>1361</v>
      </c>
    </row>
    <row r="1737" spans="1:6" x14ac:dyDescent="0.25">
      <c r="A1737" s="4" t="s">
        <v>2</v>
      </c>
      <c r="B1737" s="1" t="s">
        <v>3145</v>
      </c>
      <c r="C1737" s="5" t="s">
        <v>3318</v>
      </c>
      <c r="D1737" s="1" t="s">
        <v>8348</v>
      </c>
      <c r="E1737" s="5" t="s">
        <v>12768</v>
      </c>
      <c r="F1737" s="6">
        <v>1365</v>
      </c>
    </row>
    <row r="1738" spans="1:6" x14ac:dyDescent="0.25">
      <c r="A1738" s="4" t="s">
        <v>2</v>
      </c>
      <c r="B1738" s="1" t="s">
        <v>3145</v>
      </c>
      <c r="C1738" s="5" t="s">
        <v>3427</v>
      </c>
      <c r="D1738" s="1" t="s">
        <v>8355</v>
      </c>
      <c r="E1738" s="5" t="s">
        <v>12777</v>
      </c>
      <c r="F1738" s="6">
        <v>1374</v>
      </c>
    </row>
    <row r="1739" spans="1:6" x14ac:dyDescent="0.25">
      <c r="A1739" s="4" t="s">
        <v>2</v>
      </c>
      <c r="B1739" s="1" t="s">
        <v>3145</v>
      </c>
      <c r="C1739" s="5" t="s">
        <v>3304</v>
      </c>
      <c r="D1739" s="1" t="s">
        <v>8356</v>
      </c>
      <c r="E1739" s="5" t="s">
        <v>12778</v>
      </c>
      <c r="F1739" s="6">
        <v>1375</v>
      </c>
    </row>
    <row r="1740" spans="1:6" x14ac:dyDescent="0.25">
      <c r="A1740" s="4" t="s">
        <v>2</v>
      </c>
      <c r="B1740" s="1" t="s">
        <v>3145</v>
      </c>
      <c r="C1740" s="5">
        <v>110001</v>
      </c>
      <c r="D1740" s="1" t="s">
        <v>8357</v>
      </c>
      <c r="E1740" s="5" t="s">
        <v>12779</v>
      </c>
      <c r="F1740" s="6">
        <v>1376</v>
      </c>
    </row>
    <row r="1741" spans="1:6" x14ac:dyDescent="0.25">
      <c r="A1741" s="4" t="s">
        <v>2</v>
      </c>
      <c r="B1741" s="1" t="s">
        <v>3145</v>
      </c>
      <c r="C1741" s="5" t="s">
        <v>3483</v>
      </c>
      <c r="D1741" s="1" t="s">
        <v>8364</v>
      </c>
      <c r="E1741" s="5" t="s">
        <v>12788</v>
      </c>
      <c r="F1741" s="6">
        <v>1385</v>
      </c>
    </row>
    <row r="1742" spans="1:6" x14ac:dyDescent="0.25">
      <c r="A1742" s="4" t="s">
        <v>2</v>
      </c>
      <c r="B1742" s="1" t="s">
        <v>3145</v>
      </c>
      <c r="C1742" s="5" t="s">
        <v>3441</v>
      </c>
      <c r="D1742" s="1" t="s">
        <v>8369</v>
      </c>
      <c r="E1742" s="5" t="s">
        <v>12794</v>
      </c>
      <c r="F1742" s="6">
        <v>1392</v>
      </c>
    </row>
    <row r="1743" spans="1:6" x14ac:dyDescent="0.25">
      <c r="A1743" s="4" t="s">
        <v>2</v>
      </c>
      <c r="B1743" s="1" t="s">
        <v>3145</v>
      </c>
      <c r="C1743" s="5" t="s">
        <v>3476</v>
      </c>
      <c r="D1743" s="1" t="s">
        <v>8381</v>
      </c>
      <c r="E1743" s="5" t="s">
        <v>12809</v>
      </c>
      <c r="F1743" s="6">
        <v>1408</v>
      </c>
    </row>
    <row r="1744" spans="1:6" x14ac:dyDescent="0.25">
      <c r="A1744" s="4" t="s">
        <v>2</v>
      </c>
      <c r="B1744" s="1" t="s">
        <v>3145</v>
      </c>
      <c r="C1744" s="5" t="s">
        <v>3309</v>
      </c>
      <c r="D1744" s="1" t="s">
        <v>8382</v>
      </c>
      <c r="E1744" s="5" t="s">
        <v>12810</v>
      </c>
      <c r="F1744" s="6">
        <v>1409</v>
      </c>
    </row>
    <row r="1745" spans="1:6" x14ac:dyDescent="0.25">
      <c r="A1745" s="4" t="s">
        <v>2</v>
      </c>
      <c r="B1745" s="1" t="s">
        <v>3145</v>
      </c>
      <c r="C1745" s="5" t="s">
        <v>3485</v>
      </c>
      <c r="D1745" s="1" t="s">
        <v>8403</v>
      </c>
      <c r="E1745" s="5" t="s">
        <v>12839</v>
      </c>
      <c r="F1745" s="6">
        <v>1439</v>
      </c>
    </row>
    <row r="1746" spans="1:6" x14ac:dyDescent="0.25">
      <c r="A1746" s="4" t="s">
        <v>2</v>
      </c>
      <c r="B1746" s="1" t="s">
        <v>3145</v>
      </c>
      <c r="C1746" s="5" t="s">
        <v>3441</v>
      </c>
      <c r="D1746" s="1" t="s">
        <v>8405</v>
      </c>
      <c r="E1746" s="5" t="s">
        <v>12841</v>
      </c>
      <c r="F1746" s="6">
        <v>1441</v>
      </c>
    </row>
    <row r="1747" spans="1:6" x14ac:dyDescent="0.25">
      <c r="A1747" s="4" t="s">
        <v>2</v>
      </c>
      <c r="B1747" s="1" t="s">
        <v>3145</v>
      </c>
      <c r="C1747" s="5" t="s">
        <v>3330</v>
      </c>
      <c r="D1747" s="1" t="s">
        <v>8406</v>
      </c>
      <c r="E1747" s="5" t="s">
        <v>12842</v>
      </c>
      <c r="F1747" s="6">
        <v>1442</v>
      </c>
    </row>
    <row r="1748" spans="1:6" x14ac:dyDescent="0.25">
      <c r="A1748" s="4" t="s">
        <v>2</v>
      </c>
      <c r="B1748" s="1" t="s">
        <v>3145</v>
      </c>
      <c r="C1748" s="5" t="s">
        <v>3476</v>
      </c>
      <c r="D1748" s="1" t="s">
        <v>8407</v>
      </c>
      <c r="E1748" s="5" t="s">
        <v>12843</v>
      </c>
      <c r="F1748" s="6">
        <v>1443</v>
      </c>
    </row>
    <row r="1749" spans="1:6" x14ac:dyDescent="0.25">
      <c r="A1749" s="4" t="s">
        <v>2</v>
      </c>
      <c r="B1749" s="1" t="s">
        <v>3145</v>
      </c>
      <c r="C1749" s="5" t="s">
        <v>3309</v>
      </c>
      <c r="D1749" s="1" t="s">
        <v>8485</v>
      </c>
      <c r="E1749" s="5" t="s">
        <v>12949</v>
      </c>
      <c r="F1749" s="6">
        <v>1557</v>
      </c>
    </row>
    <row r="1750" spans="1:6" x14ac:dyDescent="0.25">
      <c r="A1750" s="4" t="s">
        <v>2</v>
      </c>
      <c r="B1750" s="1" t="s">
        <v>3145</v>
      </c>
      <c r="C1750" s="5" t="s">
        <v>3304</v>
      </c>
      <c r="D1750" s="1" t="s">
        <v>8486</v>
      </c>
      <c r="E1750" s="5" t="s">
        <v>12950</v>
      </c>
      <c r="F1750" s="6">
        <v>1558</v>
      </c>
    </row>
    <row r="1751" spans="1:6" x14ac:dyDescent="0.25">
      <c r="A1751" s="4" t="s">
        <v>2</v>
      </c>
      <c r="B1751" s="1" t="s">
        <v>3145</v>
      </c>
      <c r="C1751" s="5" t="s">
        <v>3427</v>
      </c>
      <c r="D1751" s="1" t="s">
        <v>8487</v>
      </c>
      <c r="E1751" s="5" t="s">
        <v>12951</v>
      </c>
      <c r="F1751" s="6">
        <v>1559</v>
      </c>
    </row>
    <row r="1752" spans="1:6" x14ac:dyDescent="0.25">
      <c r="A1752" s="4" t="s">
        <v>2</v>
      </c>
      <c r="B1752" s="1" t="s">
        <v>3145</v>
      </c>
      <c r="C1752" s="5" t="s">
        <v>3296</v>
      </c>
      <c r="D1752" s="1" t="s">
        <v>8488</v>
      </c>
      <c r="E1752" s="5" t="s">
        <v>12952</v>
      </c>
      <c r="F1752" s="6">
        <v>1561</v>
      </c>
    </row>
    <row r="1753" spans="1:6" x14ac:dyDescent="0.25">
      <c r="A1753" s="4" t="s">
        <v>2</v>
      </c>
      <c r="B1753" s="1" t="s">
        <v>3145</v>
      </c>
      <c r="C1753" s="5" t="s">
        <v>3507</v>
      </c>
      <c r="D1753" s="1" t="s">
        <v>8489</v>
      </c>
      <c r="E1753" s="5" t="s">
        <v>12953</v>
      </c>
      <c r="F1753" s="6">
        <v>1562</v>
      </c>
    </row>
    <row r="1754" spans="1:6" x14ac:dyDescent="0.25">
      <c r="A1754" s="4" t="s">
        <v>2</v>
      </c>
      <c r="B1754" s="1" t="s">
        <v>3145</v>
      </c>
      <c r="C1754" s="5" t="s">
        <v>3219</v>
      </c>
      <c r="D1754" s="1" t="s">
        <v>8490</v>
      </c>
      <c r="E1754" s="5" t="s">
        <v>12954</v>
      </c>
      <c r="F1754" s="6">
        <v>1563</v>
      </c>
    </row>
    <row r="1755" spans="1:6" x14ac:dyDescent="0.25">
      <c r="A1755" s="4" t="s">
        <v>2</v>
      </c>
      <c r="B1755" s="1" t="s">
        <v>3145</v>
      </c>
      <c r="C1755" s="5" t="s">
        <v>3507</v>
      </c>
      <c r="D1755" s="1" t="s">
        <v>8491</v>
      </c>
      <c r="E1755" s="5" t="s">
        <v>12955</v>
      </c>
      <c r="F1755" s="6">
        <v>1564</v>
      </c>
    </row>
    <row r="1756" spans="1:6" x14ac:dyDescent="0.25">
      <c r="A1756" s="4" t="s">
        <v>2</v>
      </c>
      <c r="B1756" s="1" t="s">
        <v>3145</v>
      </c>
      <c r="C1756" s="5" t="s">
        <v>3330</v>
      </c>
      <c r="D1756" s="1" t="s">
        <v>8492</v>
      </c>
      <c r="E1756" s="5" t="s">
        <v>12956</v>
      </c>
      <c r="F1756" s="6">
        <v>1565</v>
      </c>
    </row>
    <row r="1757" spans="1:6" x14ac:dyDescent="0.25">
      <c r="A1757" s="4" t="s">
        <v>2</v>
      </c>
      <c r="B1757" s="1" t="s">
        <v>3145</v>
      </c>
      <c r="C1757" s="5" t="s">
        <v>4254</v>
      </c>
      <c r="D1757" s="1" t="s">
        <v>8493</v>
      </c>
      <c r="E1757" s="5" t="s">
        <v>12957</v>
      </c>
      <c r="F1757" s="6">
        <v>1566</v>
      </c>
    </row>
    <row r="1758" spans="1:6" x14ac:dyDescent="0.25">
      <c r="A1758" s="4" t="s">
        <v>2</v>
      </c>
      <c r="B1758" s="1" t="s">
        <v>3145</v>
      </c>
      <c r="C1758" s="5" t="s">
        <v>3330</v>
      </c>
      <c r="D1758" s="1" t="s">
        <v>8540</v>
      </c>
      <c r="E1758" s="5" t="s">
        <v>13030</v>
      </c>
      <c r="F1758" s="6">
        <v>1657</v>
      </c>
    </row>
    <row r="1759" spans="1:6" x14ac:dyDescent="0.25">
      <c r="A1759" s="4" t="s">
        <v>2</v>
      </c>
      <c r="B1759" s="1" t="s">
        <v>3145</v>
      </c>
      <c r="C1759" s="5" t="s">
        <v>3196</v>
      </c>
      <c r="D1759" s="1" t="s">
        <v>8541</v>
      </c>
      <c r="E1759" s="5" t="s">
        <v>13031</v>
      </c>
      <c r="F1759" s="6">
        <v>1660</v>
      </c>
    </row>
    <row r="1760" spans="1:6" x14ac:dyDescent="0.25">
      <c r="A1760" s="4" t="s">
        <v>2</v>
      </c>
      <c r="B1760" s="1" t="s">
        <v>3145</v>
      </c>
      <c r="C1760" s="5" t="s">
        <v>3427</v>
      </c>
      <c r="D1760" s="1" t="s">
        <v>8542</v>
      </c>
      <c r="E1760" s="5" t="s">
        <v>13032</v>
      </c>
      <c r="F1760" s="6">
        <v>1662</v>
      </c>
    </row>
    <row r="1761" spans="1:6" x14ac:dyDescent="0.25">
      <c r="A1761" s="4" t="s">
        <v>2</v>
      </c>
      <c r="B1761" s="1" t="s">
        <v>3145</v>
      </c>
      <c r="C1761" s="5" t="s">
        <v>4315</v>
      </c>
      <c r="D1761" s="1" t="s">
        <v>8543</v>
      </c>
      <c r="E1761" s="5" t="s">
        <v>13033</v>
      </c>
      <c r="F1761" s="6">
        <v>1663</v>
      </c>
    </row>
    <row r="1762" spans="1:6" x14ac:dyDescent="0.25">
      <c r="A1762" s="4" t="s">
        <v>2</v>
      </c>
      <c r="B1762" s="1" t="s">
        <v>3145</v>
      </c>
      <c r="C1762" s="5" t="s">
        <v>3225</v>
      </c>
      <c r="D1762" s="1" t="s">
        <v>8544</v>
      </c>
      <c r="E1762" s="5" t="s">
        <v>13034</v>
      </c>
      <c r="F1762" s="6">
        <v>1664</v>
      </c>
    </row>
    <row r="1763" spans="1:6" x14ac:dyDescent="0.25">
      <c r="A1763" s="4" t="s">
        <v>2</v>
      </c>
      <c r="B1763" s="1" t="s">
        <v>3145</v>
      </c>
      <c r="C1763" s="5" t="s">
        <v>3609</v>
      </c>
      <c r="D1763" s="1" t="s">
        <v>8545</v>
      </c>
      <c r="E1763" s="5" t="s">
        <v>13035</v>
      </c>
      <c r="F1763" s="6">
        <v>1666</v>
      </c>
    </row>
    <row r="1764" spans="1:6" x14ac:dyDescent="0.25">
      <c r="A1764" s="4" t="s">
        <v>2</v>
      </c>
      <c r="B1764" s="1" t="s">
        <v>3145</v>
      </c>
      <c r="C1764" s="5" t="s">
        <v>4316</v>
      </c>
      <c r="D1764" s="1" t="s">
        <v>8546</v>
      </c>
      <c r="E1764" s="5" t="s">
        <v>13036</v>
      </c>
      <c r="F1764" s="6">
        <v>1667</v>
      </c>
    </row>
    <row r="1765" spans="1:6" x14ac:dyDescent="0.25">
      <c r="A1765" s="4" t="s">
        <v>2</v>
      </c>
      <c r="B1765" s="1" t="s">
        <v>3145</v>
      </c>
      <c r="C1765" s="5" t="s">
        <v>3296</v>
      </c>
      <c r="D1765" s="1" t="s">
        <v>8547</v>
      </c>
      <c r="E1765" s="5" t="s">
        <v>13037</v>
      </c>
      <c r="F1765" s="6">
        <v>1668</v>
      </c>
    </row>
    <row r="1766" spans="1:6" x14ac:dyDescent="0.25">
      <c r="A1766" s="4" t="s">
        <v>2</v>
      </c>
      <c r="B1766" s="1" t="s">
        <v>3145</v>
      </c>
      <c r="C1766" s="5" t="s">
        <v>4317</v>
      </c>
      <c r="D1766" s="1" t="s">
        <v>8548</v>
      </c>
      <c r="E1766" s="5" t="s">
        <v>13038</v>
      </c>
      <c r="F1766" s="6">
        <v>1669</v>
      </c>
    </row>
    <row r="1767" spans="1:6" x14ac:dyDescent="0.25">
      <c r="A1767" s="4" t="s">
        <v>2</v>
      </c>
      <c r="B1767" s="1" t="s">
        <v>3145</v>
      </c>
      <c r="C1767" s="5" t="s">
        <v>4318</v>
      </c>
      <c r="D1767" s="1" t="s">
        <v>8549</v>
      </c>
      <c r="E1767" s="5" t="s">
        <v>13039</v>
      </c>
      <c r="F1767" s="6">
        <v>1670</v>
      </c>
    </row>
    <row r="1768" spans="1:6" x14ac:dyDescent="0.25">
      <c r="A1768" s="4" t="s">
        <v>2</v>
      </c>
      <c r="B1768" s="1" t="s">
        <v>3145</v>
      </c>
      <c r="C1768" s="5" t="s">
        <v>4319</v>
      </c>
      <c r="D1768" s="1" t="s">
        <v>8550</v>
      </c>
      <c r="E1768" s="5" t="s">
        <v>13040</v>
      </c>
      <c r="F1768" s="6">
        <v>1671</v>
      </c>
    </row>
    <row r="1769" spans="1:6" x14ac:dyDescent="0.25">
      <c r="A1769" s="4" t="s">
        <v>2</v>
      </c>
      <c r="B1769" s="1" t="s">
        <v>3145</v>
      </c>
      <c r="C1769" s="5" t="s">
        <v>4316</v>
      </c>
      <c r="D1769" s="1" t="s">
        <v>8551</v>
      </c>
      <c r="E1769" s="5" t="s">
        <v>13041</v>
      </c>
      <c r="F1769" s="6">
        <v>1672</v>
      </c>
    </row>
    <row r="1770" spans="1:6" x14ac:dyDescent="0.25">
      <c r="A1770" s="4" t="s">
        <v>2</v>
      </c>
      <c r="B1770" s="1" t="s">
        <v>3145</v>
      </c>
      <c r="C1770" s="5" t="s">
        <v>3236</v>
      </c>
      <c r="D1770" s="1" t="s">
        <v>8552</v>
      </c>
      <c r="E1770" s="5" t="s">
        <v>13042</v>
      </c>
      <c r="F1770" s="6">
        <v>1673</v>
      </c>
    </row>
    <row r="1771" spans="1:6" x14ac:dyDescent="0.25">
      <c r="A1771" s="4" t="s">
        <v>2</v>
      </c>
      <c r="B1771" s="1" t="s">
        <v>3145</v>
      </c>
      <c r="C1771" s="5" t="s">
        <v>3478</v>
      </c>
      <c r="D1771" s="1" t="s">
        <v>8698</v>
      </c>
      <c r="E1771" s="5" t="s">
        <v>13307</v>
      </c>
      <c r="F1771" s="6">
        <v>1940</v>
      </c>
    </row>
    <row r="1772" spans="1:6" x14ac:dyDescent="0.25">
      <c r="A1772" s="4" t="s">
        <v>2</v>
      </c>
      <c r="B1772" s="1" t="s">
        <v>3145</v>
      </c>
      <c r="C1772" s="5" t="s">
        <v>3659</v>
      </c>
      <c r="D1772" s="1" t="s">
        <v>8705</v>
      </c>
      <c r="E1772" s="5" t="s">
        <v>13322</v>
      </c>
      <c r="F1772" s="6">
        <v>1955</v>
      </c>
    </row>
    <row r="1773" spans="1:6" x14ac:dyDescent="0.25">
      <c r="A1773" s="4" t="s">
        <v>2</v>
      </c>
      <c r="B1773" s="1" t="s">
        <v>3145</v>
      </c>
      <c r="C1773" s="5" t="s">
        <v>3382</v>
      </c>
      <c r="D1773" s="1" t="s">
        <v>8718</v>
      </c>
      <c r="E1773" s="5" t="s">
        <v>13348</v>
      </c>
      <c r="F1773" s="6">
        <v>1981</v>
      </c>
    </row>
    <row r="1774" spans="1:6" x14ac:dyDescent="0.25">
      <c r="A1774" s="4" t="s">
        <v>2</v>
      </c>
      <c r="B1774" s="1" t="s">
        <v>3145</v>
      </c>
      <c r="C1774" s="5" t="s">
        <v>3618</v>
      </c>
      <c r="D1774" s="1" t="s">
        <v>8719</v>
      </c>
      <c r="E1774" s="5" t="s">
        <v>13352</v>
      </c>
      <c r="F1774" s="6">
        <v>1985</v>
      </c>
    </row>
    <row r="1775" spans="1:6" x14ac:dyDescent="0.25">
      <c r="A1775" s="4" t="s">
        <v>2</v>
      </c>
      <c r="B1775" s="1" t="s">
        <v>3145</v>
      </c>
      <c r="C1775" s="5" t="s">
        <v>3236</v>
      </c>
      <c r="D1775" s="1" t="s">
        <v>8733</v>
      </c>
      <c r="E1775" s="5" t="s">
        <v>13372</v>
      </c>
      <c r="F1775" s="6">
        <v>2005</v>
      </c>
    </row>
    <row r="1776" spans="1:6" x14ac:dyDescent="0.25">
      <c r="A1776" s="4" t="s">
        <v>2</v>
      </c>
      <c r="B1776" s="1" t="s">
        <v>3145</v>
      </c>
      <c r="C1776" s="5" t="s">
        <v>3572</v>
      </c>
      <c r="D1776" s="1" t="s">
        <v>8735</v>
      </c>
      <c r="E1776" s="5" t="s">
        <v>13375</v>
      </c>
      <c r="F1776" s="6">
        <v>2008</v>
      </c>
    </row>
    <row r="1777" spans="1:6" x14ac:dyDescent="0.25">
      <c r="A1777" s="4" t="s">
        <v>2</v>
      </c>
      <c r="B1777" s="1" t="s">
        <v>3145</v>
      </c>
      <c r="C1777" s="5" t="s">
        <v>3429</v>
      </c>
      <c r="D1777" s="1" t="s">
        <v>8743</v>
      </c>
      <c r="E1777" s="5" t="s">
        <v>13391</v>
      </c>
      <c r="F1777" s="6">
        <v>2024</v>
      </c>
    </row>
    <row r="1778" spans="1:6" x14ac:dyDescent="0.25">
      <c r="A1778" s="4" t="s">
        <v>2</v>
      </c>
      <c r="B1778" s="1" t="s">
        <v>3145</v>
      </c>
      <c r="C1778" s="5" t="s">
        <v>4600</v>
      </c>
      <c r="D1778" s="1" t="s">
        <v>8748</v>
      </c>
      <c r="E1778" s="5" t="s">
        <v>13401</v>
      </c>
      <c r="F1778" s="6">
        <v>2034</v>
      </c>
    </row>
    <row r="1779" spans="1:6" x14ac:dyDescent="0.25">
      <c r="A1779" s="4" t="s">
        <v>2</v>
      </c>
      <c r="B1779" s="1" t="s">
        <v>3145</v>
      </c>
      <c r="C1779" s="5" t="s">
        <v>3444</v>
      </c>
      <c r="D1779" s="1" t="s">
        <v>8749</v>
      </c>
      <c r="E1779" s="5" t="s">
        <v>13402</v>
      </c>
      <c r="F1779" s="6">
        <v>2035</v>
      </c>
    </row>
    <row r="1780" spans="1:6" x14ac:dyDescent="0.25">
      <c r="A1780" s="4" t="s">
        <v>2</v>
      </c>
      <c r="B1780" s="1" t="s">
        <v>3145</v>
      </c>
      <c r="C1780" s="5" t="s">
        <v>3573</v>
      </c>
      <c r="D1780" s="1" t="s">
        <v>8750</v>
      </c>
      <c r="E1780" s="5" t="s">
        <v>13407</v>
      </c>
      <c r="F1780" s="6">
        <v>2040</v>
      </c>
    </row>
    <row r="1781" spans="1:6" x14ac:dyDescent="0.25">
      <c r="A1781" s="4" t="s">
        <v>2</v>
      </c>
      <c r="B1781" s="1" t="s">
        <v>3145</v>
      </c>
      <c r="C1781" s="5" t="s">
        <v>3225</v>
      </c>
      <c r="D1781" s="1" t="s">
        <v>8759</v>
      </c>
      <c r="E1781" s="5" t="s">
        <v>13421</v>
      </c>
      <c r="F1781" s="6">
        <v>2055</v>
      </c>
    </row>
    <row r="1782" spans="1:6" x14ac:dyDescent="0.25">
      <c r="A1782" s="4" t="s">
        <v>2</v>
      </c>
      <c r="B1782" s="1" t="s">
        <v>3145</v>
      </c>
      <c r="C1782" s="5" t="s">
        <v>3428</v>
      </c>
      <c r="D1782" s="1" t="s">
        <v>8765</v>
      </c>
      <c r="E1782" s="5" t="s">
        <v>13436</v>
      </c>
      <c r="F1782" s="6">
        <v>2072</v>
      </c>
    </row>
    <row r="1783" spans="1:6" x14ac:dyDescent="0.25">
      <c r="A1783" s="4" t="s">
        <v>2</v>
      </c>
      <c r="B1783" s="1" t="s">
        <v>3145</v>
      </c>
      <c r="C1783" s="5" t="s">
        <v>3483</v>
      </c>
      <c r="D1783" s="1" t="s">
        <v>8767</v>
      </c>
      <c r="E1783" s="5" t="s">
        <v>13438</v>
      </c>
      <c r="F1783" s="6">
        <v>2074</v>
      </c>
    </row>
    <row r="1784" spans="1:6" x14ac:dyDescent="0.25">
      <c r="A1784" s="4" t="s">
        <v>2</v>
      </c>
      <c r="B1784" s="1" t="s">
        <v>3145</v>
      </c>
      <c r="C1784" s="5" t="s">
        <v>3296</v>
      </c>
      <c r="D1784" s="1" t="s">
        <v>8768</v>
      </c>
      <c r="E1784" s="5" t="s">
        <v>13440</v>
      </c>
      <c r="F1784" s="6">
        <v>2076</v>
      </c>
    </row>
    <row r="1785" spans="1:6" x14ac:dyDescent="0.25">
      <c r="A1785" s="4" t="s">
        <v>2</v>
      </c>
      <c r="B1785" s="1" t="s">
        <v>3145</v>
      </c>
      <c r="C1785" s="5" t="s">
        <v>3220</v>
      </c>
      <c r="D1785" s="1" t="s">
        <v>8776</v>
      </c>
      <c r="E1785" s="5" t="s">
        <v>13455</v>
      </c>
      <c r="F1785" s="6">
        <v>2091</v>
      </c>
    </row>
    <row r="1786" spans="1:6" x14ac:dyDescent="0.25">
      <c r="A1786" s="4" t="s">
        <v>2</v>
      </c>
      <c r="B1786" s="1" t="s">
        <v>3145</v>
      </c>
      <c r="C1786" s="5" t="s">
        <v>3296</v>
      </c>
      <c r="D1786" s="1" t="s">
        <v>8777</v>
      </c>
      <c r="E1786" s="5" t="s">
        <v>13456</v>
      </c>
      <c r="F1786" s="6">
        <v>2092</v>
      </c>
    </row>
    <row r="1787" spans="1:6" x14ac:dyDescent="0.25">
      <c r="A1787" s="4" t="s">
        <v>2</v>
      </c>
      <c r="B1787" s="1" t="s">
        <v>3145</v>
      </c>
      <c r="C1787" s="5" t="s">
        <v>3485</v>
      </c>
      <c r="D1787" s="1" t="s">
        <v>8778</v>
      </c>
      <c r="E1787" s="5" t="s">
        <v>13457</v>
      </c>
      <c r="F1787" s="6">
        <v>2093</v>
      </c>
    </row>
    <row r="1788" spans="1:6" x14ac:dyDescent="0.25">
      <c r="A1788" s="4" t="s">
        <v>2</v>
      </c>
      <c r="B1788" s="1" t="s">
        <v>3145</v>
      </c>
      <c r="C1788" s="5" t="s">
        <v>3296</v>
      </c>
      <c r="D1788" s="1" t="s">
        <v>9078</v>
      </c>
      <c r="E1788" s="5" t="s">
        <v>14183</v>
      </c>
      <c r="F1788" s="6">
        <v>2840</v>
      </c>
    </row>
    <row r="1789" spans="1:6" x14ac:dyDescent="0.25">
      <c r="A1789" s="4" t="s">
        <v>2</v>
      </c>
      <c r="B1789" s="1" t="s">
        <v>3145</v>
      </c>
      <c r="C1789" s="5" t="s">
        <v>3589</v>
      </c>
      <c r="D1789" s="1" t="s">
        <v>9285</v>
      </c>
      <c r="E1789" s="5" t="s">
        <v>14964</v>
      </c>
      <c r="F1789" s="6">
        <v>3687</v>
      </c>
    </row>
    <row r="1790" spans="1:6" x14ac:dyDescent="0.25">
      <c r="A1790" s="4" t="s">
        <v>2</v>
      </c>
      <c r="B1790" s="1" t="s">
        <v>3145</v>
      </c>
      <c r="C1790" s="5" t="s">
        <v>3236</v>
      </c>
      <c r="D1790" s="1" t="s">
        <v>9297</v>
      </c>
      <c r="E1790" s="5" t="s">
        <v>14980</v>
      </c>
      <c r="F1790" s="6">
        <v>3703</v>
      </c>
    </row>
    <row r="1791" spans="1:6" x14ac:dyDescent="0.25">
      <c r="A1791" s="4" t="s">
        <v>2</v>
      </c>
      <c r="B1791" s="1" t="s">
        <v>3145</v>
      </c>
      <c r="C1791" s="5" t="s">
        <v>3427</v>
      </c>
      <c r="D1791" s="1" t="s">
        <v>9306</v>
      </c>
      <c r="E1791" s="5" t="s">
        <v>14992</v>
      </c>
      <c r="F1791" s="6">
        <v>3717</v>
      </c>
    </row>
    <row r="1792" spans="1:6" x14ac:dyDescent="0.25">
      <c r="A1792" s="4" t="s">
        <v>2</v>
      </c>
      <c r="B1792" s="1" t="s">
        <v>3145</v>
      </c>
      <c r="C1792" s="5" t="s">
        <v>5804</v>
      </c>
      <c r="D1792" s="1" t="s">
        <v>9327</v>
      </c>
      <c r="E1792" s="5" t="s">
        <v>15028</v>
      </c>
      <c r="F1792" s="6">
        <v>3756</v>
      </c>
    </row>
    <row r="1793" spans="1:6" x14ac:dyDescent="0.25">
      <c r="A1793" s="4" t="s">
        <v>2</v>
      </c>
      <c r="B1793" s="1" t="s">
        <v>3145</v>
      </c>
      <c r="C1793" s="5" t="s">
        <v>5839</v>
      </c>
      <c r="D1793" s="1" t="s">
        <v>9374</v>
      </c>
      <c r="E1793" s="5" t="s">
        <v>15101</v>
      </c>
      <c r="F1793" s="6">
        <v>3830</v>
      </c>
    </row>
    <row r="1794" spans="1:6" x14ac:dyDescent="0.25">
      <c r="A1794" s="4" t="s">
        <v>2</v>
      </c>
      <c r="B1794" s="1" t="s">
        <v>3145</v>
      </c>
      <c r="C1794" s="5" t="s">
        <v>3618</v>
      </c>
      <c r="D1794" s="1" t="s">
        <v>9385</v>
      </c>
      <c r="E1794" s="5" t="s">
        <v>15122</v>
      </c>
      <c r="F1794" s="6">
        <v>3853</v>
      </c>
    </row>
    <row r="1795" spans="1:6" x14ac:dyDescent="0.25">
      <c r="A1795" s="4" t="s">
        <v>2</v>
      </c>
      <c r="B1795" s="1" t="s">
        <v>3145</v>
      </c>
      <c r="C1795" s="5" t="s">
        <v>3475</v>
      </c>
      <c r="D1795" s="1" t="s">
        <v>9414</v>
      </c>
      <c r="E1795" s="5" t="s">
        <v>15163</v>
      </c>
      <c r="F1795" s="6">
        <v>3895</v>
      </c>
    </row>
    <row r="1796" spans="1:6" x14ac:dyDescent="0.25">
      <c r="A1796" s="4" t="s">
        <v>2</v>
      </c>
      <c r="B1796" s="1" t="s">
        <v>3178</v>
      </c>
      <c r="C1796" s="5" t="s">
        <v>3428</v>
      </c>
      <c r="D1796" s="1" t="s">
        <v>9430</v>
      </c>
      <c r="E1796" s="5" t="s">
        <v>15186</v>
      </c>
      <c r="F1796" s="6">
        <v>3919</v>
      </c>
    </row>
    <row r="1797" spans="1:6" x14ac:dyDescent="0.25">
      <c r="A1797" s="4" t="s">
        <v>2</v>
      </c>
      <c r="B1797" s="1" t="s">
        <v>3145</v>
      </c>
      <c r="C1797" s="5" t="s">
        <v>3405</v>
      </c>
      <c r="D1797" s="1" t="s">
        <v>9454</v>
      </c>
      <c r="E1797" s="5" t="s">
        <v>15220</v>
      </c>
      <c r="F1797" s="6">
        <v>3954</v>
      </c>
    </row>
    <row r="1798" spans="1:6" x14ac:dyDescent="0.25">
      <c r="A1798" s="4" t="s">
        <v>2</v>
      </c>
      <c r="B1798" s="1" t="s">
        <v>3145</v>
      </c>
      <c r="C1798" s="5" t="s">
        <v>3236</v>
      </c>
      <c r="D1798" s="1" t="s">
        <v>9469</v>
      </c>
      <c r="E1798" s="5" t="s">
        <v>15242</v>
      </c>
      <c r="F1798" s="6">
        <v>3977</v>
      </c>
    </row>
    <row r="1799" spans="1:6" x14ac:dyDescent="0.25">
      <c r="A1799" s="4" t="s">
        <v>2</v>
      </c>
      <c r="B1799" s="1" t="s">
        <v>3145</v>
      </c>
      <c r="C1799" s="5" t="s">
        <v>3609</v>
      </c>
      <c r="D1799" s="1" t="s">
        <v>9470</v>
      </c>
      <c r="E1799" s="5" t="s">
        <v>15243</v>
      </c>
      <c r="F1799" s="6">
        <v>3978</v>
      </c>
    </row>
    <row r="1800" spans="1:6" x14ac:dyDescent="0.25">
      <c r="A1800" s="4" t="s">
        <v>2</v>
      </c>
      <c r="B1800" s="1" t="s">
        <v>3145</v>
      </c>
      <c r="C1800" s="5" t="s">
        <v>3571</v>
      </c>
      <c r="D1800" s="1" t="s">
        <v>9471</v>
      </c>
      <c r="E1800" s="5" t="s">
        <v>15244</v>
      </c>
      <c r="F1800" s="6">
        <v>3979</v>
      </c>
    </row>
    <row r="1801" spans="1:6" x14ac:dyDescent="0.25">
      <c r="A1801" s="4" t="s">
        <v>2</v>
      </c>
      <c r="B1801" s="1" t="s">
        <v>3145</v>
      </c>
      <c r="C1801" s="5" t="s">
        <v>3296</v>
      </c>
      <c r="D1801" s="1" t="s">
        <v>9478</v>
      </c>
      <c r="E1801" s="5" t="s">
        <v>15252</v>
      </c>
      <c r="F1801" s="6">
        <v>3987</v>
      </c>
    </row>
    <row r="1802" spans="1:6" x14ac:dyDescent="0.25">
      <c r="A1802" s="4" t="s">
        <v>2</v>
      </c>
      <c r="B1802" s="1" t="s">
        <v>3145</v>
      </c>
      <c r="C1802" s="5" t="s">
        <v>3276</v>
      </c>
      <c r="D1802" s="1" t="s">
        <v>9482</v>
      </c>
      <c r="E1802" s="5" t="s">
        <v>15257</v>
      </c>
      <c r="F1802" s="6">
        <v>3992</v>
      </c>
    </row>
    <row r="1803" spans="1:6" x14ac:dyDescent="0.25">
      <c r="A1803" s="4" t="s">
        <v>2</v>
      </c>
      <c r="B1803" s="1" t="s">
        <v>3145</v>
      </c>
      <c r="C1803" s="5" t="s">
        <v>3382</v>
      </c>
      <c r="D1803" s="1" t="s">
        <v>9504</v>
      </c>
      <c r="E1803" s="5" t="s">
        <v>15290</v>
      </c>
      <c r="F1803" s="6">
        <v>4025</v>
      </c>
    </row>
    <row r="1804" spans="1:6" x14ac:dyDescent="0.25">
      <c r="A1804" s="4" t="s">
        <v>2</v>
      </c>
      <c r="B1804" s="1" t="s">
        <v>3145</v>
      </c>
      <c r="C1804" s="5" t="s">
        <v>3236</v>
      </c>
      <c r="D1804" s="1" t="s">
        <v>9505</v>
      </c>
      <c r="E1804" s="5" t="s">
        <v>15291</v>
      </c>
      <c r="F1804" s="6">
        <v>4026</v>
      </c>
    </row>
    <row r="1805" spans="1:6" x14ac:dyDescent="0.25">
      <c r="A1805" s="4" t="s">
        <v>2</v>
      </c>
      <c r="B1805" s="1" t="s">
        <v>3145</v>
      </c>
      <c r="C1805" s="5" t="s">
        <v>3507</v>
      </c>
      <c r="D1805" s="1" t="s">
        <v>9506</v>
      </c>
      <c r="E1805" s="5" t="s">
        <v>15292</v>
      </c>
      <c r="F1805" s="6">
        <v>4027</v>
      </c>
    </row>
    <row r="1806" spans="1:6" x14ac:dyDescent="0.25">
      <c r="A1806" s="4" t="s">
        <v>2</v>
      </c>
      <c r="B1806" s="1" t="s">
        <v>3145</v>
      </c>
      <c r="C1806" s="5" t="s">
        <v>3405</v>
      </c>
      <c r="D1806" s="1" t="s">
        <v>9533</v>
      </c>
      <c r="E1806" s="5" t="s">
        <v>15337</v>
      </c>
      <c r="F1806" s="6">
        <v>4074</v>
      </c>
    </row>
    <row r="1807" spans="1:6" x14ac:dyDescent="0.25">
      <c r="A1807" s="4" t="s">
        <v>2</v>
      </c>
      <c r="B1807" s="1" t="s">
        <v>3145</v>
      </c>
      <c r="C1807" s="5" t="s">
        <v>5991</v>
      </c>
      <c r="D1807" s="1" t="s">
        <v>2978</v>
      </c>
      <c r="E1807" s="5" t="s">
        <v>15370</v>
      </c>
      <c r="F1807" s="6">
        <v>4107</v>
      </c>
    </row>
    <row r="1808" spans="1:6" x14ac:dyDescent="0.25">
      <c r="A1808" s="4" t="s">
        <v>2</v>
      </c>
      <c r="B1808" s="1" t="s">
        <v>3145</v>
      </c>
      <c r="C1808" s="5" t="s">
        <v>3220</v>
      </c>
      <c r="D1808" s="1" t="s">
        <v>9549</v>
      </c>
      <c r="E1808" s="5" t="s">
        <v>15371</v>
      </c>
      <c r="F1808" s="6">
        <v>4108</v>
      </c>
    </row>
    <row r="1809" spans="1:6" x14ac:dyDescent="0.25">
      <c r="A1809" s="4" t="s">
        <v>2</v>
      </c>
      <c r="B1809" s="1" t="s">
        <v>3145</v>
      </c>
      <c r="C1809" s="5" t="s">
        <v>3662</v>
      </c>
      <c r="D1809" s="1" t="s">
        <v>9550</v>
      </c>
      <c r="E1809" s="5" t="s">
        <v>15372</v>
      </c>
      <c r="F1809" s="6">
        <v>4109</v>
      </c>
    </row>
    <row r="1810" spans="1:6" x14ac:dyDescent="0.25">
      <c r="A1810" s="4" t="s">
        <v>2</v>
      </c>
      <c r="B1810" s="1" t="s">
        <v>3145</v>
      </c>
      <c r="C1810" s="5" t="s">
        <v>5804</v>
      </c>
      <c r="D1810" s="1" t="s">
        <v>9551</v>
      </c>
      <c r="E1810" s="5" t="s">
        <v>15373</v>
      </c>
      <c r="F1810" s="6">
        <v>4110</v>
      </c>
    </row>
    <row r="1811" spans="1:6" x14ac:dyDescent="0.25">
      <c r="A1811" s="4" t="s">
        <v>2</v>
      </c>
      <c r="B1811" s="1" t="s">
        <v>3145</v>
      </c>
      <c r="C1811" s="5" t="s">
        <v>3467</v>
      </c>
      <c r="D1811" s="1" t="s">
        <v>9553</v>
      </c>
      <c r="E1811" s="5" t="s">
        <v>15376</v>
      </c>
      <c r="F1811" s="6">
        <v>4113</v>
      </c>
    </row>
    <row r="1812" spans="1:6" x14ac:dyDescent="0.25">
      <c r="A1812" s="4" t="s">
        <v>2</v>
      </c>
      <c r="B1812" s="1" t="s">
        <v>3145</v>
      </c>
      <c r="C1812" s="5" t="s">
        <v>3318</v>
      </c>
      <c r="D1812" s="1" t="s">
        <v>9554</v>
      </c>
      <c r="E1812" s="5" t="s">
        <v>15377</v>
      </c>
      <c r="F1812" s="6">
        <v>4114</v>
      </c>
    </row>
    <row r="1813" spans="1:6" x14ac:dyDescent="0.25">
      <c r="A1813" s="4" t="s">
        <v>2</v>
      </c>
      <c r="B1813" s="1" t="s">
        <v>3145</v>
      </c>
      <c r="C1813" s="5" t="s">
        <v>3445</v>
      </c>
      <c r="D1813" s="1" t="s">
        <v>9569</v>
      </c>
      <c r="E1813" s="5" t="s">
        <v>15402</v>
      </c>
      <c r="F1813" s="6">
        <v>4139</v>
      </c>
    </row>
    <row r="1814" spans="1:6" x14ac:dyDescent="0.25">
      <c r="A1814" s="4" t="s">
        <v>2</v>
      </c>
      <c r="B1814" s="1" t="s">
        <v>3145</v>
      </c>
      <c r="C1814" s="5" t="s">
        <v>6030</v>
      </c>
      <c r="D1814" s="1" t="s">
        <v>9589</v>
      </c>
      <c r="E1814" s="5" t="s">
        <v>15433</v>
      </c>
      <c r="F1814" s="6">
        <v>4171</v>
      </c>
    </row>
    <row r="1815" spans="1:6" x14ac:dyDescent="0.25">
      <c r="A1815" s="4" t="s">
        <v>2</v>
      </c>
      <c r="B1815" s="1" t="s">
        <v>3145</v>
      </c>
      <c r="C1815" s="5" t="s">
        <v>3406</v>
      </c>
      <c r="D1815" s="1" t="s">
        <v>9593</v>
      </c>
      <c r="E1815" s="5" t="s">
        <v>15439</v>
      </c>
      <c r="F1815" s="6">
        <v>4177</v>
      </c>
    </row>
    <row r="1816" spans="1:6" x14ac:dyDescent="0.25">
      <c r="A1816" s="4" t="s">
        <v>2</v>
      </c>
      <c r="B1816" s="1" t="s">
        <v>3145</v>
      </c>
      <c r="C1816" s="5" t="s">
        <v>3485</v>
      </c>
      <c r="D1816" s="1" t="s">
        <v>9605</v>
      </c>
      <c r="E1816" s="5" t="s">
        <v>15452</v>
      </c>
      <c r="F1816" s="6">
        <v>4190</v>
      </c>
    </row>
    <row r="1817" spans="1:6" x14ac:dyDescent="0.25">
      <c r="A1817" s="4" t="s">
        <v>2</v>
      </c>
      <c r="B1817" s="1" t="s">
        <v>3145</v>
      </c>
      <c r="C1817" s="5" t="s">
        <v>3330</v>
      </c>
      <c r="D1817" s="1" t="s">
        <v>9606</v>
      </c>
      <c r="E1817" s="5" t="s">
        <v>15453</v>
      </c>
      <c r="F1817" s="6">
        <v>4191</v>
      </c>
    </row>
    <row r="1818" spans="1:6" x14ac:dyDescent="0.25">
      <c r="A1818" s="4" t="s">
        <v>2</v>
      </c>
      <c r="B1818" s="1" t="s">
        <v>3145</v>
      </c>
      <c r="C1818" s="5" t="s">
        <v>6056</v>
      </c>
      <c r="D1818" s="1" t="s">
        <v>9619</v>
      </c>
      <c r="E1818" s="5" t="s">
        <v>15471</v>
      </c>
      <c r="F1818" s="6">
        <v>4209</v>
      </c>
    </row>
    <row r="1819" spans="1:6" x14ac:dyDescent="0.25">
      <c r="A1819" s="4" t="s">
        <v>2</v>
      </c>
      <c r="B1819" s="1" t="s">
        <v>3145</v>
      </c>
      <c r="C1819" s="5" t="s">
        <v>3572</v>
      </c>
      <c r="D1819" s="1" t="s">
        <v>9623</v>
      </c>
      <c r="E1819" s="5" t="s">
        <v>15476</v>
      </c>
      <c r="F1819" s="6">
        <v>4214</v>
      </c>
    </row>
    <row r="1820" spans="1:6" x14ac:dyDescent="0.25">
      <c r="A1820" s="4" t="s">
        <v>2</v>
      </c>
      <c r="B1820" s="1" t="s">
        <v>3145</v>
      </c>
      <c r="C1820" s="5" t="s">
        <v>6095</v>
      </c>
      <c r="D1820" s="1" t="s">
        <v>9665</v>
      </c>
      <c r="E1820" s="5" t="s">
        <v>15539</v>
      </c>
      <c r="F1820" s="6">
        <v>4280</v>
      </c>
    </row>
    <row r="1821" spans="1:6" x14ac:dyDescent="0.25">
      <c r="A1821" s="4" t="s">
        <v>2</v>
      </c>
      <c r="B1821" s="1" t="s">
        <v>3145</v>
      </c>
      <c r="C1821" s="5" t="s">
        <v>3274</v>
      </c>
      <c r="D1821" s="1" t="s">
        <v>9676</v>
      </c>
      <c r="E1821" s="5" t="s">
        <v>15555</v>
      </c>
      <c r="F1821" s="6">
        <v>4296</v>
      </c>
    </row>
    <row r="1822" spans="1:6" x14ac:dyDescent="0.25">
      <c r="A1822" s="4" t="s">
        <v>2</v>
      </c>
      <c r="B1822" s="1" t="s">
        <v>3145</v>
      </c>
      <c r="C1822" s="5" t="s">
        <v>6127</v>
      </c>
      <c r="D1822" s="1" t="s">
        <v>9694</v>
      </c>
      <c r="E1822" s="5" t="s">
        <v>15581</v>
      </c>
      <c r="F1822" s="6">
        <v>4323</v>
      </c>
    </row>
    <row r="1823" spans="1:6" x14ac:dyDescent="0.25">
      <c r="A1823" s="4" t="s">
        <v>2</v>
      </c>
      <c r="B1823" s="1" t="s">
        <v>3145</v>
      </c>
      <c r="C1823" s="5" t="s">
        <v>3484</v>
      </c>
      <c r="D1823" s="1" t="s">
        <v>9695</v>
      </c>
      <c r="E1823" s="5" t="s">
        <v>15582</v>
      </c>
      <c r="F1823" s="6">
        <v>4324</v>
      </c>
    </row>
    <row r="1824" spans="1:6" x14ac:dyDescent="0.25">
      <c r="A1824" s="4" t="s">
        <v>2</v>
      </c>
      <c r="B1824" s="1" t="s">
        <v>3145</v>
      </c>
      <c r="C1824" s="5" t="s">
        <v>5804</v>
      </c>
      <c r="D1824" s="1" t="s">
        <v>9701</v>
      </c>
      <c r="E1824" s="5" t="s">
        <v>15592</v>
      </c>
      <c r="F1824" s="6">
        <v>4334</v>
      </c>
    </row>
    <row r="1825" spans="1:6" x14ac:dyDescent="0.25">
      <c r="A1825" s="4" t="s">
        <v>2</v>
      </c>
      <c r="B1825" s="1" t="s">
        <v>3145</v>
      </c>
      <c r="C1825" s="5" t="s">
        <v>3484</v>
      </c>
      <c r="D1825" s="1" t="s">
        <v>9711</v>
      </c>
      <c r="E1825" s="5" t="s">
        <v>15603</v>
      </c>
      <c r="F1825" s="6">
        <v>4345</v>
      </c>
    </row>
    <row r="1826" spans="1:6" x14ac:dyDescent="0.25">
      <c r="A1826" s="4" t="s">
        <v>2</v>
      </c>
      <c r="B1826" s="1" t="s">
        <v>3145</v>
      </c>
      <c r="C1826" s="5" t="s">
        <v>3475</v>
      </c>
      <c r="D1826" s="1" t="s">
        <v>9723</v>
      </c>
      <c r="E1826" s="5" t="s">
        <v>15620</v>
      </c>
      <c r="F1826" s="6">
        <v>4362</v>
      </c>
    </row>
    <row r="1827" spans="1:6" x14ac:dyDescent="0.25">
      <c r="A1827" s="4" t="s">
        <v>2</v>
      </c>
      <c r="B1827" s="1" t="s">
        <v>3145</v>
      </c>
      <c r="C1827" s="5" t="s">
        <v>3572</v>
      </c>
      <c r="D1827" s="1" t="s">
        <v>9724</v>
      </c>
      <c r="E1827" s="5" t="s">
        <v>15621</v>
      </c>
      <c r="F1827" s="6">
        <v>4363</v>
      </c>
    </row>
    <row r="1828" spans="1:6" x14ac:dyDescent="0.25">
      <c r="A1828" s="4" t="s">
        <v>2</v>
      </c>
      <c r="B1828" s="1" t="s">
        <v>3145</v>
      </c>
      <c r="C1828" s="5" t="s">
        <v>3406</v>
      </c>
      <c r="D1828" s="1" t="s">
        <v>9725</v>
      </c>
      <c r="E1828" s="5" t="s">
        <v>15622</v>
      </c>
      <c r="F1828" s="6">
        <v>4364</v>
      </c>
    </row>
    <row r="1829" spans="1:6" x14ac:dyDescent="0.25">
      <c r="A1829" s="4" t="s">
        <v>2</v>
      </c>
      <c r="B1829" s="1" t="s">
        <v>3145</v>
      </c>
      <c r="C1829" s="5" t="s">
        <v>3739</v>
      </c>
      <c r="D1829" s="1" t="s">
        <v>9726</v>
      </c>
      <c r="E1829" s="5" t="s">
        <v>15623</v>
      </c>
      <c r="F1829" s="6">
        <v>4365</v>
      </c>
    </row>
    <row r="1830" spans="1:6" x14ac:dyDescent="0.25">
      <c r="A1830" s="4" t="s">
        <v>2</v>
      </c>
      <c r="B1830" s="1" t="s">
        <v>3145</v>
      </c>
      <c r="C1830" s="5" t="s">
        <v>3427</v>
      </c>
      <c r="D1830" s="1" t="s">
        <v>9736</v>
      </c>
      <c r="E1830" s="5" t="s">
        <v>15641</v>
      </c>
      <c r="F1830" s="6">
        <v>4383</v>
      </c>
    </row>
    <row r="1831" spans="1:6" x14ac:dyDescent="0.25">
      <c r="A1831" s="4" t="s">
        <v>2</v>
      </c>
      <c r="B1831" s="1" t="s">
        <v>3145</v>
      </c>
      <c r="C1831" s="5" t="s">
        <v>3296</v>
      </c>
      <c r="D1831" s="1" t="s">
        <v>9742</v>
      </c>
      <c r="E1831" s="5" t="s">
        <v>15648</v>
      </c>
      <c r="F1831" s="6">
        <v>4391</v>
      </c>
    </row>
    <row r="1832" spans="1:6" x14ac:dyDescent="0.25">
      <c r="A1832" s="4" t="s">
        <v>2</v>
      </c>
      <c r="B1832" s="1" t="s">
        <v>3145</v>
      </c>
      <c r="C1832" s="5" t="s">
        <v>3507</v>
      </c>
      <c r="D1832" s="1" t="s">
        <v>9747</v>
      </c>
      <c r="E1832" s="5" t="s">
        <v>15653</v>
      </c>
      <c r="F1832" s="6">
        <v>4396</v>
      </c>
    </row>
    <row r="1833" spans="1:6" x14ac:dyDescent="0.25">
      <c r="A1833" s="4" t="s">
        <v>2</v>
      </c>
      <c r="B1833" s="1" t="s">
        <v>3145</v>
      </c>
      <c r="C1833" s="5" t="s">
        <v>3236</v>
      </c>
      <c r="D1833" s="1" t="s">
        <v>9748</v>
      </c>
      <c r="E1833" s="5" t="s">
        <v>15654</v>
      </c>
      <c r="F1833" s="6">
        <v>4397</v>
      </c>
    </row>
    <row r="1834" spans="1:6" x14ac:dyDescent="0.25">
      <c r="A1834" s="4" t="s">
        <v>2</v>
      </c>
      <c r="B1834" s="1" t="s">
        <v>3145</v>
      </c>
      <c r="C1834" s="5" t="s">
        <v>3739</v>
      </c>
      <c r="D1834" s="1" t="s">
        <v>9749</v>
      </c>
      <c r="E1834" s="5" t="s">
        <v>15655</v>
      </c>
      <c r="F1834" s="6">
        <v>4399</v>
      </c>
    </row>
    <row r="1835" spans="1:6" x14ac:dyDescent="0.25">
      <c r="A1835" s="4" t="s">
        <v>2</v>
      </c>
      <c r="B1835" s="1" t="s">
        <v>3145</v>
      </c>
      <c r="C1835" s="5" t="s">
        <v>3318</v>
      </c>
      <c r="D1835" s="1" t="s">
        <v>9750</v>
      </c>
      <c r="E1835" s="5" t="s">
        <v>15656</v>
      </c>
      <c r="F1835" s="6">
        <v>4400</v>
      </c>
    </row>
    <row r="1836" spans="1:6" x14ac:dyDescent="0.25">
      <c r="A1836" s="4" t="s">
        <v>2</v>
      </c>
      <c r="B1836" s="1" t="s">
        <v>3145</v>
      </c>
      <c r="C1836" s="5" t="s">
        <v>3485</v>
      </c>
      <c r="D1836" s="1" t="s">
        <v>9751</v>
      </c>
      <c r="E1836" s="5" t="s">
        <v>15657</v>
      </c>
      <c r="F1836" s="6">
        <v>4401</v>
      </c>
    </row>
    <row r="1837" spans="1:6" x14ac:dyDescent="0.25">
      <c r="A1837" s="4" t="s">
        <v>2</v>
      </c>
      <c r="B1837" s="1" t="s">
        <v>3145</v>
      </c>
      <c r="C1837" s="5" t="s">
        <v>3661</v>
      </c>
      <c r="D1837" s="1" t="s">
        <v>9752</v>
      </c>
      <c r="E1837" s="5" t="s">
        <v>15658</v>
      </c>
      <c r="F1837" s="6">
        <v>4403</v>
      </c>
    </row>
    <row r="1838" spans="1:6" x14ac:dyDescent="0.25">
      <c r="A1838" s="4" t="s">
        <v>2</v>
      </c>
      <c r="B1838" s="1" t="s">
        <v>3145</v>
      </c>
      <c r="C1838" s="5" t="s">
        <v>4318</v>
      </c>
      <c r="D1838" s="1" t="s">
        <v>9753</v>
      </c>
      <c r="E1838" s="5" t="s">
        <v>15659</v>
      </c>
      <c r="F1838" s="6">
        <v>4404</v>
      </c>
    </row>
    <row r="1839" spans="1:6" x14ac:dyDescent="0.25">
      <c r="A1839" s="4" t="s">
        <v>2</v>
      </c>
      <c r="B1839" s="1" t="s">
        <v>3145</v>
      </c>
      <c r="C1839" s="5" t="s">
        <v>3405</v>
      </c>
      <c r="D1839" s="1" t="s">
        <v>9754</v>
      </c>
      <c r="E1839" s="5" t="s">
        <v>15660</v>
      </c>
      <c r="F1839" s="6">
        <v>4405</v>
      </c>
    </row>
    <row r="1840" spans="1:6" x14ac:dyDescent="0.25">
      <c r="A1840" s="4" t="s">
        <v>2</v>
      </c>
      <c r="B1840" s="1" t="s">
        <v>3145</v>
      </c>
      <c r="C1840" s="5" t="s">
        <v>3274</v>
      </c>
      <c r="D1840" s="1" t="s">
        <v>9758</v>
      </c>
      <c r="E1840" s="5" t="s">
        <v>15664</v>
      </c>
      <c r="F1840" s="6">
        <v>4410</v>
      </c>
    </row>
    <row r="1841" spans="1:6" x14ac:dyDescent="0.25">
      <c r="A1841" s="4" t="s">
        <v>2</v>
      </c>
      <c r="B1841" s="1" t="s">
        <v>3145</v>
      </c>
      <c r="C1841" s="5" t="s">
        <v>3405</v>
      </c>
      <c r="D1841" s="1" t="s">
        <v>9759</v>
      </c>
      <c r="E1841" s="5" t="s">
        <v>15665</v>
      </c>
      <c r="F1841" s="6">
        <v>4411</v>
      </c>
    </row>
    <row r="1842" spans="1:6" x14ac:dyDescent="0.25">
      <c r="A1842" s="4" t="s">
        <v>2</v>
      </c>
      <c r="B1842" s="1" t="s">
        <v>3145</v>
      </c>
      <c r="C1842" s="5" t="s">
        <v>3427</v>
      </c>
      <c r="D1842" s="1" t="s">
        <v>9760</v>
      </c>
      <c r="E1842" s="5" t="s">
        <v>15666</v>
      </c>
      <c r="F1842" s="6">
        <v>4412</v>
      </c>
    </row>
    <row r="1843" spans="1:6" x14ac:dyDescent="0.25">
      <c r="A1843" s="4" t="s">
        <v>2</v>
      </c>
      <c r="B1843" s="1" t="s">
        <v>3145</v>
      </c>
      <c r="C1843" s="5" t="s">
        <v>3406</v>
      </c>
      <c r="D1843" s="1" t="s">
        <v>9761</v>
      </c>
      <c r="E1843" s="5" t="s">
        <v>15667</v>
      </c>
      <c r="F1843" s="6">
        <v>4413</v>
      </c>
    </row>
    <row r="1844" spans="1:6" x14ac:dyDescent="0.25">
      <c r="A1844" s="4" t="s">
        <v>2</v>
      </c>
      <c r="B1844" s="1" t="s">
        <v>3145</v>
      </c>
      <c r="C1844" s="5" t="s">
        <v>3660</v>
      </c>
      <c r="D1844" s="1" t="s">
        <v>9762</v>
      </c>
      <c r="E1844" s="5" t="s">
        <v>15668</v>
      </c>
      <c r="F1844" s="6">
        <v>4414</v>
      </c>
    </row>
    <row r="1845" spans="1:6" x14ac:dyDescent="0.25">
      <c r="A1845" s="4" t="s">
        <v>2</v>
      </c>
      <c r="B1845" s="1" t="s">
        <v>3145</v>
      </c>
      <c r="C1845" s="5" t="s">
        <v>3467</v>
      </c>
      <c r="D1845" s="1" t="s">
        <v>9763</v>
      </c>
      <c r="E1845" s="5" t="s">
        <v>15669</v>
      </c>
      <c r="F1845" s="6">
        <v>4415</v>
      </c>
    </row>
    <row r="1846" spans="1:6" x14ac:dyDescent="0.25">
      <c r="A1846" s="4" t="s">
        <v>2</v>
      </c>
      <c r="B1846" s="1" t="s">
        <v>3145</v>
      </c>
      <c r="C1846" s="5" t="s">
        <v>3406</v>
      </c>
      <c r="D1846" s="1" t="s">
        <v>9780</v>
      </c>
      <c r="E1846" s="5" t="s">
        <v>15689</v>
      </c>
      <c r="F1846" s="6">
        <v>4437</v>
      </c>
    </row>
    <row r="1847" spans="1:6" x14ac:dyDescent="0.25">
      <c r="A1847" s="4" t="s">
        <v>2</v>
      </c>
      <c r="B1847" s="1" t="s">
        <v>3145</v>
      </c>
      <c r="C1847" s="5" t="s">
        <v>3382</v>
      </c>
      <c r="D1847" s="1" t="s">
        <v>9781</v>
      </c>
      <c r="E1847" s="5" t="s">
        <v>15690</v>
      </c>
      <c r="F1847" s="6">
        <v>4438</v>
      </c>
    </row>
    <row r="1848" spans="1:6" x14ac:dyDescent="0.25">
      <c r="A1848" s="4" t="s">
        <v>2</v>
      </c>
      <c r="B1848" s="1" t="s">
        <v>3145</v>
      </c>
      <c r="C1848" s="5" t="s">
        <v>3296</v>
      </c>
      <c r="D1848" s="1" t="s">
        <v>9782</v>
      </c>
      <c r="E1848" s="5" t="s">
        <v>15691</v>
      </c>
      <c r="F1848" s="6">
        <v>4456</v>
      </c>
    </row>
    <row r="1849" spans="1:6" x14ac:dyDescent="0.25">
      <c r="A1849" s="4" t="s">
        <v>2</v>
      </c>
      <c r="B1849" s="1" t="s">
        <v>3145</v>
      </c>
      <c r="C1849" s="5" t="s">
        <v>3406</v>
      </c>
      <c r="D1849" s="1" t="s">
        <v>9783</v>
      </c>
      <c r="E1849" s="5" t="s">
        <v>15692</v>
      </c>
      <c r="F1849" s="6">
        <v>4457</v>
      </c>
    </row>
    <row r="1850" spans="1:6" x14ac:dyDescent="0.25">
      <c r="A1850" s="4" t="s">
        <v>2</v>
      </c>
      <c r="B1850" s="1" t="s">
        <v>3145</v>
      </c>
      <c r="C1850" s="5" t="s">
        <v>3296</v>
      </c>
      <c r="D1850" s="1" t="s">
        <v>9784</v>
      </c>
      <c r="E1850" s="5" t="s">
        <v>15693</v>
      </c>
      <c r="F1850" s="6">
        <v>4459</v>
      </c>
    </row>
    <row r="1851" spans="1:6" x14ac:dyDescent="0.25">
      <c r="A1851" s="4" t="s">
        <v>2</v>
      </c>
      <c r="B1851" s="1" t="s">
        <v>3145</v>
      </c>
      <c r="C1851" s="5" t="s">
        <v>3309</v>
      </c>
      <c r="D1851" s="1" t="s">
        <v>9797</v>
      </c>
      <c r="E1851" s="5" t="s">
        <v>15711</v>
      </c>
      <c r="F1851" s="6">
        <v>4479</v>
      </c>
    </row>
    <row r="1852" spans="1:6" x14ac:dyDescent="0.25">
      <c r="A1852" s="4" t="s">
        <v>2</v>
      </c>
      <c r="B1852" s="1" t="s">
        <v>3145</v>
      </c>
      <c r="C1852" s="5" t="s">
        <v>3482</v>
      </c>
      <c r="D1852" s="1" t="s">
        <v>9870</v>
      </c>
      <c r="E1852" s="5" t="s">
        <v>15802</v>
      </c>
      <c r="F1852" s="6">
        <v>4711</v>
      </c>
    </row>
    <row r="1853" spans="1:6" x14ac:dyDescent="0.25">
      <c r="A1853" s="4" t="s">
        <v>2</v>
      </c>
      <c r="B1853" s="1" t="s">
        <v>3145</v>
      </c>
      <c r="C1853" s="5" t="s">
        <v>3719</v>
      </c>
      <c r="D1853" s="1" t="s">
        <v>9879</v>
      </c>
      <c r="E1853" s="5" t="s">
        <v>15813</v>
      </c>
      <c r="F1853" s="6">
        <v>4723</v>
      </c>
    </row>
    <row r="1854" spans="1:6" x14ac:dyDescent="0.25">
      <c r="A1854" s="4" t="s">
        <v>2</v>
      </c>
      <c r="B1854" s="1" t="s">
        <v>3145</v>
      </c>
      <c r="C1854" s="5" t="s">
        <v>3483</v>
      </c>
      <c r="D1854" s="1" t="s">
        <v>9889</v>
      </c>
      <c r="E1854" s="5" t="s">
        <v>15825</v>
      </c>
      <c r="F1854" s="6">
        <v>4736</v>
      </c>
    </row>
    <row r="1855" spans="1:6" x14ac:dyDescent="0.25">
      <c r="A1855" s="4" t="s">
        <v>2</v>
      </c>
      <c r="B1855" s="1" t="s">
        <v>3145</v>
      </c>
      <c r="C1855" s="5" t="s">
        <v>4319</v>
      </c>
      <c r="D1855" s="1" t="s">
        <v>9890</v>
      </c>
      <c r="E1855" s="5" t="s">
        <v>15826</v>
      </c>
      <c r="F1855" s="6">
        <v>4737</v>
      </c>
    </row>
    <row r="1856" spans="1:6" x14ac:dyDescent="0.25">
      <c r="A1856" s="4" t="s">
        <v>2</v>
      </c>
      <c r="B1856" s="1" t="s">
        <v>3145</v>
      </c>
      <c r="C1856" s="5" t="s">
        <v>3467</v>
      </c>
      <c r="D1856" s="1" t="s">
        <v>9899</v>
      </c>
      <c r="E1856" s="5" t="s">
        <v>15836</v>
      </c>
      <c r="F1856" s="6">
        <v>4748</v>
      </c>
    </row>
    <row r="1857" spans="1:6" x14ac:dyDescent="0.25">
      <c r="A1857" s="4" t="s">
        <v>2</v>
      </c>
      <c r="B1857" s="1" t="s">
        <v>3145</v>
      </c>
      <c r="C1857" s="5" t="s">
        <v>3406</v>
      </c>
      <c r="D1857" s="1" t="s">
        <v>9902</v>
      </c>
      <c r="E1857" s="5" t="s">
        <v>15839</v>
      </c>
      <c r="F1857" s="6">
        <v>4751</v>
      </c>
    </row>
    <row r="1858" spans="1:6" x14ac:dyDescent="0.25">
      <c r="A1858" s="4" t="s">
        <v>2</v>
      </c>
      <c r="B1858" s="1" t="s">
        <v>3145</v>
      </c>
      <c r="C1858" s="5" t="s">
        <v>3589</v>
      </c>
      <c r="D1858" s="1" t="s">
        <v>9904</v>
      </c>
      <c r="E1858" s="5" t="s">
        <v>15841</v>
      </c>
      <c r="F1858" s="6">
        <v>4754</v>
      </c>
    </row>
    <row r="1859" spans="1:6" x14ac:dyDescent="0.25">
      <c r="A1859" s="4" t="s">
        <v>2</v>
      </c>
      <c r="B1859" s="1" t="s">
        <v>3145</v>
      </c>
      <c r="C1859" s="5" t="s">
        <v>3296</v>
      </c>
      <c r="D1859" s="1" t="s">
        <v>9913</v>
      </c>
      <c r="E1859" s="5" t="s">
        <v>15854</v>
      </c>
      <c r="F1859" s="6">
        <v>4767</v>
      </c>
    </row>
    <row r="1860" spans="1:6" x14ac:dyDescent="0.25">
      <c r="A1860" s="4" t="s">
        <v>2</v>
      </c>
      <c r="B1860" s="1" t="s">
        <v>3145</v>
      </c>
      <c r="C1860" s="5" t="s">
        <v>3428</v>
      </c>
      <c r="D1860" s="1" t="s">
        <v>9925</v>
      </c>
      <c r="E1860" s="5" t="s">
        <v>15868</v>
      </c>
      <c r="F1860" s="6">
        <v>4782</v>
      </c>
    </row>
    <row r="1861" spans="1:6" x14ac:dyDescent="0.25">
      <c r="A1861" s="4" t="s">
        <v>2</v>
      </c>
      <c r="B1861" s="1" t="s">
        <v>3145</v>
      </c>
      <c r="C1861" s="5" t="s">
        <v>3304</v>
      </c>
      <c r="D1861" s="1" t="s">
        <v>9993</v>
      </c>
      <c r="E1861" s="5" t="s">
        <v>15959</v>
      </c>
      <c r="F1861" s="6">
        <v>4878</v>
      </c>
    </row>
    <row r="1862" spans="1:6" x14ac:dyDescent="0.25">
      <c r="A1862" s="4" t="s">
        <v>2</v>
      </c>
      <c r="B1862" s="1" t="s">
        <v>3145</v>
      </c>
      <c r="C1862" s="5" t="s">
        <v>3476</v>
      </c>
      <c r="D1862" s="1" t="s">
        <v>11065</v>
      </c>
      <c r="E1862" s="5" t="s">
        <v>17402</v>
      </c>
      <c r="F1862" s="6">
        <v>9009</v>
      </c>
    </row>
    <row r="1863" spans="1:6" x14ac:dyDescent="0.25">
      <c r="A1863" s="4" t="s">
        <v>2</v>
      </c>
      <c r="B1863" s="1" t="s">
        <v>3145</v>
      </c>
      <c r="C1863" s="5" t="s">
        <v>3296</v>
      </c>
      <c r="D1863" s="1" t="s">
        <v>11088</v>
      </c>
      <c r="E1863" s="5" t="s">
        <v>17432</v>
      </c>
      <c r="F1863" s="6">
        <v>9042</v>
      </c>
    </row>
    <row r="1864" spans="1:6" x14ac:dyDescent="0.25">
      <c r="A1864" s="4" t="s">
        <v>2</v>
      </c>
      <c r="B1864" s="1" t="s">
        <v>3145</v>
      </c>
      <c r="C1864" s="5" t="s">
        <v>7016</v>
      </c>
      <c r="D1864" s="1" t="s">
        <v>11093</v>
      </c>
      <c r="E1864" s="5" t="s">
        <v>17441</v>
      </c>
      <c r="F1864" s="6">
        <v>9051</v>
      </c>
    </row>
    <row r="1865" spans="1:6" x14ac:dyDescent="0.25">
      <c r="A1865" s="4" t="s">
        <v>2</v>
      </c>
      <c r="B1865" s="1" t="s">
        <v>3145</v>
      </c>
      <c r="C1865" s="5" t="s">
        <v>3304</v>
      </c>
      <c r="D1865" s="1" t="s">
        <v>11114</v>
      </c>
      <c r="E1865" s="5" t="s">
        <v>17468</v>
      </c>
      <c r="F1865" s="6">
        <v>9079</v>
      </c>
    </row>
    <row r="1866" spans="1:6" x14ac:dyDescent="0.25">
      <c r="A1866" s="4" t="s">
        <v>2</v>
      </c>
      <c r="B1866" s="1" t="s">
        <v>3145</v>
      </c>
      <c r="C1866" s="5" t="s">
        <v>3661</v>
      </c>
      <c r="D1866" s="1" t="s">
        <v>11129</v>
      </c>
      <c r="E1866" s="5" t="s">
        <v>17487</v>
      </c>
      <c r="F1866" s="6">
        <v>9099</v>
      </c>
    </row>
    <row r="1867" spans="1:6" x14ac:dyDescent="0.25">
      <c r="A1867" s="4" t="s">
        <v>2</v>
      </c>
      <c r="B1867" s="1" t="s">
        <v>3145</v>
      </c>
      <c r="C1867" s="5" t="s">
        <v>3429</v>
      </c>
      <c r="D1867" s="1" t="s">
        <v>11145</v>
      </c>
      <c r="E1867" s="5" t="s">
        <v>17505</v>
      </c>
      <c r="F1867" s="6">
        <v>9117</v>
      </c>
    </row>
    <row r="1868" spans="1:6" x14ac:dyDescent="0.25">
      <c r="A1868" s="4" t="s">
        <v>824</v>
      </c>
      <c r="B1868" s="1" t="s">
        <v>3158</v>
      </c>
      <c r="C1868" s="5" t="s">
        <v>4554</v>
      </c>
      <c r="D1868" s="1" t="s">
        <v>824</v>
      </c>
      <c r="E1868" s="5" t="s">
        <v>13341</v>
      </c>
      <c r="F1868" s="6">
        <v>1974</v>
      </c>
    </row>
    <row r="1869" spans="1:6" x14ac:dyDescent="0.25">
      <c r="A1869" s="4" t="s">
        <v>298</v>
      </c>
      <c r="B1869" s="1" t="s">
        <v>3159</v>
      </c>
      <c r="C1869" s="5" t="s">
        <v>3773</v>
      </c>
      <c r="D1869" s="1" t="s">
        <v>7952</v>
      </c>
      <c r="E1869" s="5" t="s">
        <v>12267</v>
      </c>
      <c r="F1869" s="6">
        <v>759</v>
      </c>
    </row>
    <row r="1870" spans="1:6" x14ac:dyDescent="0.25">
      <c r="A1870" s="4" t="s">
        <v>298</v>
      </c>
      <c r="B1870" s="1" t="s">
        <v>3159</v>
      </c>
      <c r="C1870" s="5" t="s">
        <v>3773</v>
      </c>
      <c r="D1870" s="1" t="s">
        <v>9278</v>
      </c>
      <c r="E1870" s="5" t="s">
        <v>14954</v>
      </c>
      <c r="F1870" s="6">
        <v>3677</v>
      </c>
    </row>
    <row r="1871" spans="1:6" x14ac:dyDescent="0.25">
      <c r="A1871" s="4" t="s">
        <v>1063</v>
      </c>
      <c r="B1871" s="1" t="s">
        <v>3160</v>
      </c>
      <c r="C1871" s="5" t="s">
        <v>4804</v>
      </c>
      <c r="D1871" s="1" t="s">
        <v>8815</v>
      </c>
      <c r="E1871" s="5" t="s">
        <v>13631</v>
      </c>
      <c r="F1871" s="6">
        <v>2274</v>
      </c>
    </row>
    <row r="1872" spans="1:6" x14ac:dyDescent="0.25">
      <c r="A1872" s="4" t="s">
        <v>2261</v>
      </c>
      <c r="B1872" s="1" t="s">
        <v>3144</v>
      </c>
      <c r="C1872" s="5" t="s">
        <v>5997</v>
      </c>
      <c r="D1872" s="1" t="s">
        <v>2261</v>
      </c>
      <c r="E1872" s="5" t="s">
        <v>15385</v>
      </c>
      <c r="F1872" s="6">
        <v>4122</v>
      </c>
    </row>
    <row r="1873" spans="1:6" x14ac:dyDescent="0.25">
      <c r="A1873" s="4" t="s">
        <v>698</v>
      </c>
      <c r="B1873" s="1" t="s">
        <v>3144</v>
      </c>
      <c r="C1873" s="5" t="s">
        <v>4402</v>
      </c>
      <c r="D1873" s="1" t="s">
        <v>8620</v>
      </c>
      <c r="E1873" s="5" t="s">
        <v>13155</v>
      </c>
      <c r="F1873" s="6">
        <v>1788</v>
      </c>
    </row>
    <row r="1874" spans="1:6" x14ac:dyDescent="0.25">
      <c r="A1874" s="4" t="s">
        <v>1282</v>
      </c>
      <c r="B1874" s="1" t="s">
        <v>3156</v>
      </c>
      <c r="C1874" s="5" t="s">
        <v>5066</v>
      </c>
      <c r="D1874" s="1" t="s">
        <v>1282</v>
      </c>
      <c r="E1874" s="5" t="s">
        <v>13947</v>
      </c>
      <c r="F1874" s="6">
        <v>2599</v>
      </c>
    </row>
    <row r="1875" spans="1:6" x14ac:dyDescent="0.25">
      <c r="A1875" s="4" t="s">
        <v>2560</v>
      </c>
      <c r="B1875" s="1" t="s">
        <v>3153</v>
      </c>
      <c r="C1875" s="5" t="s">
        <v>6468</v>
      </c>
      <c r="D1875" s="1" t="s">
        <v>2560</v>
      </c>
      <c r="E1875" s="5" t="s">
        <v>16276</v>
      </c>
      <c r="F1875" s="6">
        <v>5552</v>
      </c>
    </row>
    <row r="1876" spans="1:6" x14ac:dyDescent="0.25">
      <c r="A1876" s="4" t="s">
        <v>395</v>
      </c>
      <c r="B1876" s="1" t="s">
        <v>3158</v>
      </c>
      <c r="C1876" s="5" t="s">
        <v>3912</v>
      </c>
      <c r="D1876" s="1" t="s">
        <v>395</v>
      </c>
      <c r="E1876" s="5" t="s">
        <v>12431</v>
      </c>
      <c r="F1876" s="6">
        <v>947</v>
      </c>
    </row>
    <row r="1877" spans="1:6" x14ac:dyDescent="0.25">
      <c r="A1877" s="4" t="s">
        <v>395</v>
      </c>
      <c r="B1877" s="1" t="s">
        <v>3158</v>
      </c>
      <c r="C1877" s="5" t="s">
        <v>5730</v>
      </c>
      <c r="D1877" s="1" t="s">
        <v>9477</v>
      </c>
      <c r="E1877" s="5" t="s">
        <v>15251</v>
      </c>
      <c r="F1877" s="6">
        <v>3986</v>
      </c>
    </row>
    <row r="1878" spans="1:6" x14ac:dyDescent="0.25">
      <c r="A1878" s="4" t="s">
        <v>395</v>
      </c>
      <c r="B1878" s="1" t="s">
        <v>3158</v>
      </c>
      <c r="C1878" s="5" t="s">
        <v>3912</v>
      </c>
      <c r="D1878" s="1" t="s">
        <v>10431</v>
      </c>
      <c r="E1878" s="5" t="s">
        <v>16578</v>
      </c>
      <c r="F1878" s="6">
        <v>6282</v>
      </c>
    </row>
    <row r="1879" spans="1:6" x14ac:dyDescent="0.25">
      <c r="A1879" s="4" t="s">
        <v>395</v>
      </c>
      <c r="B1879" s="1" t="s">
        <v>3158</v>
      </c>
      <c r="C1879" s="5" t="s">
        <v>6858</v>
      </c>
      <c r="D1879" s="1" t="s">
        <v>10774</v>
      </c>
      <c r="E1879" s="5" t="s">
        <v>17032</v>
      </c>
      <c r="F1879" s="6">
        <v>7638</v>
      </c>
    </row>
    <row r="1880" spans="1:6" x14ac:dyDescent="0.25">
      <c r="A1880" s="4" t="s">
        <v>395</v>
      </c>
      <c r="B1880" s="1" t="s">
        <v>3158</v>
      </c>
      <c r="C1880" s="5" t="s">
        <v>6887</v>
      </c>
      <c r="D1880" s="1" t="s">
        <v>10844</v>
      </c>
      <c r="E1880" s="5" t="s">
        <v>17120</v>
      </c>
      <c r="F1880" s="6">
        <v>7963</v>
      </c>
    </row>
    <row r="1881" spans="1:6" x14ac:dyDescent="0.25">
      <c r="A1881" s="4" t="s">
        <v>1738</v>
      </c>
      <c r="B1881" s="1" t="s">
        <v>3152</v>
      </c>
      <c r="C1881" s="5" t="s">
        <v>5527</v>
      </c>
      <c r="D1881" s="1" t="s">
        <v>1738</v>
      </c>
      <c r="E1881" s="5" t="s">
        <v>14549</v>
      </c>
      <c r="F1881" s="6">
        <v>3239</v>
      </c>
    </row>
    <row r="1882" spans="1:6" x14ac:dyDescent="0.25">
      <c r="A1882" s="4" t="s">
        <v>1854</v>
      </c>
      <c r="B1882" s="1" t="s">
        <v>3147</v>
      </c>
      <c r="C1882" s="5" t="s">
        <v>5624</v>
      </c>
      <c r="D1882" s="1" t="s">
        <v>1854</v>
      </c>
      <c r="E1882" s="5" t="s">
        <v>14684</v>
      </c>
      <c r="F1882" s="6">
        <v>3387</v>
      </c>
    </row>
    <row r="1883" spans="1:6" x14ac:dyDescent="0.25">
      <c r="A1883" s="4" t="s">
        <v>2604</v>
      </c>
      <c r="B1883" s="1" t="s">
        <v>3144</v>
      </c>
      <c r="C1883" s="5" t="s">
        <v>6516</v>
      </c>
      <c r="D1883" s="1" t="s">
        <v>2604</v>
      </c>
      <c r="E1883" s="5" t="s">
        <v>16342</v>
      </c>
      <c r="F1883" s="6">
        <v>5689</v>
      </c>
    </row>
    <row r="1884" spans="1:6" x14ac:dyDescent="0.25">
      <c r="A1884" s="4" t="s">
        <v>1105</v>
      </c>
      <c r="B1884" s="1" t="s">
        <v>3152</v>
      </c>
      <c r="C1884" s="5" t="s">
        <v>3820</v>
      </c>
      <c r="D1884" s="1" t="s">
        <v>1105</v>
      </c>
      <c r="E1884" s="5" t="s">
        <v>13676</v>
      </c>
      <c r="F1884" s="6">
        <v>2322</v>
      </c>
    </row>
    <row r="1885" spans="1:6" x14ac:dyDescent="0.25">
      <c r="A1885" s="4" t="s">
        <v>2321</v>
      </c>
      <c r="B1885" s="1" t="s">
        <v>3144</v>
      </c>
      <c r="C1885" s="5" t="s">
        <v>6093</v>
      </c>
      <c r="D1885" s="1" t="s">
        <v>9659</v>
      </c>
      <c r="E1885" s="5" t="s">
        <v>15532</v>
      </c>
      <c r="F1885" s="6">
        <v>4270</v>
      </c>
    </row>
    <row r="1886" spans="1:6" x14ac:dyDescent="0.25">
      <c r="A1886" s="4" t="s">
        <v>1269</v>
      </c>
      <c r="B1886" s="1" t="s">
        <v>3146</v>
      </c>
      <c r="C1886" s="5" t="s">
        <v>5048</v>
      </c>
      <c r="D1886" s="1" t="s">
        <v>1269</v>
      </c>
      <c r="E1886" s="5" t="s">
        <v>13924</v>
      </c>
      <c r="F1886" s="6">
        <v>2576</v>
      </c>
    </row>
    <row r="1887" spans="1:6" x14ac:dyDescent="0.25">
      <c r="A1887" s="4" t="s">
        <v>673</v>
      </c>
      <c r="B1887" s="1" t="s">
        <v>3149</v>
      </c>
      <c r="C1887" s="5" t="s">
        <v>4005</v>
      </c>
      <c r="D1887" s="1" t="s">
        <v>8593</v>
      </c>
      <c r="E1887" s="5" t="s">
        <v>13111</v>
      </c>
      <c r="F1887" s="6">
        <v>1744</v>
      </c>
    </row>
    <row r="1888" spans="1:6" x14ac:dyDescent="0.25">
      <c r="A1888" s="4" t="s">
        <v>2729</v>
      </c>
      <c r="B1888" s="1" t="s">
        <v>3155</v>
      </c>
      <c r="C1888" s="5" t="s">
        <v>6671</v>
      </c>
      <c r="D1888" s="1" t="s">
        <v>10497</v>
      </c>
      <c r="E1888" s="5" t="s">
        <v>16662</v>
      </c>
      <c r="F1888" s="6">
        <v>6506</v>
      </c>
    </row>
    <row r="1889" spans="1:6" x14ac:dyDescent="0.25">
      <c r="A1889" s="4" t="s">
        <v>2729</v>
      </c>
      <c r="B1889" s="1" t="s">
        <v>3151</v>
      </c>
      <c r="C1889" s="5" t="s">
        <v>6869</v>
      </c>
      <c r="D1889" s="1" t="s">
        <v>2729</v>
      </c>
      <c r="E1889" s="5" t="s">
        <v>17056</v>
      </c>
      <c r="F1889" s="6">
        <v>7693</v>
      </c>
    </row>
    <row r="1890" spans="1:6" x14ac:dyDescent="0.25">
      <c r="A1890" s="4" t="s">
        <v>2935</v>
      </c>
      <c r="B1890" s="1" t="s">
        <v>3155</v>
      </c>
      <c r="C1890" s="5" t="s">
        <v>6955</v>
      </c>
      <c r="D1890" s="1" t="s">
        <v>2935</v>
      </c>
      <c r="E1890" s="5" t="s">
        <v>17308</v>
      </c>
      <c r="F1890" s="6">
        <v>8656</v>
      </c>
    </row>
    <row r="1891" spans="1:6" x14ac:dyDescent="0.25">
      <c r="A1891" s="4" t="s">
        <v>2711</v>
      </c>
      <c r="B1891" s="1" t="s">
        <v>3147</v>
      </c>
      <c r="C1891" s="5" t="s">
        <v>6644</v>
      </c>
      <c r="D1891" s="1" t="s">
        <v>2711</v>
      </c>
      <c r="E1891" s="5" t="s">
        <v>16606</v>
      </c>
      <c r="F1891" s="6">
        <v>6350</v>
      </c>
    </row>
    <row r="1892" spans="1:6" x14ac:dyDescent="0.25">
      <c r="A1892" s="4" t="s">
        <v>1452</v>
      </c>
      <c r="B1892" s="1" t="s">
        <v>3152</v>
      </c>
      <c r="C1892" s="5" t="s">
        <v>5266</v>
      </c>
      <c r="D1892" s="1" t="s">
        <v>1452</v>
      </c>
      <c r="E1892" s="5" t="s">
        <v>14222</v>
      </c>
      <c r="F1892" s="6">
        <v>2882</v>
      </c>
    </row>
    <row r="1893" spans="1:6" x14ac:dyDescent="0.25">
      <c r="A1893" s="4" t="s">
        <v>2892</v>
      </c>
      <c r="B1893" s="1" t="s">
        <v>3144</v>
      </c>
      <c r="C1893" s="5">
        <v>415804</v>
      </c>
      <c r="D1893" s="1" t="s">
        <v>2892</v>
      </c>
      <c r="E1893" s="5" t="s">
        <v>17160</v>
      </c>
      <c r="F1893" s="6">
        <v>8072</v>
      </c>
    </row>
    <row r="1894" spans="1:6" x14ac:dyDescent="0.25">
      <c r="A1894" s="4" t="s">
        <v>367</v>
      </c>
      <c r="B1894" s="1" t="s">
        <v>3153</v>
      </c>
      <c r="C1894" s="5" t="s">
        <v>3876</v>
      </c>
      <c r="D1894" s="1" t="s">
        <v>367</v>
      </c>
      <c r="E1894" s="5" t="s">
        <v>12379</v>
      </c>
      <c r="F1894" s="6">
        <v>887</v>
      </c>
    </row>
    <row r="1895" spans="1:6" x14ac:dyDescent="0.25">
      <c r="A1895" s="4" t="s">
        <v>367</v>
      </c>
      <c r="B1895" s="1" t="s">
        <v>3153</v>
      </c>
      <c r="C1895" s="5" t="s">
        <v>3876</v>
      </c>
      <c r="D1895" s="1" t="s">
        <v>10604</v>
      </c>
      <c r="E1895" s="5" t="s">
        <v>16810</v>
      </c>
      <c r="F1895" s="6">
        <v>7002</v>
      </c>
    </row>
    <row r="1896" spans="1:6" x14ac:dyDescent="0.25">
      <c r="A1896" s="4" t="s">
        <v>2303</v>
      </c>
      <c r="B1896" s="1" t="s">
        <v>3144</v>
      </c>
      <c r="C1896" s="5" t="s">
        <v>6066</v>
      </c>
      <c r="D1896" s="1" t="s">
        <v>2303</v>
      </c>
      <c r="E1896" s="5" t="s">
        <v>15492</v>
      </c>
      <c r="F1896" s="6">
        <v>4230</v>
      </c>
    </row>
    <row r="1897" spans="1:6" x14ac:dyDescent="0.25">
      <c r="A1897" s="4" t="s">
        <v>2412</v>
      </c>
      <c r="B1897" s="1" t="s">
        <v>3144</v>
      </c>
      <c r="C1897" s="5" t="s">
        <v>5778</v>
      </c>
      <c r="D1897" s="1" t="s">
        <v>9882</v>
      </c>
      <c r="E1897" s="5" t="s">
        <v>15816</v>
      </c>
      <c r="F1897" s="6">
        <v>4726</v>
      </c>
    </row>
    <row r="1898" spans="1:6" x14ac:dyDescent="0.25">
      <c r="A1898" s="4" t="s">
        <v>2645</v>
      </c>
      <c r="B1898" s="1" t="s">
        <v>3161</v>
      </c>
      <c r="C1898" s="5" t="s">
        <v>6565</v>
      </c>
      <c r="D1898" s="1" t="s">
        <v>2645</v>
      </c>
      <c r="E1898" s="5" t="s">
        <v>16430</v>
      </c>
      <c r="F1898" s="6">
        <v>5889</v>
      </c>
    </row>
    <row r="1899" spans="1:6" x14ac:dyDescent="0.25">
      <c r="A1899" s="4" t="s">
        <v>913</v>
      </c>
      <c r="B1899" s="1" t="s">
        <v>3153</v>
      </c>
      <c r="C1899" s="5" t="s">
        <v>4661</v>
      </c>
      <c r="D1899" s="1" t="s">
        <v>913</v>
      </c>
      <c r="E1899" s="5" t="s">
        <v>13479</v>
      </c>
      <c r="F1899" s="6">
        <v>2116</v>
      </c>
    </row>
    <row r="1900" spans="1:6" x14ac:dyDescent="0.25">
      <c r="A1900" s="4" t="s">
        <v>973</v>
      </c>
      <c r="B1900" s="1" t="s">
        <v>3158</v>
      </c>
      <c r="C1900" s="5" t="s">
        <v>4719</v>
      </c>
      <c r="D1900" s="1" t="s">
        <v>973</v>
      </c>
      <c r="E1900" s="5" t="s">
        <v>13540</v>
      </c>
      <c r="F1900" s="6">
        <v>2179</v>
      </c>
    </row>
    <row r="1901" spans="1:6" x14ac:dyDescent="0.25">
      <c r="A1901" s="4" t="s">
        <v>323</v>
      </c>
      <c r="B1901" s="1" t="s">
        <v>3161</v>
      </c>
      <c r="C1901" s="5" t="s">
        <v>3799</v>
      </c>
      <c r="D1901" s="1" t="s">
        <v>7977</v>
      </c>
      <c r="E1901" s="5" t="s">
        <v>12294</v>
      </c>
      <c r="F1901" s="6">
        <v>788</v>
      </c>
    </row>
    <row r="1902" spans="1:6" x14ac:dyDescent="0.25">
      <c r="A1902" s="4" t="s">
        <v>323</v>
      </c>
      <c r="B1902" s="1" t="s">
        <v>3161</v>
      </c>
      <c r="C1902" s="5" t="s">
        <v>3799</v>
      </c>
      <c r="D1902" s="1" t="s">
        <v>10915</v>
      </c>
      <c r="E1902" s="5" t="s">
        <v>17205</v>
      </c>
      <c r="F1902" s="6">
        <v>8185</v>
      </c>
    </row>
    <row r="1903" spans="1:6" x14ac:dyDescent="0.25">
      <c r="A1903" s="4" t="s">
        <v>1460</v>
      </c>
      <c r="B1903" s="1" t="s">
        <v>3152</v>
      </c>
      <c r="C1903" s="5" t="s">
        <v>5274</v>
      </c>
      <c r="D1903" s="1" t="s">
        <v>1460</v>
      </c>
      <c r="E1903" s="5" t="s">
        <v>14230</v>
      </c>
      <c r="F1903" s="6">
        <v>2891</v>
      </c>
    </row>
    <row r="1904" spans="1:6" x14ac:dyDescent="0.25">
      <c r="A1904" s="4" t="s">
        <v>1928</v>
      </c>
      <c r="B1904" s="1" t="s">
        <v>3152</v>
      </c>
      <c r="C1904" s="5" t="s">
        <v>5665</v>
      </c>
      <c r="D1904" s="1" t="s">
        <v>1928</v>
      </c>
      <c r="E1904" s="5" t="s">
        <v>14762</v>
      </c>
      <c r="F1904" s="6">
        <v>3473</v>
      </c>
    </row>
    <row r="1905" spans="1:6" x14ac:dyDescent="0.25">
      <c r="A1905" s="4" t="s">
        <v>135</v>
      </c>
      <c r="B1905" s="1" t="s">
        <v>3159</v>
      </c>
      <c r="C1905" s="5" t="s">
        <v>3404</v>
      </c>
      <c r="D1905" s="1" t="s">
        <v>7530</v>
      </c>
      <c r="E1905" s="5" t="s">
        <v>11815</v>
      </c>
      <c r="F1905" s="6">
        <v>244</v>
      </c>
    </row>
    <row r="1906" spans="1:6" x14ac:dyDescent="0.25">
      <c r="A1906" s="4" t="s">
        <v>135</v>
      </c>
      <c r="B1906" s="1" t="s">
        <v>3159</v>
      </c>
      <c r="C1906" s="5" t="s">
        <v>3404</v>
      </c>
      <c r="D1906" s="1" t="s">
        <v>9848</v>
      </c>
      <c r="E1906" s="5" t="s">
        <v>15773</v>
      </c>
      <c r="F1906" s="6">
        <v>4679</v>
      </c>
    </row>
    <row r="1907" spans="1:6" x14ac:dyDescent="0.25">
      <c r="A1907" s="4" t="s">
        <v>135</v>
      </c>
      <c r="B1907" s="1" t="s">
        <v>3159</v>
      </c>
      <c r="C1907" s="5" t="s">
        <v>3404</v>
      </c>
      <c r="D1907" s="1" t="s">
        <v>9877</v>
      </c>
      <c r="E1907" s="5" t="s">
        <v>15811</v>
      </c>
      <c r="F1907" s="6">
        <v>4721</v>
      </c>
    </row>
    <row r="1908" spans="1:6" x14ac:dyDescent="0.25">
      <c r="A1908" s="4" t="s">
        <v>135</v>
      </c>
      <c r="B1908" s="1" t="s">
        <v>3159</v>
      </c>
      <c r="C1908" s="5" t="s">
        <v>6333</v>
      </c>
      <c r="D1908" s="1" t="s">
        <v>9992</v>
      </c>
      <c r="E1908" s="5" t="s">
        <v>15958</v>
      </c>
      <c r="F1908" s="6">
        <v>4877</v>
      </c>
    </row>
    <row r="1909" spans="1:6" x14ac:dyDescent="0.25">
      <c r="A1909" s="4" t="s">
        <v>135</v>
      </c>
      <c r="B1909" s="1" t="s">
        <v>3159</v>
      </c>
      <c r="C1909" s="5" t="s">
        <v>6723</v>
      </c>
      <c r="D1909" s="1" t="s">
        <v>10566</v>
      </c>
      <c r="E1909" s="5" t="s">
        <v>16757</v>
      </c>
      <c r="F1909" s="6">
        <v>6843</v>
      </c>
    </row>
    <row r="1910" spans="1:6" x14ac:dyDescent="0.25">
      <c r="A1910" s="4" t="s">
        <v>135</v>
      </c>
      <c r="B1910" s="1" t="s">
        <v>3159</v>
      </c>
      <c r="C1910" s="5" t="s">
        <v>6985</v>
      </c>
      <c r="D1910" s="1" t="s">
        <v>11055</v>
      </c>
      <c r="E1910" s="5" t="s">
        <v>17388</v>
      </c>
      <c r="F1910" s="6">
        <v>8981</v>
      </c>
    </row>
    <row r="1911" spans="1:6" x14ac:dyDescent="0.25">
      <c r="A1911" s="4" t="s">
        <v>135</v>
      </c>
      <c r="B1911" s="1" t="s">
        <v>3159</v>
      </c>
      <c r="C1911" s="5" t="s">
        <v>7005</v>
      </c>
      <c r="D1911" s="1" t="s">
        <v>11080</v>
      </c>
      <c r="E1911" s="5" t="s">
        <v>17422</v>
      </c>
      <c r="F1911" s="6">
        <v>9030</v>
      </c>
    </row>
    <row r="1912" spans="1:6" x14ac:dyDescent="0.25">
      <c r="A1912" s="4" t="s">
        <v>539</v>
      </c>
      <c r="B1912" s="1" t="s">
        <v>3154</v>
      </c>
      <c r="C1912" s="5" t="s">
        <v>4182</v>
      </c>
      <c r="D1912" s="1" t="s">
        <v>539</v>
      </c>
      <c r="E1912" s="5" t="s">
        <v>12866</v>
      </c>
      <c r="F1912" s="6">
        <v>1467</v>
      </c>
    </row>
    <row r="1913" spans="1:6" x14ac:dyDescent="0.25">
      <c r="A1913" s="4" t="s">
        <v>539</v>
      </c>
      <c r="B1913" s="1" t="s">
        <v>3152</v>
      </c>
      <c r="C1913" s="5">
        <v>143105</v>
      </c>
      <c r="D1913" s="1" t="s">
        <v>9214</v>
      </c>
      <c r="E1913" s="5" t="s">
        <v>14708</v>
      </c>
      <c r="F1913" s="6">
        <v>3413</v>
      </c>
    </row>
    <row r="1914" spans="1:6" x14ac:dyDescent="0.25">
      <c r="A1914" s="4" t="s">
        <v>914</v>
      </c>
      <c r="B1914" s="1" t="s">
        <v>3147</v>
      </c>
      <c r="C1914" s="5" t="s">
        <v>4662</v>
      </c>
      <c r="D1914" s="1" t="s">
        <v>914</v>
      </c>
      <c r="E1914" s="5" t="s">
        <v>13480</v>
      </c>
      <c r="F1914" s="6">
        <v>2117</v>
      </c>
    </row>
    <row r="1915" spans="1:6" x14ac:dyDescent="0.25">
      <c r="A1915" s="4" t="s">
        <v>2127</v>
      </c>
      <c r="B1915" s="1" t="s">
        <v>3154</v>
      </c>
      <c r="C1915" s="5" t="s">
        <v>5834</v>
      </c>
      <c r="D1915" s="1" t="s">
        <v>2127</v>
      </c>
      <c r="E1915" s="5" t="s">
        <v>15085</v>
      </c>
      <c r="F1915" s="6">
        <v>3813</v>
      </c>
    </row>
    <row r="1916" spans="1:6" x14ac:dyDescent="0.25">
      <c r="A1916" s="4" t="s">
        <v>1612</v>
      </c>
      <c r="B1916" s="1" t="s">
        <v>3147</v>
      </c>
      <c r="C1916" s="5" t="s">
        <v>5428</v>
      </c>
      <c r="D1916" s="1" t="s">
        <v>1612</v>
      </c>
      <c r="E1916" s="5" t="s">
        <v>14399</v>
      </c>
      <c r="F1916" s="6">
        <v>3071</v>
      </c>
    </row>
    <row r="1917" spans="1:6" x14ac:dyDescent="0.25">
      <c r="A1917" s="4" t="s">
        <v>371</v>
      </c>
      <c r="B1917" s="1" t="s">
        <v>3153</v>
      </c>
      <c r="C1917" s="5" t="s">
        <v>3886</v>
      </c>
      <c r="D1917" s="1" t="s">
        <v>371</v>
      </c>
      <c r="E1917" s="5" t="s">
        <v>12393</v>
      </c>
      <c r="F1917" s="6">
        <v>906</v>
      </c>
    </row>
    <row r="1918" spans="1:6" x14ac:dyDescent="0.25">
      <c r="A1918" s="4" t="s">
        <v>2589</v>
      </c>
      <c r="B1918" s="1" t="s">
        <v>3160</v>
      </c>
      <c r="C1918" s="5" t="s">
        <v>6501</v>
      </c>
      <c r="D1918" s="1" t="s">
        <v>10260</v>
      </c>
      <c r="E1918" s="5" t="s">
        <v>16319</v>
      </c>
      <c r="F1918" s="6">
        <v>5637</v>
      </c>
    </row>
    <row r="1919" spans="1:6" x14ac:dyDescent="0.25">
      <c r="A1919" s="4" t="s">
        <v>1389</v>
      </c>
      <c r="B1919" s="1" t="s">
        <v>3152</v>
      </c>
      <c r="C1919" s="5" t="s">
        <v>5190</v>
      </c>
      <c r="D1919" s="1" t="s">
        <v>1389</v>
      </c>
      <c r="E1919" s="5" t="s">
        <v>14111</v>
      </c>
      <c r="F1919" s="6">
        <v>2768</v>
      </c>
    </row>
    <row r="1920" spans="1:6" x14ac:dyDescent="0.25">
      <c r="A1920" s="4" t="s">
        <v>2128</v>
      </c>
      <c r="B1920" s="1" t="s">
        <v>3154</v>
      </c>
      <c r="C1920" s="5" t="s">
        <v>5835</v>
      </c>
      <c r="D1920" s="1" t="s">
        <v>2128</v>
      </c>
      <c r="E1920" s="5" t="s">
        <v>15086</v>
      </c>
      <c r="F1920" s="6">
        <v>3814</v>
      </c>
    </row>
    <row r="1921" spans="1:6" x14ac:dyDescent="0.25">
      <c r="A1921" s="4" t="s">
        <v>825</v>
      </c>
      <c r="B1921" s="1" t="s">
        <v>3147</v>
      </c>
      <c r="C1921" s="5" t="s">
        <v>4555</v>
      </c>
      <c r="D1921" s="1" t="s">
        <v>8715</v>
      </c>
      <c r="E1921" s="5" t="s">
        <v>13342</v>
      </c>
      <c r="F1921" s="6">
        <v>1975</v>
      </c>
    </row>
    <row r="1922" spans="1:6" x14ac:dyDescent="0.25">
      <c r="A1922" s="4" t="s">
        <v>1469</v>
      </c>
      <c r="B1922" s="1" t="s">
        <v>3165</v>
      </c>
      <c r="C1922" s="5" t="s">
        <v>5283</v>
      </c>
      <c r="D1922" s="1" t="s">
        <v>9104</v>
      </c>
      <c r="E1922" s="5" t="s">
        <v>14239</v>
      </c>
      <c r="F1922" s="6">
        <v>2900</v>
      </c>
    </row>
    <row r="1923" spans="1:6" x14ac:dyDescent="0.25">
      <c r="A1923" s="4" t="s">
        <v>244</v>
      </c>
      <c r="B1923" s="1" t="s">
        <v>3165</v>
      </c>
      <c r="C1923" s="5" t="s">
        <v>3670</v>
      </c>
      <c r="D1923" s="1" t="s">
        <v>7834</v>
      </c>
      <c r="E1923" s="5" t="s">
        <v>12137</v>
      </c>
      <c r="F1923" s="6">
        <v>605</v>
      </c>
    </row>
    <row r="1924" spans="1:6" x14ac:dyDescent="0.25">
      <c r="A1924" s="4" t="s">
        <v>244</v>
      </c>
      <c r="B1924" s="1" t="s">
        <v>3165</v>
      </c>
      <c r="C1924" s="5" t="s">
        <v>5688</v>
      </c>
      <c r="D1924" s="1" t="s">
        <v>9226</v>
      </c>
      <c r="E1924" s="5" t="s">
        <v>14794</v>
      </c>
      <c r="F1924" s="6">
        <v>3505</v>
      </c>
    </row>
    <row r="1925" spans="1:6" x14ac:dyDescent="0.25">
      <c r="A1925" s="4" t="s">
        <v>2747</v>
      </c>
      <c r="B1925" s="1" t="s">
        <v>3144</v>
      </c>
      <c r="C1925" s="5">
        <v>425105</v>
      </c>
      <c r="D1925" s="1" t="s">
        <v>2747</v>
      </c>
      <c r="E1925" s="5" t="s">
        <v>16712</v>
      </c>
      <c r="F1925" s="6">
        <v>6652</v>
      </c>
    </row>
    <row r="1926" spans="1:6" x14ac:dyDescent="0.25">
      <c r="A1926" s="4" t="s">
        <v>1397</v>
      </c>
      <c r="B1926" s="1" t="s">
        <v>3146</v>
      </c>
      <c r="C1926" s="5" t="s">
        <v>5202</v>
      </c>
      <c r="D1926" s="1" t="s">
        <v>1397</v>
      </c>
      <c r="E1926" s="5" t="s">
        <v>14129</v>
      </c>
      <c r="F1926" s="6">
        <v>2786</v>
      </c>
    </row>
    <row r="1927" spans="1:6" x14ac:dyDescent="0.25">
      <c r="A1927" s="4" t="s">
        <v>1087</v>
      </c>
      <c r="B1927" s="1" t="s">
        <v>3152</v>
      </c>
      <c r="C1927" s="5" t="s">
        <v>4830</v>
      </c>
      <c r="D1927" s="1" t="s">
        <v>1087</v>
      </c>
      <c r="E1927" s="5" t="s">
        <v>13657</v>
      </c>
      <c r="F1927" s="6">
        <v>2303</v>
      </c>
    </row>
    <row r="1928" spans="1:6" x14ac:dyDescent="0.25">
      <c r="A1928" s="4" t="s">
        <v>2917</v>
      </c>
      <c r="B1928" s="1" t="s">
        <v>3144</v>
      </c>
      <c r="C1928" s="5">
        <v>431809</v>
      </c>
      <c r="D1928" s="1" t="s">
        <v>10956</v>
      </c>
      <c r="E1928" s="5" t="s">
        <v>17256</v>
      </c>
      <c r="F1928" s="6">
        <v>8324</v>
      </c>
    </row>
    <row r="1929" spans="1:6" x14ac:dyDescent="0.25">
      <c r="A1929" s="4" t="s">
        <v>826</v>
      </c>
      <c r="B1929" s="1" t="s">
        <v>3168</v>
      </c>
      <c r="C1929" s="5" t="s">
        <v>4556</v>
      </c>
      <c r="D1929" s="1" t="s">
        <v>826</v>
      </c>
      <c r="E1929" s="5" t="s">
        <v>13343</v>
      </c>
      <c r="F1929" s="6">
        <v>1976</v>
      </c>
    </row>
    <row r="1930" spans="1:6" x14ac:dyDescent="0.25">
      <c r="A1930" s="4" t="s">
        <v>425</v>
      </c>
      <c r="B1930" s="1" t="s">
        <v>3146</v>
      </c>
      <c r="C1930" s="5" t="s">
        <v>3953</v>
      </c>
      <c r="D1930" s="1" t="s">
        <v>425</v>
      </c>
      <c r="E1930" s="5" t="s">
        <v>12485</v>
      </c>
      <c r="F1930" s="6">
        <v>1006</v>
      </c>
    </row>
    <row r="1931" spans="1:6" x14ac:dyDescent="0.25">
      <c r="A1931" s="4" t="s">
        <v>2643</v>
      </c>
      <c r="B1931" s="1" t="s">
        <v>3155</v>
      </c>
      <c r="C1931" s="5" t="s">
        <v>6562</v>
      </c>
      <c r="D1931" s="1" t="s">
        <v>10329</v>
      </c>
      <c r="E1931" s="5" t="s">
        <v>16427</v>
      </c>
      <c r="F1931" s="6">
        <v>5886</v>
      </c>
    </row>
    <row r="1932" spans="1:6" x14ac:dyDescent="0.25">
      <c r="A1932" s="4" t="s">
        <v>2154</v>
      </c>
      <c r="B1932" s="1" t="s">
        <v>3147</v>
      </c>
      <c r="C1932" s="5" t="s">
        <v>3794</v>
      </c>
      <c r="D1932" s="1" t="s">
        <v>2154</v>
      </c>
      <c r="E1932" s="5" t="s">
        <v>15133</v>
      </c>
      <c r="F1932" s="6">
        <v>3864</v>
      </c>
    </row>
    <row r="1933" spans="1:6" x14ac:dyDescent="0.25">
      <c r="A1933" s="4" t="s">
        <v>827</v>
      </c>
      <c r="B1933" s="1" t="s">
        <v>3154</v>
      </c>
      <c r="C1933" s="5" t="s">
        <v>4557</v>
      </c>
      <c r="D1933" s="1" t="s">
        <v>8716</v>
      </c>
      <c r="E1933" s="5" t="s">
        <v>13344</v>
      </c>
      <c r="F1933" s="6">
        <v>1977</v>
      </c>
    </row>
    <row r="1934" spans="1:6" x14ac:dyDescent="0.25">
      <c r="A1934" s="4" t="s">
        <v>2823</v>
      </c>
      <c r="B1934" s="1" t="s">
        <v>3149</v>
      </c>
      <c r="C1934" s="5" t="s">
        <v>6816</v>
      </c>
      <c r="D1934" s="1" t="s">
        <v>10710</v>
      </c>
      <c r="E1934" s="5" t="s">
        <v>16943</v>
      </c>
      <c r="F1934" s="6">
        <v>7366</v>
      </c>
    </row>
    <row r="1935" spans="1:6" x14ac:dyDescent="0.25">
      <c r="A1935" s="4" t="s">
        <v>1979</v>
      </c>
      <c r="B1935" s="1" t="s">
        <v>3160</v>
      </c>
      <c r="C1935" s="5" t="s">
        <v>5701</v>
      </c>
      <c r="D1935" s="1" t="s">
        <v>1979</v>
      </c>
      <c r="E1935" s="5" t="s">
        <v>14816</v>
      </c>
      <c r="F1935" s="6">
        <v>3528</v>
      </c>
    </row>
    <row r="1936" spans="1:6" x14ac:dyDescent="0.25">
      <c r="A1936" s="4" t="s">
        <v>2109</v>
      </c>
      <c r="B1936" s="1" t="s">
        <v>3158</v>
      </c>
      <c r="C1936" s="5" t="s">
        <v>5810</v>
      </c>
      <c r="D1936" s="1" t="s">
        <v>2109</v>
      </c>
      <c r="E1936" s="5" t="s">
        <v>15036</v>
      </c>
      <c r="F1936" s="6">
        <v>3764</v>
      </c>
    </row>
    <row r="1937" spans="1:6" x14ac:dyDescent="0.25">
      <c r="A1937" s="4" t="s">
        <v>2523</v>
      </c>
      <c r="B1937" s="1" t="s">
        <v>3164</v>
      </c>
      <c r="C1937" s="5" t="s">
        <v>6418</v>
      </c>
      <c r="D1937" s="1" t="s">
        <v>2523</v>
      </c>
      <c r="E1937" s="5" t="s">
        <v>16174</v>
      </c>
      <c r="F1937" s="6">
        <v>5295</v>
      </c>
    </row>
    <row r="1938" spans="1:6" x14ac:dyDescent="0.25">
      <c r="A1938" s="4" t="s">
        <v>3046</v>
      </c>
      <c r="B1938" s="1" t="s">
        <v>3164</v>
      </c>
      <c r="C1938" s="5" t="s">
        <v>7153</v>
      </c>
      <c r="D1938" s="1" t="s">
        <v>3046</v>
      </c>
      <c r="E1938" s="5" t="s">
        <v>17680</v>
      </c>
      <c r="F1938" s="6">
        <v>9298</v>
      </c>
    </row>
    <row r="1939" spans="1:6" x14ac:dyDescent="0.25">
      <c r="A1939" s="4" t="s">
        <v>828</v>
      </c>
      <c r="B1939" s="1" t="s">
        <v>3160</v>
      </c>
      <c r="C1939" s="5" t="s">
        <v>4558</v>
      </c>
      <c r="D1939" s="1" t="s">
        <v>828</v>
      </c>
      <c r="E1939" s="5" t="s">
        <v>13345</v>
      </c>
      <c r="F1939" s="6">
        <v>1978</v>
      </c>
    </row>
    <row r="1940" spans="1:6" x14ac:dyDescent="0.25">
      <c r="A1940" s="4" t="s">
        <v>2040</v>
      </c>
      <c r="B1940" s="1" t="s">
        <v>3152</v>
      </c>
      <c r="C1940" s="5" t="s">
        <v>5557</v>
      </c>
      <c r="D1940" s="1" t="s">
        <v>2040</v>
      </c>
      <c r="E1940" s="5" t="s">
        <v>14880</v>
      </c>
      <c r="F1940" s="6">
        <v>3596</v>
      </c>
    </row>
    <row r="1941" spans="1:6" x14ac:dyDescent="0.25">
      <c r="A1941" s="4" t="s">
        <v>1490</v>
      </c>
      <c r="B1941" s="1" t="s">
        <v>3152</v>
      </c>
      <c r="C1941" s="5" t="s">
        <v>5305</v>
      </c>
      <c r="D1941" s="1" t="s">
        <v>1490</v>
      </c>
      <c r="E1941" s="5" t="s">
        <v>14263</v>
      </c>
      <c r="F1941" s="6">
        <v>2924</v>
      </c>
    </row>
    <row r="1942" spans="1:6" x14ac:dyDescent="0.25">
      <c r="A1942" s="4" t="s">
        <v>1945</v>
      </c>
      <c r="B1942" s="1" t="s">
        <v>3152</v>
      </c>
      <c r="C1942" s="5" t="s">
        <v>4856</v>
      </c>
      <c r="D1942" s="1" t="s">
        <v>9221</v>
      </c>
      <c r="E1942" s="5" t="s">
        <v>14779</v>
      </c>
      <c r="F1942" s="6">
        <v>3490</v>
      </c>
    </row>
    <row r="1943" spans="1:6" x14ac:dyDescent="0.25">
      <c r="A1943" s="4" t="s">
        <v>2086</v>
      </c>
      <c r="B1943" s="1" t="s">
        <v>3160</v>
      </c>
      <c r="C1943" s="5" t="s">
        <v>5779</v>
      </c>
      <c r="D1943" s="1" t="s">
        <v>9304</v>
      </c>
      <c r="E1943" s="5" t="s">
        <v>14988</v>
      </c>
      <c r="F1943" s="6">
        <v>3713</v>
      </c>
    </row>
    <row r="1944" spans="1:6" x14ac:dyDescent="0.25">
      <c r="A1944" s="4" t="s">
        <v>1193</v>
      </c>
      <c r="B1944" s="1" t="s">
        <v>3147</v>
      </c>
      <c r="C1944" s="5" t="s">
        <v>4946</v>
      </c>
      <c r="D1944" s="1" t="s">
        <v>1193</v>
      </c>
      <c r="E1944" s="5" t="s">
        <v>13792</v>
      </c>
      <c r="F1944" s="6">
        <v>2442</v>
      </c>
    </row>
    <row r="1945" spans="1:6" x14ac:dyDescent="0.25">
      <c r="A1945" s="4" t="s">
        <v>421</v>
      </c>
      <c r="B1945" s="1" t="s">
        <v>3156</v>
      </c>
      <c r="C1945" s="5" t="s">
        <v>3946</v>
      </c>
      <c r="D1945" s="1" t="s">
        <v>421</v>
      </c>
      <c r="E1945" s="5" t="s">
        <v>12471</v>
      </c>
      <c r="F1945" s="6">
        <v>989</v>
      </c>
    </row>
    <row r="1946" spans="1:6" x14ac:dyDescent="0.25">
      <c r="A1946" s="4" t="s">
        <v>421</v>
      </c>
      <c r="B1946" s="1" t="s">
        <v>3156</v>
      </c>
      <c r="C1946" s="5" t="s">
        <v>3946</v>
      </c>
      <c r="D1946" s="1" t="s">
        <v>11045</v>
      </c>
      <c r="E1946" s="5" t="s">
        <v>17373</v>
      </c>
      <c r="F1946" s="6">
        <v>8914</v>
      </c>
    </row>
    <row r="1947" spans="1:6" x14ac:dyDescent="0.25">
      <c r="A1947" s="4" t="s">
        <v>2387</v>
      </c>
      <c r="B1947" s="1" t="s">
        <v>3155</v>
      </c>
      <c r="C1947" s="5" t="s">
        <v>3758</v>
      </c>
      <c r="D1947" s="1" t="s">
        <v>2387</v>
      </c>
      <c r="E1947" s="5" t="s">
        <v>15725</v>
      </c>
      <c r="F1947" s="6">
        <v>4494</v>
      </c>
    </row>
    <row r="1948" spans="1:6" x14ac:dyDescent="0.25">
      <c r="A1948" s="4" t="s">
        <v>1174</v>
      </c>
      <c r="B1948" s="1" t="s">
        <v>3147</v>
      </c>
      <c r="C1948" s="5" t="s">
        <v>4924</v>
      </c>
      <c r="D1948" s="1" t="s">
        <v>8866</v>
      </c>
      <c r="E1948" s="5" t="s">
        <v>13768</v>
      </c>
      <c r="F1948" s="6">
        <v>2417</v>
      </c>
    </row>
    <row r="1949" spans="1:6" x14ac:dyDescent="0.25">
      <c r="A1949" s="4" t="s">
        <v>1753</v>
      </c>
      <c r="B1949" s="1" t="s">
        <v>3152</v>
      </c>
      <c r="C1949" s="5" t="s">
        <v>5542</v>
      </c>
      <c r="D1949" s="1" t="s">
        <v>1753</v>
      </c>
      <c r="E1949" s="5" t="s">
        <v>14569</v>
      </c>
      <c r="F1949" s="6">
        <v>3261</v>
      </c>
    </row>
    <row r="1950" spans="1:6" x14ac:dyDescent="0.25">
      <c r="A1950" s="4" t="s">
        <v>652</v>
      </c>
      <c r="B1950" s="1" t="s">
        <v>3147</v>
      </c>
      <c r="C1950" s="5" t="s">
        <v>4343</v>
      </c>
      <c r="D1950" s="1" t="s">
        <v>652</v>
      </c>
      <c r="E1950" s="5" t="s">
        <v>13078</v>
      </c>
      <c r="F1950" s="6">
        <v>1710</v>
      </c>
    </row>
    <row r="1951" spans="1:6" x14ac:dyDescent="0.25">
      <c r="A1951" s="4" t="s">
        <v>1711</v>
      </c>
      <c r="B1951" s="1" t="s">
        <v>3147</v>
      </c>
      <c r="C1951" s="5" t="s">
        <v>5493</v>
      </c>
      <c r="D1951" s="1" t="s">
        <v>1711</v>
      </c>
      <c r="E1951" s="5" t="s">
        <v>14506</v>
      </c>
      <c r="F1951" s="6">
        <v>3193</v>
      </c>
    </row>
    <row r="1952" spans="1:6" x14ac:dyDescent="0.25">
      <c r="A1952" s="4" t="s">
        <v>829</v>
      </c>
      <c r="B1952" s="1" t="s">
        <v>3164</v>
      </c>
      <c r="C1952" s="5" t="s">
        <v>4559</v>
      </c>
      <c r="D1952" s="1" t="s">
        <v>829</v>
      </c>
      <c r="E1952" s="5" t="s">
        <v>13346</v>
      </c>
      <c r="F1952" s="6">
        <v>1979</v>
      </c>
    </row>
    <row r="1953" spans="1:6" x14ac:dyDescent="0.25">
      <c r="A1953" s="4" t="s">
        <v>252</v>
      </c>
      <c r="B1953" s="1" t="s">
        <v>3144</v>
      </c>
      <c r="C1953" s="5" t="s">
        <v>3688</v>
      </c>
      <c r="D1953" s="1" t="s">
        <v>7858</v>
      </c>
      <c r="E1953" s="5" t="s">
        <v>12163</v>
      </c>
      <c r="F1953" s="6">
        <v>637</v>
      </c>
    </row>
    <row r="1954" spans="1:6" x14ac:dyDescent="0.25">
      <c r="A1954" s="4" t="s">
        <v>252</v>
      </c>
      <c r="B1954" s="1" t="s">
        <v>3144</v>
      </c>
      <c r="C1954" s="5" t="s">
        <v>5126</v>
      </c>
      <c r="D1954" s="1" t="s">
        <v>8991</v>
      </c>
      <c r="E1954" s="5" t="s">
        <v>14018</v>
      </c>
      <c r="F1954" s="6">
        <v>2672</v>
      </c>
    </row>
    <row r="1955" spans="1:6" x14ac:dyDescent="0.25">
      <c r="A1955" s="4" t="s">
        <v>2043</v>
      </c>
      <c r="B1955" s="1" t="s">
        <v>3154</v>
      </c>
      <c r="C1955" s="5" t="s">
        <v>5727</v>
      </c>
      <c r="D1955" s="1" t="s">
        <v>2043</v>
      </c>
      <c r="E1955" s="5" t="s">
        <v>14883</v>
      </c>
      <c r="F1955" s="6">
        <v>3600</v>
      </c>
    </row>
    <row r="1956" spans="1:6" x14ac:dyDescent="0.25">
      <c r="A1956" s="4" t="s">
        <v>974</v>
      </c>
      <c r="B1956" s="1" t="s">
        <v>3148</v>
      </c>
      <c r="C1956" s="5" t="s">
        <v>4720</v>
      </c>
      <c r="D1956" s="1" t="s">
        <v>974</v>
      </c>
      <c r="E1956" s="5" t="s">
        <v>13541</v>
      </c>
      <c r="F1956" s="6">
        <v>2181</v>
      </c>
    </row>
    <row r="1957" spans="1:6" x14ac:dyDescent="0.25">
      <c r="A1957" s="4" t="s">
        <v>545</v>
      </c>
      <c r="B1957" s="1" t="s">
        <v>3152</v>
      </c>
      <c r="C1957" s="5" t="s">
        <v>4191</v>
      </c>
      <c r="D1957" s="1" t="s">
        <v>8438</v>
      </c>
      <c r="E1957" s="5" t="s">
        <v>12879</v>
      </c>
      <c r="F1957" s="6">
        <v>1480</v>
      </c>
    </row>
    <row r="1958" spans="1:6" x14ac:dyDescent="0.25">
      <c r="A1958" s="4" t="s">
        <v>545</v>
      </c>
      <c r="B1958" s="1" t="s">
        <v>3152</v>
      </c>
      <c r="C1958" s="5">
        <v>148024</v>
      </c>
      <c r="D1958" s="1" t="s">
        <v>10487</v>
      </c>
      <c r="E1958" s="5" t="s">
        <v>16650</v>
      </c>
      <c r="F1958" s="6">
        <v>6475</v>
      </c>
    </row>
    <row r="1959" spans="1:6" x14ac:dyDescent="0.25">
      <c r="A1959" s="4" t="s">
        <v>545</v>
      </c>
      <c r="B1959" s="1" t="s">
        <v>3152</v>
      </c>
      <c r="C1959" s="5" t="s">
        <v>6847</v>
      </c>
      <c r="D1959" s="1" t="s">
        <v>10759</v>
      </c>
      <c r="E1959" s="5" t="s">
        <v>17009</v>
      </c>
      <c r="F1959" s="6">
        <v>7572</v>
      </c>
    </row>
    <row r="1960" spans="1:6" x14ac:dyDescent="0.25">
      <c r="A1960" s="4" t="s">
        <v>1344</v>
      </c>
      <c r="B1960" s="1" t="s">
        <v>3148</v>
      </c>
      <c r="C1960" s="5" t="s">
        <v>5136</v>
      </c>
      <c r="D1960" s="1" t="s">
        <v>1344</v>
      </c>
      <c r="E1960" s="5" t="s">
        <v>14029</v>
      </c>
      <c r="F1960" s="6">
        <v>2683</v>
      </c>
    </row>
    <row r="1961" spans="1:6" x14ac:dyDescent="0.25">
      <c r="A1961" s="4" t="s">
        <v>2546</v>
      </c>
      <c r="B1961" s="1" t="s">
        <v>3158</v>
      </c>
      <c r="C1961" s="5" t="s">
        <v>6451</v>
      </c>
      <c r="D1961" s="1" t="s">
        <v>2546</v>
      </c>
      <c r="E1961" s="5" t="s">
        <v>16244</v>
      </c>
      <c r="F1961" s="6">
        <v>5474</v>
      </c>
    </row>
    <row r="1962" spans="1:6" x14ac:dyDescent="0.25">
      <c r="A1962" s="4" t="s">
        <v>1554</v>
      </c>
      <c r="B1962" s="1" t="s">
        <v>3158</v>
      </c>
      <c r="C1962" s="5" t="s">
        <v>5374</v>
      </c>
      <c r="D1962" s="1" t="s">
        <v>1554</v>
      </c>
      <c r="E1962" s="5" t="s">
        <v>14337</v>
      </c>
      <c r="F1962" s="6">
        <v>2999</v>
      </c>
    </row>
    <row r="1963" spans="1:6" x14ac:dyDescent="0.25">
      <c r="A1963" s="4" t="s">
        <v>451</v>
      </c>
      <c r="B1963" s="1" t="s">
        <v>3164</v>
      </c>
      <c r="C1963" s="5" t="s">
        <v>4000</v>
      </c>
      <c r="D1963" s="1" t="s">
        <v>8150</v>
      </c>
      <c r="E1963" s="5" t="s">
        <v>12546</v>
      </c>
      <c r="F1963" s="6">
        <v>1071</v>
      </c>
    </row>
    <row r="1964" spans="1:6" x14ac:dyDescent="0.25">
      <c r="A1964" s="4" t="s">
        <v>451</v>
      </c>
      <c r="B1964" s="1" t="s">
        <v>3164</v>
      </c>
      <c r="C1964" s="5" t="s">
        <v>4000</v>
      </c>
      <c r="D1964" s="1" t="s">
        <v>9524</v>
      </c>
      <c r="E1964" s="5" t="s">
        <v>15321</v>
      </c>
      <c r="F1964" s="6">
        <v>4058</v>
      </c>
    </row>
    <row r="1965" spans="1:6" x14ac:dyDescent="0.25">
      <c r="A1965" s="4" t="s">
        <v>3064</v>
      </c>
      <c r="B1965" s="1" t="s">
        <v>3156</v>
      </c>
      <c r="C1965" s="5" t="s">
        <v>7184</v>
      </c>
      <c r="D1965" s="1" t="s">
        <v>3064</v>
      </c>
      <c r="E1965" s="5" t="s">
        <v>17734</v>
      </c>
      <c r="F1965" s="6">
        <v>9356</v>
      </c>
    </row>
    <row r="1966" spans="1:6" x14ac:dyDescent="0.25">
      <c r="A1966" s="4" t="s">
        <v>830</v>
      </c>
      <c r="B1966" s="1" t="s">
        <v>3164</v>
      </c>
      <c r="C1966" s="5" t="s">
        <v>4560</v>
      </c>
      <c r="D1966" s="1" t="s">
        <v>8717</v>
      </c>
      <c r="E1966" s="5" t="s">
        <v>13347</v>
      </c>
      <c r="F1966" s="6">
        <v>1980</v>
      </c>
    </row>
    <row r="1967" spans="1:6" x14ac:dyDescent="0.25">
      <c r="A1967" s="4" t="s">
        <v>2931</v>
      </c>
      <c r="B1967" s="1" t="s">
        <v>3148</v>
      </c>
      <c r="C1967" s="5" t="s">
        <v>6948</v>
      </c>
      <c r="D1967" s="1" t="s">
        <v>2931</v>
      </c>
      <c r="E1967" s="5" t="s">
        <v>17296</v>
      </c>
      <c r="F1967" s="6">
        <v>8580</v>
      </c>
    </row>
    <row r="1968" spans="1:6" x14ac:dyDescent="0.25">
      <c r="A1968" s="4" t="s">
        <v>2602</v>
      </c>
      <c r="B1968" s="1" t="s">
        <v>3144</v>
      </c>
      <c r="C1968" s="5" t="s">
        <v>6514</v>
      </c>
      <c r="D1968" s="1" t="s">
        <v>2602</v>
      </c>
      <c r="E1968" s="5" t="s">
        <v>16340</v>
      </c>
      <c r="F1968" s="6">
        <v>5684</v>
      </c>
    </row>
    <row r="1969" spans="1:6" x14ac:dyDescent="0.25">
      <c r="A1969" s="4" t="s">
        <v>1959</v>
      </c>
      <c r="B1969" s="1" t="s">
        <v>3148</v>
      </c>
      <c r="C1969" s="5" t="s">
        <v>5689</v>
      </c>
      <c r="D1969" s="1" t="s">
        <v>1959</v>
      </c>
      <c r="E1969" s="5" t="s">
        <v>14795</v>
      </c>
      <c r="F1969" s="6">
        <v>3506</v>
      </c>
    </row>
    <row r="1970" spans="1:6" x14ac:dyDescent="0.25">
      <c r="A1970" s="4" t="s">
        <v>2318</v>
      </c>
      <c r="B1970" s="1" t="s">
        <v>3158</v>
      </c>
      <c r="C1970" s="5" t="s">
        <v>6089</v>
      </c>
      <c r="D1970" s="1" t="s">
        <v>2318</v>
      </c>
      <c r="E1970" s="5" t="s">
        <v>15527</v>
      </c>
      <c r="F1970" s="6">
        <v>4265</v>
      </c>
    </row>
    <row r="1971" spans="1:6" x14ac:dyDescent="0.25">
      <c r="A1971" s="4" t="s">
        <v>713</v>
      </c>
      <c r="B1971" s="1" t="s">
        <v>3174</v>
      </c>
      <c r="C1971" s="5" t="s">
        <v>4424</v>
      </c>
      <c r="D1971" s="1" t="s">
        <v>713</v>
      </c>
      <c r="E1971" s="5" t="s">
        <v>13182</v>
      </c>
      <c r="F1971" s="6">
        <v>1815</v>
      </c>
    </row>
    <row r="1972" spans="1:6" x14ac:dyDescent="0.25">
      <c r="A1972" s="4" t="s">
        <v>713</v>
      </c>
      <c r="B1972" s="1" t="s">
        <v>3174</v>
      </c>
      <c r="C1972" s="5" t="s">
        <v>4424</v>
      </c>
      <c r="D1972" s="1" t="s">
        <v>9729</v>
      </c>
      <c r="E1972" s="5" t="s">
        <v>15626</v>
      </c>
      <c r="F1972" s="6">
        <v>4368</v>
      </c>
    </row>
    <row r="1973" spans="1:6" x14ac:dyDescent="0.25">
      <c r="A1973" s="4" t="s">
        <v>1088</v>
      </c>
      <c r="B1973" s="1" t="s">
        <v>3152</v>
      </c>
      <c r="C1973" s="5" t="s">
        <v>4831</v>
      </c>
      <c r="D1973" s="1" t="s">
        <v>1088</v>
      </c>
      <c r="E1973" s="5" t="s">
        <v>13658</v>
      </c>
      <c r="F1973" s="6">
        <v>2304</v>
      </c>
    </row>
    <row r="1974" spans="1:6" x14ac:dyDescent="0.25">
      <c r="A1974" s="4" t="s">
        <v>2302</v>
      </c>
      <c r="B1974" s="1" t="s">
        <v>812</v>
      </c>
      <c r="C1974" s="5" t="s">
        <v>5905</v>
      </c>
      <c r="D1974" s="1" t="s">
        <v>2302</v>
      </c>
      <c r="E1974" s="5" t="s">
        <v>15488</v>
      </c>
      <c r="F1974" s="6">
        <v>4226</v>
      </c>
    </row>
    <row r="1975" spans="1:6" x14ac:dyDescent="0.25">
      <c r="A1975" s="4" t="s">
        <v>738</v>
      </c>
      <c r="B1975" s="1" t="s">
        <v>3146</v>
      </c>
      <c r="C1975" s="5" t="s">
        <v>4452</v>
      </c>
      <c r="D1975" s="1" t="s">
        <v>8650</v>
      </c>
      <c r="E1975" s="5" t="s">
        <v>13217</v>
      </c>
      <c r="F1975" s="6">
        <v>1850</v>
      </c>
    </row>
    <row r="1976" spans="1:6" x14ac:dyDescent="0.25">
      <c r="A1976" s="4" t="s">
        <v>738</v>
      </c>
      <c r="B1976" s="1" t="s">
        <v>3146</v>
      </c>
      <c r="C1976" s="5" t="s">
        <v>4452</v>
      </c>
      <c r="D1976" s="1" t="s">
        <v>10059</v>
      </c>
      <c r="E1976" s="5" t="s">
        <v>16049</v>
      </c>
      <c r="F1976" s="6">
        <v>5060</v>
      </c>
    </row>
    <row r="1977" spans="1:6" x14ac:dyDescent="0.25">
      <c r="A1977" s="4" t="s">
        <v>2010</v>
      </c>
      <c r="B1977" s="1" t="s">
        <v>3153</v>
      </c>
      <c r="C1977" s="5" t="s">
        <v>5710</v>
      </c>
      <c r="D1977" s="1" t="s">
        <v>2010</v>
      </c>
      <c r="E1977" s="5" t="s">
        <v>14848</v>
      </c>
      <c r="F1977" s="6">
        <v>3561</v>
      </c>
    </row>
    <row r="1978" spans="1:6" x14ac:dyDescent="0.25">
      <c r="A1978" s="4" t="s">
        <v>2010</v>
      </c>
      <c r="B1978" s="1" t="s">
        <v>3144</v>
      </c>
      <c r="C1978" s="5" t="s">
        <v>6170</v>
      </c>
      <c r="D1978" s="1" t="s">
        <v>9770</v>
      </c>
      <c r="E1978" s="5" t="s">
        <v>15678</v>
      </c>
      <c r="F1978" s="6">
        <v>4425</v>
      </c>
    </row>
    <row r="1979" spans="1:6" x14ac:dyDescent="0.25">
      <c r="A1979" s="4" t="s">
        <v>2010</v>
      </c>
      <c r="B1979" s="1" t="s">
        <v>3144</v>
      </c>
      <c r="C1979" s="5">
        <v>422215</v>
      </c>
      <c r="D1979" s="1" t="s">
        <v>10214</v>
      </c>
      <c r="E1979" s="5" t="s">
        <v>16246</v>
      </c>
      <c r="F1979" s="6">
        <v>5477</v>
      </c>
    </row>
    <row r="1980" spans="1:6" x14ac:dyDescent="0.25">
      <c r="A1980" s="4" t="s">
        <v>2834</v>
      </c>
      <c r="B1980" s="1" t="s">
        <v>3162</v>
      </c>
      <c r="C1980" s="5" t="s">
        <v>6834</v>
      </c>
      <c r="D1980" s="1" t="s">
        <v>2834</v>
      </c>
      <c r="E1980" s="5" t="s">
        <v>16979</v>
      </c>
      <c r="F1980" s="6">
        <v>7466</v>
      </c>
    </row>
    <row r="1981" spans="1:6" x14ac:dyDescent="0.25">
      <c r="A1981" s="4" t="s">
        <v>1725</v>
      </c>
      <c r="B1981" s="1" t="s">
        <v>3154</v>
      </c>
      <c r="C1981" s="5" t="s">
        <v>5507</v>
      </c>
      <c r="D1981" s="1" t="s">
        <v>9163</v>
      </c>
      <c r="E1981" s="5" t="s">
        <v>14522</v>
      </c>
      <c r="F1981" s="6">
        <v>3210</v>
      </c>
    </row>
    <row r="1982" spans="1:6" x14ac:dyDescent="0.25">
      <c r="A1982" s="4" t="s">
        <v>1950</v>
      </c>
      <c r="B1982" s="1" t="s">
        <v>3152</v>
      </c>
      <c r="C1982" s="5" t="s">
        <v>4546</v>
      </c>
      <c r="D1982" s="1" t="s">
        <v>1950</v>
      </c>
      <c r="E1982" s="5" t="s">
        <v>14784</v>
      </c>
      <c r="F1982" s="6">
        <v>3495</v>
      </c>
    </row>
    <row r="1983" spans="1:6" x14ac:dyDescent="0.25">
      <c r="A1983" s="4" t="s">
        <v>1214</v>
      </c>
      <c r="B1983" s="1" t="s">
        <v>3148</v>
      </c>
      <c r="C1983" s="5" t="s">
        <v>4973</v>
      </c>
      <c r="D1983" s="1" t="s">
        <v>1214</v>
      </c>
      <c r="E1983" s="5" t="s">
        <v>13825</v>
      </c>
      <c r="F1983" s="6">
        <v>2475</v>
      </c>
    </row>
    <row r="1984" spans="1:6" x14ac:dyDescent="0.25">
      <c r="A1984" s="4" t="s">
        <v>1058</v>
      </c>
      <c r="B1984" s="1" t="s">
        <v>3164</v>
      </c>
      <c r="C1984" s="5" t="s">
        <v>4799</v>
      </c>
      <c r="D1984" s="1" t="s">
        <v>1058</v>
      </c>
      <c r="E1984" s="5" t="s">
        <v>13626</v>
      </c>
      <c r="F1984" s="6">
        <v>2268</v>
      </c>
    </row>
    <row r="1985" spans="1:6" x14ac:dyDescent="0.25">
      <c r="A1985" s="4" t="s">
        <v>1739</v>
      </c>
      <c r="B1985" s="1" t="s">
        <v>3152</v>
      </c>
      <c r="C1985" s="5" t="s">
        <v>5528</v>
      </c>
      <c r="D1985" s="1" t="s">
        <v>1739</v>
      </c>
      <c r="E1985" s="5" t="s">
        <v>14550</v>
      </c>
      <c r="F1985" s="6">
        <v>3241</v>
      </c>
    </row>
    <row r="1986" spans="1:6" x14ac:dyDescent="0.25">
      <c r="A1986" s="4" t="s">
        <v>1207</v>
      </c>
      <c r="B1986" s="1" t="s">
        <v>3157</v>
      </c>
      <c r="C1986" s="5" t="s">
        <v>4966</v>
      </c>
      <c r="D1986" s="1" t="s">
        <v>1207</v>
      </c>
      <c r="E1986" s="5" t="s">
        <v>13818</v>
      </c>
      <c r="F1986" s="6">
        <v>2468</v>
      </c>
    </row>
    <row r="1987" spans="1:6" x14ac:dyDescent="0.25">
      <c r="A1987" s="4" t="s">
        <v>1475</v>
      </c>
      <c r="B1987" s="1" t="s">
        <v>3163</v>
      </c>
      <c r="C1987" s="5" t="s">
        <v>5291</v>
      </c>
      <c r="D1987" s="1" t="s">
        <v>1475</v>
      </c>
      <c r="E1987" s="5" t="s">
        <v>14247</v>
      </c>
      <c r="F1987" s="6">
        <v>2908</v>
      </c>
    </row>
    <row r="1988" spans="1:6" x14ac:dyDescent="0.25">
      <c r="A1988" s="4" t="s">
        <v>674</v>
      </c>
      <c r="B1988" s="1" t="s">
        <v>3149</v>
      </c>
      <c r="C1988" s="5" t="s">
        <v>4371</v>
      </c>
      <c r="D1988" s="1" t="s">
        <v>674</v>
      </c>
      <c r="E1988" s="5" t="s">
        <v>13112</v>
      </c>
      <c r="F1988" s="6">
        <v>1745</v>
      </c>
    </row>
    <row r="1989" spans="1:6" x14ac:dyDescent="0.25">
      <c r="A1989" s="4" t="s">
        <v>1704</v>
      </c>
      <c r="B1989" s="1" t="s">
        <v>3148</v>
      </c>
      <c r="C1989" s="5" t="s">
        <v>5488</v>
      </c>
      <c r="D1989" s="1" t="s">
        <v>1704</v>
      </c>
      <c r="E1989" s="5" t="s">
        <v>14498</v>
      </c>
      <c r="F1989" s="6">
        <v>3183</v>
      </c>
    </row>
    <row r="1990" spans="1:6" x14ac:dyDescent="0.25">
      <c r="A1990" s="4" t="s">
        <v>3135</v>
      </c>
      <c r="B1990" s="1" t="s">
        <v>3162</v>
      </c>
      <c r="C1990" s="5" t="s">
        <v>7311</v>
      </c>
      <c r="D1990" s="1" t="s">
        <v>3135</v>
      </c>
      <c r="E1990" s="5" t="s">
        <v>18048</v>
      </c>
      <c r="F1990" s="6">
        <v>9681</v>
      </c>
    </row>
    <row r="1991" spans="1:6" x14ac:dyDescent="0.25">
      <c r="A1991" s="4" t="s">
        <v>1326</v>
      </c>
      <c r="B1991" s="1" t="s">
        <v>3158</v>
      </c>
      <c r="C1991" s="5" t="s">
        <v>5112</v>
      </c>
      <c r="D1991" s="1" t="s">
        <v>8978</v>
      </c>
      <c r="E1991" s="5" t="s">
        <v>14001</v>
      </c>
      <c r="F1991" s="6">
        <v>2655</v>
      </c>
    </row>
    <row r="1992" spans="1:6" x14ac:dyDescent="0.25">
      <c r="A1992" s="4" t="s">
        <v>787</v>
      </c>
      <c r="B1992" s="1" t="s">
        <v>3148</v>
      </c>
      <c r="C1992" s="5" t="s">
        <v>4512</v>
      </c>
      <c r="D1992" s="1" t="s">
        <v>787</v>
      </c>
      <c r="E1992" s="5" t="s">
        <v>13288</v>
      </c>
      <c r="F1992" s="6">
        <v>1921</v>
      </c>
    </row>
    <row r="1993" spans="1:6" x14ac:dyDescent="0.25">
      <c r="A1993" s="4" t="s">
        <v>787</v>
      </c>
      <c r="B1993" s="1" t="s">
        <v>3148</v>
      </c>
      <c r="C1993" s="5" t="s">
        <v>6870</v>
      </c>
      <c r="D1993" s="1" t="s">
        <v>10794</v>
      </c>
      <c r="E1993" s="5" t="s">
        <v>17057</v>
      </c>
      <c r="F1993" s="6">
        <v>7697</v>
      </c>
    </row>
    <row r="1994" spans="1:6" x14ac:dyDescent="0.25">
      <c r="A1994" s="4" t="s">
        <v>2444</v>
      </c>
      <c r="B1994" s="1" t="s">
        <v>1147</v>
      </c>
      <c r="C1994" s="5" t="s">
        <v>6317</v>
      </c>
      <c r="D1994" s="1" t="s">
        <v>2444</v>
      </c>
      <c r="E1994" s="5" t="s">
        <v>15930</v>
      </c>
      <c r="F1994" s="6">
        <v>4848</v>
      </c>
    </row>
    <row r="1995" spans="1:6" x14ac:dyDescent="0.25">
      <c r="A1995" s="4" t="s">
        <v>2148</v>
      </c>
      <c r="B1995" s="1" t="s">
        <v>3161</v>
      </c>
      <c r="C1995" s="5" t="s">
        <v>5851</v>
      </c>
      <c r="D1995" s="1" t="s">
        <v>2148</v>
      </c>
      <c r="E1995" s="5" t="s">
        <v>15121</v>
      </c>
      <c r="F1995" s="6">
        <v>3852</v>
      </c>
    </row>
    <row r="1996" spans="1:6" x14ac:dyDescent="0.25">
      <c r="A1996" s="4" t="s">
        <v>2847</v>
      </c>
      <c r="B1996" s="1" t="s">
        <v>3161</v>
      </c>
      <c r="C1996" s="5" t="s">
        <v>6846</v>
      </c>
      <c r="D1996" s="1" t="s">
        <v>2847</v>
      </c>
      <c r="E1996" s="5" t="s">
        <v>17005</v>
      </c>
      <c r="F1996" s="6">
        <v>7563</v>
      </c>
    </row>
    <row r="1997" spans="1:6" x14ac:dyDescent="0.25">
      <c r="A1997" s="4" t="s">
        <v>2517</v>
      </c>
      <c r="B1997" s="1" t="s">
        <v>3161</v>
      </c>
      <c r="C1997" s="5" t="s">
        <v>6406</v>
      </c>
      <c r="D1997" s="1" t="s">
        <v>2517</v>
      </c>
      <c r="E1997" s="5" t="s">
        <v>16150</v>
      </c>
      <c r="F1997" s="6">
        <v>5254</v>
      </c>
    </row>
    <row r="1998" spans="1:6" x14ac:dyDescent="0.25">
      <c r="A1998" s="4" t="s">
        <v>1524</v>
      </c>
      <c r="B1998" s="1" t="s">
        <v>3164</v>
      </c>
      <c r="C1998" s="5" t="s">
        <v>5344</v>
      </c>
      <c r="D1998" s="1" t="s">
        <v>1524</v>
      </c>
      <c r="E1998" s="5" t="s">
        <v>14303</v>
      </c>
      <c r="F1998" s="6">
        <v>2965</v>
      </c>
    </row>
    <row r="1999" spans="1:6" x14ac:dyDescent="0.25">
      <c r="A1999" s="4" t="s">
        <v>508</v>
      </c>
      <c r="B1999" s="1" t="s">
        <v>3152</v>
      </c>
      <c r="C1999" s="5" t="s">
        <v>4140</v>
      </c>
      <c r="D1999" s="1" t="s">
        <v>508</v>
      </c>
      <c r="E1999" s="5" t="s">
        <v>12785</v>
      </c>
      <c r="F1999" s="6">
        <v>1382</v>
      </c>
    </row>
    <row r="2000" spans="1:6" x14ac:dyDescent="0.25">
      <c r="A2000" s="4" t="s">
        <v>2073</v>
      </c>
      <c r="B2000" s="1" t="s">
        <v>3165</v>
      </c>
      <c r="C2000" s="5" t="s">
        <v>5756</v>
      </c>
      <c r="D2000" s="1" t="s">
        <v>2073</v>
      </c>
      <c r="E2000" s="5" t="s">
        <v>14942</v>
      </c>
      <c r="F2000" s="6">
        <v>3664</v>
      </c>
    </row>
    <row r="2001" spans="1:6" x14ac:dyDescent="0.25">
      <c r="A2001" s="4" t="s">
        <v>2586</v>
      </c>
      <c r="B2001" s="1" t="s">
        <v>3148</v>
      </c>
      <c r="C2001" s="5" t="s">
        <v>6497</v>
      </c>
      <c r="D2001" s="1" t="s">
        <v>10254</v>
      </c>
      <c r="E2001" s="5" t="s">
        <v>16312</v>
      </c>
      <c r="F2001" s="6">
        <v>5623</v>
      </c>
    </row>
    <row r="2002" spans="1:6" x14ac:dyDescent="0.25">
      <c r="A2002" s="4" t="s">
        <v>1878</v>
      </c>
      <c r="B2002" s="1" t="s">
        <v>3160</v>
      </c>
      <c r="C2002" s="5" t="s">
        <v>3737</v>
      </c>
      <c r="D2002" s="1" t="s">
        <v>1878</v>
      </c>
      <c r="E2002" s="5" t="s">
        <v>14711</v>
      </c>
      <c r="F2002" s="6">
        <v>3418</v>
      </c>
    </row>
    <row r="2003" spans="1:6" x14ac:dyDescent="0.25">
      <c r="A2003" s="4" t="s">
        <v>3122</v>
      </c>
      <c r="B2003" s="1" t="s">
        <v>3158</v>
      </c>
      <c r="C2003" s="5" t="s">
        <v>7295</v>
      </c>
      <c r="D2003" s="1" t="s">
        <v>3122</v>
      </c>
      <c r="E2003" s="5" t="s">
        <v>18003</v>
      </c>
      <c r="F2003" s="6">
        <v>9635</v>
      </c>
    </row>
    <row r="2004" spans="1:6" x14ac:dyDescent="0.25">
      <c r="A2004" s="4" t="s">
        <v>2990</v>
      </c>
      <c r="B2004" s="1" t="s">
        <v>3156</v>
      </c>
      <c r="C2004" s="5" t="s">
        <v>7039</v>
      </c>
      <c r="D2004" s="1" t="s">
        <v>2990</v>
      </c>
      <c r="E2004" s="5" t="s">
        <v>17482</v>
      </c>
      <c r="F2004" s="6">
        <v>9093</v>
      </c>
    </row>
    <row r="2005" spans="1:6" x14ac:dyDescent="0.25">
      <c r="A2005" s="4" t="s">
        <v>915</v>
      </c>
      <c r="B2005" s="1" t="s">
        <v>3164</v>
      </c>
      <c r="C2005" s="5" t="s">
        <v>4663</v>
      </c>
      <c r="D2005" s="1" t="s">
        <v>915</v>
      </c>
      <c r="E2005" s="5" t="s">
        <v>13481</v>
      </c>
      <c r="F2005" s="6">
        <v>2118</v>
      </c>
    </row>
    <row r="2006" spans="1:6" x14ac:dyDescent="0.25">
      <c r="A2006" s="4" t="s">
        <v>50</v>
      </c>
      <c r="B2006" s="1" t="s">
        <v>3148</v>
      </c>
      <c r="C2006" s="5" t="s">
        <v>3284</v>
      </c>
      <c r="D2006" s="1" t="s">
        <v>7412</v>
      </c>
      <c r="E2006" s="5" t="s">
        <v>11687</v>
      </c>
      <c r="F2006" s="6">
        <v>106</v>
      </c>
    </row>
    <row r="2007" spans="1:6" x14ac:dyDescent="0.25">
      <c r="A2007" s="4" t="s">
        <v>669</v>
      </c>
      <c r="B2007" s="1" t="s">
        <v>3159</v>
      </c>
      <c r="C2007" s="5" t="s">
        <v>4367</v>
      </c>
      <c r="D2007" s="1" t="s">
        <v>669</v>
      </c>
      <c r="E2007" s="5" t="s">
        <v>13107</v>
      </c>
      <c r="F2007" s="6">
        <v>1740</v>
      </c>
    </row>
    <row r="2008" spans="1:6" x14ac:dyDescent="0.25">
      <c r="A2008" s="4" t="s">
        <v>1987</v>
      </c>
      <c r="B2008" s="1" t="s">
        <v>3147</v>
      </c>
      <c r="C2008" s="5" t="s">
        <v>3794</v>
      </c>
      <c r="D2008" s="1" t="s">
        <v>1987</v>
      </c>
      <c r="E2008" s="5" t="s">
        <v>14824</v>
      </c>
      <c r="F2008" s="6">
        <v>3536</v>
      </c>
    </row>
    <row r="2009" spans="1:6" x14ac:dyDescent="0.25">
      <c r="A2009" s="4" t="s">
        <v>1817</v>
      </c>
      <c r="B2009" s="1" t="s">
        <v>3147</v>
      </c>
      <c r="C2009" s="5" t="s">
        <v>5590</v>
      </c>
      <c r="D2009" s="1" t="s">
        <v>1817</v>
      </c>
      <c r="E2009" s="5" t="s">
        <v>14641</v>
      </c>
      <c r="F2009" s="6">
        <v>3338</v>
      </c>
    </row>
    <row r="2010" spans="1:6" x14ac:dyDescent="0.25">
      <c r="A2010" s="4" t="s">
        <v>1142</v>
      </c>
      <c r="B2010" s="1" t="s">
        <v>3156</v>
      </c>
      <c r="C2010" s="5" t="s">
        <v>4883</v>
      </c>
      <c r="D2010" s="1" t="s">
        <v>1142</v>
      </c>
      <c r="E2010" s="5" t="s">
        <v>13716</v>
      </c>
      <c r="F2010" s="6">
        <v>2363</v>
      </c>
    </row>
    <row r="2011" spans="1:6" x14ac:dyDescent="0.25">
      <c r="A2011" s="4" t="s">
        <v>380</v>
      </c>
      <c r="B2011" s="1" t="s">
        <v>3161</v>
      </c>
      <c r="C2011" s="5" t="s">
        <v>3894</v>
      </c>
      <c r="D2011" s="1" t="s">
        <v>380</v>
      </c>
      <c r="E2011" s="5" t="s">
        <v>12402</v>
      </c>
      <c r="F2011" s="6">
        <v>915</v>
      </c>
    </row>
    <row r="2012" spans="1:6" x14ac:dyDescent="0.25">
      <c r="A2012" s="4" t="s">
        <v>380</v>
      </c>
      <c r="B2012" s="1" t="s">
        <v>3161</v>
      </c>
      <c r="C2012" s="5" t="s">
        <v>3894</v>
      </c>
      <c r="D2012" s="1" t="s">
        <v>9974</v>
      </c>
      <c r="E2012" s="5" t="s">
        <v>15935</v>
      </c>
      <c r="F2012" s="6">
        <v>4853</v>
      </c>
    </row>
    <row r="2013" spans="1:6" x14ac:dyDescent="0.25">
      <c r="A2013" s="4" t="s">
        <v>380</v>
      </c>
      <c r="B2013" s="1" t="s">
        <v>3161</v>
      </c>
      <c r="C2013" s="5" t="s">
        <v>3894</v>
      </c>
      <c r="D2013" s="1" t="s">
        <v>10385</v>
      </c>
      <c r="E2013" s="5" t="s">
        <v>16519</v>
      </c>
      <c r="F2013" s="6">
        <v>6142</v>
      </c>
    </row>
    <row r="2014" spans="1:6" x14ac:dyDescent="0.25">
      <c r="A2014" s="4" t="s">
        <v>130</v>
      </c>
      <c r="B2014" s="1" t="s">
        <v>3148</v>
      </c>
      <c r="C2014" s="5" t="s">
        <v>3397</v>
      </c>
      <c r="D2014" s="1" t="s">
        <v>7521</v>
      </c>
      <c r="E2014" s="5" t="s">
        <v>11806</v>
      </c>
      <c r="F2014" s="6">
        <v>234</v>
      </c>
    </row>
    <row r="2015" spans="1:6" x14ac:dyDescent="0.25">
      <c r="A2015" s="4" t="s">
        <v>130</v>
      </c>
      <c r="B2015" s="1" t="s">
        <v>3148</v>
      </c>
      <c r="C2015" s="5" t="s">
        <v>4083</v>
      </c>
      <c r="D2015" s="1" t="s">
        <v>8271</v>
      </c>
      <c r="E2015" s="5" t="s">
        <v>12679</v>
      </c>
      <c r="F2015" s="6">
        <v>1275</v>
      </c>
    </row>
    <row r="2016" spans="1:6" x14ac:dyDescent="0.25">
      <c r="A2016" s="4" t="s">
        <v>130</v>
      </c>
      <c r="B2016" s="1" t="s">
        <v>3148</v>
      </c>
      <c r="C2016" s="5" t="s">
        <v>6425</v>
      </c>
      <c r="D2016" s="1" t="s">
        <v>10173</v>
      </c>
      <c r="E2016" s="5" t="s">
        <v>16189</v>
      </c>
      <c r="F2016" s="6">
        <v>5318</v>
      </c>
    </row>
    <row r="2017" spans="1:6" x14ac:dyDescent="0.25">
      <c r="A2017" s="4" t="s">
        <v>2654</v>
      </c>
      <c r="B2017" s="1" t="s">
        <v>3186</v>
      </c>
      <c r="C2017" s="5">
        <v>534426</v>
      </c>
      <c r="D2017" s="1" t="s">
        <v>2654</v>
      </c>
      <c r="E2017" s="5" t="s">
        <v>16447</v>
      </c>
      <c r="F2017" s="6">
        <v>5929</v>
      </c>
    </row>
    <row r="2018" spans="1:6" x14ac:dyDescent="0.25">
      <c r="A2018" s="4" t="s">
        <v>1042</v>
      </c>
      <c r="B2018" s="1" t="s">
        <v>3147</v>
      </c>
      <c r="C2018" s="5" t="s">
        <v>4784</v>
      </c>
      <c r="D2018" s="1" t="s">
        <v>1042</v>
      </c>
      <c r="E2018" s="5" t="s">
        <v>13610</v>
      </c>
      <c r="F2018" s="6">
        <v>2252</v>
      </c>
    </row>
    <row r="2019" spans="1:6" x14ac:dyDescent="0.25">
      <c r="A2019" s="4" t="s">
        <v>1089</v>
      </c>
      <c r="B2019" s="1" t="s">
        <v>3150</v>
      </c>
      <c r="C2019" s="5" t="s">
        <v>4832</v>
      </c>
      <c r="D2019" s="1" t="s">
        <v>1089</v>
      </c>
      <c r="E2019" s="5" t="s">
        <v>13659</v>
      </c>
      <c r="F2019" s="6">
        <v>2305</v>
      </c>
    </row>
    <row r="2020" spans="1:6" x14ac:dyDescent="0.25">
      <c r="A2020" s="4" t="s">
        <v>1067</v>
      </c>
      <c r="B2020" s="1" t="s">
        <v>3148</v>
      </c>
      <c r="C2020" s="5" t="s">
        <v>4808</v>
      </c>
      <c r="D2020" s="1" t="s">
        <v>1067</v>
      </c>
      <c r="E2020" s="5" t="s">
        <v>13635</v>
      </c>
      <c r="F2020" s="6">
        <v>2278</v>
      </c>
    </row>
    <row r="2021" spans="1:6" x14ac:dyDescent="0.25">
      <c r="A2021" s="4" t="s">
        <v>1886</v>
      </c>
      <c r="B2021" s="1" t="s">
        <v>3156</v>
      </c>
      <c r="C2021" s="5" t="s">
        <v>5642</v>
      </c>
      <c r="D2021" s="1" t="s">
        <v>1886</v>
      </c>
      <c r="E2021" s="5" t="s">
        <v>14719</v>
      </c>
      <c r="F2021" s="6">
        <v>3426</v>
      </c>
    </row>
    <row r="2022" spans="1:6" x14ac:dyDescent="0.25">
      <c r="A2022" s="4" t="s">
        <v>2909</v>
      </c>
      <c r="B2022" s="1" t="s">
        <v>3147</v>
      </c>
      <c r="C2022" s="5">
        <v>393151</v>
      </c>
      <c r="D2022" s="1" t="s">
        <v>2909</v>
      </c>
      <c r="E2022" s="5" t="s">
        <v>17233</v>
      </c>
      <c r="F2022" s="6">
        <v>8267</v>
      </c>
    </row>
    <row r="2023" spans="1:6" x14ac:dyDescent="0.25">
      <c r="A2023" s="4" t="s">
        <v>1026</v>
      </c>
      <c r="B2023" s="1" t="s">
        <v>3154</v>
      </c>
      <c r="C2023" s="5" t="s">
        <v>4769</v>
      </c>
      <c r="D2023" s="1" t="s">
        <v>1026</v>
      </c>
      <c r="E2023" s="5" t="s">
        <v>13593</v>
      </c>
      <c r="F2023" s="6">
        <v>2234</v>
      </c>
    </row>
    <row r="2024" spans="1:6" x14ac:dyDescent="0.25">
      <c r="A2024" s="4" t="s">
        <v>621</v>
      </c>
      <c r="B2024" s="1" t="s">
        <v>3155</v>
      </c>
      <c r="C2024" s="5" t="s">
        <v>4299</v>
      </c>
      <c r="D2024" s="1" t="s">
        <v>621</v>
      </c>
      <c r="E2024" s="5" t="s">
        <v>13014</v>
      </c>
      <c r="F2024" s="6">
        <v>1641</v>
      </c>
    </row>
    <row r="2025" spans="1:6" x14ac:dyDescent="0.25">
      <c r="A2025" s="4" t="s">
        <v>621</v>
      </c>
      <c r="B2025" s="1" t="s">
        <v>3155</v>
      </c>
      <c r="C2025" s="5">
        <v>534003</v>
      </c>
      <c r="D2025" s="1" t="s">
        <v>10184</v>
      </c>
      <c r="E2025" s="5" t="s">
        <v>16201</v>
      </c>
      <c r="F2025" s="6">
        <v>5353</v>
      </c>
    </row>
    <row r="2026" spans="1:6" x14ac:dyDescent="0.25">
      <c r="A2026" s="4" t="s">
        <v>621</v>
      </c>
      <c r="B2026" s="1" t="s">
        <v>3155</v>
      </c>
      <c r="C2026" s="5" t="s">
        <v>6526</v>
      </c>
      <c r="D2026" s="1" t="s">
        <v>10286</v>
      </c>
      <c r="E2026" s="5" t="s">
        <v>16365</v>
      </c>
      <c r="F2026" s="6">
        <v>5760</v>
      </c>
    </row>
    <row r="2027" spans="1:6" x14ac:dyDescent="0.25">
      <c r="A2027" s="4" t="s">
        <v>621</v>
      </c>
      <c r="B2027" s="1" t="s">
        <v>3155</v>
      </c>
      <c r="C2027" s="5" t="s">
        <v>7074</v>
      </c>
      <c r="D2027" s="1" t="s">
        <v>11171</v>
      </c>
      <c r="E2027" s="5" t="s">
        <v>17544</v>
      </c>
      <c r="F2027" s="6">
        <v>9158</v>
      </c>
    </row>
    <row r="2028" spans="1:6" x14ac:dyDescent="0.25">
      <c r="A2028" s="4" t="s">
        <v>556</v>
      </c>
      <c r="B2028" s="1" t="s">
        <v>3150</v>
      </c>
      <c r="C2028" s="5" t="s">
        <v>4202</v>
      </c>
      <c r="D2028" s="1" t="s">
        <v>8445</v>
      </c>
      <c r="E2028" s="5" t="s">
        <v>12890</v>
      </c>
      <c r="F2028" s="6">
        <v>1491</v>
      </c>
    </row>
    <row r="2029" spans="1:6" x14ac:dyDescent="0.25">
      <c r="A2029" s="4" t="s">
        <v>3102</v>
      </c>
      <c r="B2029" s="1" t="s">
        <v>3144</v>
      </c>
      <c r="C2029" s="5" t="s">
        <v>7259</v>
      </c>
      <c r="D2029" s="1" t="s">
        <v>11479</v>
      </c>
      <c r="E2029" s="5" t="s">
        <v>17933</v>
      </c>
      <c r="F2029" s="6">
        <v>9563</v>
      </c>
    </row>
    <row r="2030" spans="1:6" x14ac:dyDescent="0.25">
      <c r="A2030" s="4" t="s">
        <v>270</v>
      </c>
      <c r="B2030" s="1" t="s">
        <v>3150</v>
      </c>
      <c r="C2030" s="5" t="s">
        <v>3724</v>
      </c>
      <c r="D2030" s="1" t="s">
        <v>7900</v>
      </c>
      <c r="E2030" s="5" t="s">
        <v>12208</v>
      </c>
      <c r="F2030" s="6">
        <v>684</v>
      </c>
    </row>
    <row r="2031" spans="1:6" x14ac:dyDescent="0.25">
      <c r="A2031" s="4" t="s">
        <v>270</v>
      </c>
      <c r="B2031" s="1" t="s">
        <v>3150</v>
      </c>
      <c r="C2031" s="5" t="s">
        <v>3724</v>
      </c>
      <c r="D2031" s="1" t="s">
        <v>8454</v>
      </c>
      <c r="E2031" s="5" t="s">
        <v>12906</v>
      </c>
      <c r="F2031" s="6">
        <v>1508</v>
      </c>
    </row>
    <row r="2032" spans="1:6" x14ac:dyDescent="0.25">
      <c r="A2032" s="4" t="s">
        <v>270</v>
      </c>
      <c r="B2032" s="1" t="s">
        <v>3150</v>
      </c>
      <c r="C2032" s="5" t="s">
        <v>3622</v>
      </c>
      <c r="D2032" s="1" t="s">
        <v>8455</v>
      </c>
      <c r="E2032" s="5" t="s">
        <v>12908</v>
      </c>
      <c r="F2032" s="6">
        <v>1510</v>
      </c>
    </row>
    <row r="2033" spans="1:6" x14ac:dyDescent="0.25">
      <c r="A2033" s="4" t="s">
        <v>270</v>
      </c>
      <c r="B2033" s="1" t="s">
        <v>3150</v>
      </c>
      <c r="C2033" s="5" t="s">
        <v>5848</v>
      </c>
      <c r="D2033" s="1" t="s">
        <v>9382</v>
      </c>
      <c r="E2033" s="5" t="s">
        <v>15116</v>
      </c>
      <c r="F2033" s="6">
        <v>3845</v>
      </c>
    </row>
    <row r="2034" spans="1:6" x14ac:dyDescent="0.25">
      <c r="A2034" s="4" t="s">
        <v>270</v>
      </c>
      <c r="B2034" s="1" t="s">
        <v>3180</v>
      </c>
      <c r="C2034" s="5" t="s">
        <v>3537</v>
      </c>
      <c r="D2034" s="1" t="s">
        <v>9831</v>
      </c>
      <c r="E2034" s="5" t="s">
        <v>15750</v>
      </c>
      <c r="F2034" s="6">
        <v>4594</v>
      </c>
    </row>
    <row r="2035" spans="1:6" x14ac:dyDescent="0.25">
      <c r="A2035" s="4" t="s">
        <v>270</v>
      </c>
      <c r="B2035" s="1" t="s">
        <v>3150</v>
      </c>
      <c r="C2035" s="5" t="s">
        <v>6357</v>
      </c>
      <c r="D2035" s="1" t="s">
        <v>10044</v>
      </c>
      <c r="E2035" s="5" t="s">
        <v>16030</v>
      </c>
      <c r="F2035" s="6">
        <v>5021</v>
      </c>
    </row>
    <row r="2036" spans="1:6" x14ac:dyDescent="0.25">
      <c r="A2036" s="4" t="s">
        <v>270</v>
      </c>
      <c r="B2036" s="1" t="s">
        <v>3150</v>
      </c>
      <c r="C2036" s="5">
        <v>682042</v>
      </c>
      <c r="D2036" s="1" t="s">
        <v>10083</v>
      </c>
      <c r="E2036" s="5" t="s">
        <v>16080</v>
      </c>
      <c r="F2036" s="6">
        <v>5122</v>
      </c>
    </row>
    <row r="2037" spans="1:6" x14ac:dyDescent="0.25">
      <c r="A2037" s="4" t="s">
        <v>270</v>
      </c>
      <c r="B2037" s="1" t="s">
        <v>3150</v>
      </c>
      <c r="C2037" s="5" t="s">
        <v>6525</v>
      </c>
      <c r="D2037" s="1" t="s">
        <v>10285</v>
      </c>
      <c r="E2037" s="5" t="s">
        <v>16364</v>
      </c>
      <c r="F2037" s="6">
        <v>5756</v>
      </c>
    </row>
    <row r="2038" spans="1:6" x14ac:dyDescent="0.25">
      <c r="A2038" s="4" t="s">
        <v>270</v>
      </c>
      <c r="B2038" s="1" t="s">
        <v>3150</v>
      </c>
      <c r="C2038" s="5" t="s">
        <v>6571</v>
      </c>
      <c r="D2038" s="1" t="s">
        <v>10334</v>
      </c>
      <c r="E2038" s="5" t="s">
        <v>16439</v>
      </c>
      <c r="F2038" s="6">
        <v>5908</v>
      </c>
    </row>
    <row r="2039" spans="1:6" x14ac:dyDescent="0.25">
      <c r="A2039" s="4" t="s">
        <v>270</v>
      </c>
      <c r="B2039" s="1" t="s">
        <v>3150</v>
      </c>
      <c r="C2039" s="5" t="s">
        <v>4092</v>
      </c>
      <c r="D2039" s="1" t="s">
        <v>10360</v>
      </c>
      <c r="E2039" s="5" t="s">
        <v>16480</v>
      </c>
      <c r="F2039" s="6">
        <v>6016</v>
      </c>
    </row>
    <row r="2040" spans="1:6" x14ac:dyDescent="0.25">
      <c r="A2040" s="4" t="s">
        <v>270</v>
      </c>
      <c r="B2040" s="1" t="s">
        <v>3150</v>
      </c>
      <c r="C2040" s="5" t="s">
        <v>6608</v>
      </c>
      <c r="D2040" s="1" t="s">
        <v>10387</v>
      </c>
      <c r="E2040" s="5" t="s">
        <v>16522</v>
      </c>
      <c r="F2040" s="6">
        <v>6157</v>
      </c>
    </row>
    <row r="2041" spans="1:6" x14ac:dyDescent="0.25">
      <c r="A2041" s="4" t="s">
        <v>270</v>
      </c>
      <c r="B2041" s="1" t="s">
        <v>3150</v>
      </c>
      <c r="C2041" s="5" t="s">
        <v>6527</v>
      </c>
      <c r="D2041" s="1" t="s">
        <v>10490</v>
      </c>
      <c r="E2041" s="5" t="s">
        <v>16653</v>
      </c>
      <c r="F2041" s="6">
        <v>6483</v>
      </c>
    </row>
    <row r="2042" spans="1:6" x14ac:dyDescent="0.25">
      <c r="A2042" s="4" t="s">
        <v>270</v>
      </c>
      <c r="B2042" s="1" t="s">
        <v>3150</v>
      </c>
      <c r="C2042" s="5" t="s">
        <v>6737</v>
      </c>
      <c r="D2042" s="1" t="s">
        <v>10584</v>
      </c>
      <c r="E2042" s="5" t="s">
        <v>16781</v>
      </c>
      <c r="F2042" s="6">
        <v>6930</v>
      </c>
    </row>
    <row r="2043" spans="1:6" x14ac:dyDescent="0.25">
      <c r="A2043" s="4" t="s">
        <v>270</v>
      </c>
      <c r="B2043" s="1" t="s">
        <v>3150</v>
      </c>
      <c r="C2043" s="5" t="s">
        <v>4218</v>
      </c>
      <c r="D2043" s="1" t="s">
        <v>10764</v>
      </c>
      <c r="E2043" s="5" t="s">
        <v>17015</v>
      </c>
      <c r="F2043" s="6">
        <v>7586</v>
      </c>
    </row>
    <row r="2044" spans="1:6" x14ac:dyDescent="0.25">
      <c r="A2044" s="4" t="s">
        <v>270</v>
      </c>
      <c r="B2044" s="1" t="s">
        <v>3150</v>
      </c>
      <c r="C2044" s="5" t="s">
        <v>4219</v>
      </c>
      <c r="D2044" s="1" t="s">
        <v>10776</v>
      </c>
      <c r="E2044" s="5" t="s">
        <v>17035</v>
      </c>
      <c r="F2044" s="6">
        <v>7644</v>
      </c>
    </row>
    <row r="2045" spans="1:6" x14ac:dyDescent="0.25">
      <c r="A2045" s="4" t="s">
        <v>270</v>
      </c>
      <c r="B2045" s="1" t="s">
        <v>3150</v>
      </c>
      <c r="C2045" s="5" t="s">
        <v>3459</v>
      </c>
      <c r="D2045" s="1" t="s">
        <v>10838</v>
      </c>
      <c r="E2045" s="5" t="s">
        <v>17111</v>
      </c>
      <c r="F2045" s="6">
        <v>7947</v>
      </c>
    </row>
    <row r="2046" spans="1:6" x14ac:dyDescent="0.25">
      <c r="A2046" s="4" t="s">
        <v>270</v>
      </c>
      <c r="B2046" s="1" t="s">
        <v>3150</v>
      </c>
      <c r="C2046" s="5" t="s">
        <v>4092</v>
      </c>
      <c r="D2046" s="1" t="s">
        <v>10914</v>
      </c>
      <c r="E2046" s="5" t="s">
        <v>17203</v>
      </c>
      <c r="F2046" s="6">
        <v>8182</v>
      </c>
    </row>
    <row r="2047" spans="1:6" x14ac:dyDescent="0.25">
      <c r="A2047" s="4" t="s">
        <v>270</v>
      </c>
      <c r="B2047" s="1" t="s">
        <v>3150</v>
      </c>
      <c r="C2047" s="5" t="s">
        <v>7266</v>
      </c>
      <c r="D2047" s="1" t="s">
        <v>11488</v>
      </c>
      <c r="E2047" s="5" t="s">
        <v>17945</v>
      </c>
      <c r="F2047" s="6">
        <v>9576</v>
      </c>
    </row>
    <row r="2048" spans="1:6" x14ac:dyDescent="0.25">
      <c r="A2048" s="4" t="s">
        <v>270</v>
      </c>
      <c r="B2048" s="1" t="s">
        <v>3150</v>
      </c>
      <c r="C2048" s="5" t="s">
        <v>7273</v>
      </c>
      <c r="D2048" s="1" t="s">
        <v>11494</v>
      </c>
      <c r="E2048" s="5" t="s">
        <v>17954</v>
      </c>
      <c r="F2048" s="6">
        <v>9586</v>
      </c>
    </row>
    <row r="2049" spans="1:6" x14ac:dyDescent="0.25">
      <c r="A2049" s="4" t="s">
        <v>270</v>
      </c>
      <c r="B2049" s="1" t="s">
        <v>3150</v>
      </c>
      <c r="C2049" s="5" t="s">
        <v>4092</v>
      </c>
      <c r="D2049" s="1" t="s">
        <v>11585</v>
      </c>
      <c r="E2049" s="5" t="s">
        <v>18062</v>
      </c>
      <c r="F2049" s="6">
        <v>9696</v>
      </c>
    </row>
    <row r="2050" spans="1:6" x14ac:dyDescent="0.25">
      <c r="A2050" s="4" t="s">
        <v>129</v>
      </c>
      <c r="B2050" s="1" t="s">
        <v>3146</v>
      </c>
      <c r="C2050" s="5" t="s">
        <v>3396</v>
      </c>
      <c r="D2050" s="1" t="s">
        <v>7520</v>
      </c>
      <c r="E2050" s="5" t="s">
        <v>11805</v>
      </c>
      <c r="F2050" s="6">
        <v>232</v>
      </c>
    </row>
    <row r="2051" spans="1:6" x14ac:dyDescent="0.25">
      <c r="A2051" s="4" t="s">
        <v>129</v>
      </c>
      <c r="B2051" s="1" t="s">
        <v>3146</v>
      </c>
      <c r="C2051" s="5" t="s">
        <v>4268</v>
      </c>
      <c r="D2051" s="1" t="s">
        <v>8515</v>
      </c>
      <c r="E2051" s="5" t="s">
        <v>12979</v>
      </c>
      <c r="F2051" s="6">
        <v>1589</v>
      </c>
    </row>
    <row r="2052" spans="1:6" x14ac:dyDescent="0.25">
      <c r="A2052" s="4" t="s">
        <v>129</v>
      </c>
      <c r="B2052" s="1" t="s">
        <v>3146</v>
      </c>
      <c r="C2052" s="5" t="s">
        <v>6360</v>
      </c>
      <c r="D2052" s="1" t="s">
        <v>10048</v>
      </c>
      <c r="E2052" s="5" t="s">
        <v>16036</v>
      </c>
      <c r="F2052" s="6">
        <v>5029</v>
      </c>
    </row>
    <row r="2053" spans="1:6" x14ac:dyDescent="0.25">
      <c r="A2053" s="4" t="s">
        <v>129</v>
      </c>
      <c r="B2053" s="1" t="s">
        <v>3146</v>
      </c>
      <c r="C2053" s="5" t="s">
        <v>3396</v>
      </c>
      <c r="D2053" s="1" t="s">
        <v>10769</v>
      </c>
      <c r="E2053" s="5" t="s">
        <v>17024</v>
      </c>
      <c r="F2053" s="6">
        <v>7619</v>
      </c>
    </row>
    <row r="2054" spans="1:6" x14ac:dyDescent="0.25">
      <c r="A2054" s="4" t="s">
        <v>129</v>
      </c>
      <c r="B2054" s="1" t="s">
        <v>3146</v>
      </c>
      <c r="C2054" s="5" t="s">
        <v>6912</v>
      </c>
      <c r="D2054" s="1" t="s">
        <v>10909</v>
      </c>
      <c r="E2054" s="5" t="s">
        <v>17198</v>
      </c>
      <c r="F2054" s="6">
        <v>8173</v>
      </c>
    </row>
    <row r="2055" spans="1:6" x14ac:dyDescent="0.25">
      <c r="A2055" s="4" t="s">
        <v>129</v>
      </c>
      <c r="B2055" s="1" t="s">
        <v>3146</v>
      </c>
      <c r="C2055" s="5" t="s">
        <v>7103</v>
      </c>
      <c r="D2055" s="1" t="s">
        <v>11201</v>
      </c>
      <c r="E2055" s="5" t="s">
        <v>17588</v>
      </c>
      <c r="F2055" s="6">
        <v>9203</v>
      </c>
    </row>
    <row r="2056" spans="1:6" x14ac:dyDescent="0.25">
      <c r="A2056" s="4" t="s">
        <v>129</v>
      </c>
      <c r="B2056" s="1" t="s">
        <v>3146</v>
      </c>
      <c r="C2056" s="5" t="s">
        <v>7154</v>
      </c>
      <c r="D2056" s="1" t="s">
        <v>11273</v>
      </c>
      <c r="E2056" s="5" t="s">
        <v>17681</v>
      </c>
      <c r="F2056" s="6">
        <v>9299</v>
      </c>
    </row>
    <row r="2057" spans="1:6" x14ac:dyDescent="0.25">
      <c r="A2057" s="4" t="s">
        <v>129</v>
      </c>
      <c r="B2057" s="1" t="s">
        <v>3146</v>
      </c>
      <c r="C2057" s="5" t="s">
        <v>7255</v>
      </c>
      <c r="D2057" s="1" t="s">
        <v>11478</v>
      </c>
      <c r="E2057" s="5" t="s">
        <v>17929</v>
      </c>
      <c r="F2057" s="6">
        <v>9559</v>
      </c>
    </row>
    <row r="2058" spans="1:6" x14ac:dyDescent="0.25">
      <c r="A2058" s="4" t="s">
        <v>902</v>
      </c>
      <c r="B2058" s="1" t="s">
        <v>3147</v>
      </c>
      <c r="C2058" s="5" t="s">
        <v>4650</v>
      </c>
      <c r="D2058" s="1" t="s">
        <v>902</v>
      </c>
      <c r="E2058" s="5" t="s">
        <v>13468</v>
      </c>
      <c r="F2058" s="6">
        <v>2105</v>
      </c>
    </row>
    <row r="2059" spans="1:6" x14ac:dyDescent="0.25">
      <c r="A2059" s="4" t="s">
        <v>361</v>
      </c>
      <c r="B2059" s="1" t="s">
        <v>3158</v>
      </c>
      <c r="C2059" s="5" t="s">
        <v>3861</v>
      </c>
      <c r="D2059" s="1" t="s">
        <v>361</v>
      </c>
      <c r="E2059" s="5" t="s">
        <v>12362</v>
      </c>
      <c r="F2059" s="6">
        <v>868</v>
      </c>
    </row>
    <row r="2060" spans="1:6" x14ac:dyDescent="0.25">
      <c r="A2060" s="4" t="s">
        <v>768</v>
      </c>
      <c r="B2060" s="1" t="s">
        <v>3158</v>
      </c>
      <c r="C2060" s="5" t="s">
        <v>4489</v>
      </c>
      <c r="D2060" s="1" t="s">
        <v>768</v>
      </c>
      <c r="E2060" s="5" t="s">
        <v>13260</v>
      </c>
      <c r="F2060" s="6">
        <v>1893</v>
      </c>
    </row>
    <row r="2061" spans="1:6" x14ac:dyDescent="0.25">
      <c r="A2061" s="4" t="s">
        <v>2399</v>
      </c>
      <c r="B2061" s="1" t="s">
        <v>3158</v>
      </c>
      <c r="C2061" s="5" t="s">
        <v>6224</v>
      </c>
      <c r="D2061" s="1" t="s">
        <v>9844</v>
      </c>
      <c r="E2061" s="5" t="s">
        <v>15768</v>
      </c>
      <c r="F2061" s="6">
        <v>4674</v>
      </c>
    </row>
    <row r="2062" spans="1:6" x14ac:dyDescent="0.25">
      <c r="A2062" s="4" t="s">
        <v>565</v>
      </c>
      <c r="B2062" s="1" t="s">
        <v>3150</v>
      </c>
      <c r="C2062" s="5">
        <v>686631</v>
      </c>
      <c r="D2062" s="1" t="s">
        <v>565</v>
      </c>
      <c r="E2062" s="5" t="s">
        <v>12901</v>
      </c>
      <c r="F2062" s="6">
        <v>1503</v>
      </c>
    </row>
    <row r="2063" spans="1:6" x14ac:dyDescent="0.25">
      <c r="A2063" s="4" t="s">
        <v>356</v>
      </c>
      <c r="B2063" s="1" t="s">
        <v>3158</v>
      </c>
      <c r="C2063" s="5" t="s">
        <v>3856</v>
      </c>
      <c r="D2063" s="1" t="s">
        <v>356</v>
      </c>
      <c r="E2063" s="5" t="s">
        <v>12357</v>
      </c>
      <c r="F2063" s="6">
        <v>862</v>
      </c>
    </row>
    <row r="2064" spans="1:6" x14ac:dyDescent="0.25">
      <c r="A2064" s="4" t="s">
        <v>356</v>
      </c>
      <c r="B2064" s="1" t="s">
        <v>3158</v>
      </c>
      <c r="C2064" s="5" t="s">
        <v>3856</v>
      </c>
      <c r="D2064" s="1" t="s">
        <v>10436</v>
      </c>
      <c r="E2064" s="5" t="s">
        <v>16585</v>
      </c>
      <c r="F2064" s="6">
        <v>6298</v>
      </c>
    </row>
    <row r="2065" spans="1:6" x14ac:dyDescent="0.25">
      <c r="A2065" s="4" t="s">
        <v>2345</v>
      </c>
      <c r="B2065" s="1" t="s">
        <v>3156</v>
      </c>
      <c r="C2065" s="5" t="s">
        <v>6131</v>
      </c>
      <c r="D2065" s="1" t="s">
        <v>2345</v>
      </c>
      <c r="E2065" s="5" t="s">
        <v>15587</v>
      </c>
      <c r="F2065" s="6">
        <v>4329</v>
      </c>
    </row>
    <row r="2066" spans="1:6" x14ac:dyDescent="0.25">
      <c r="A2066" s="4" t="s">
        <v>46</v>
      </c>
      <c r="B2066" s="1" t="s">
        <v>3154</v>
      </c>
      <c r="C2066" s="5" t="s">
        <v>3277</v>
      </c>
      <c r="D2066" s="1" t="s">
        <v>7405</v>
      </c>
      <c r="E2066" s="5" t="s">
        <v>11680</v>
      </c>
      <c r="F2066" s="6">
        <v>93</v>
      </c>
    </row>
    <row r="2067" spans="1:6" x14ac:dyDescent="0.25">
      <c r="A2067" s="4" t="s">
        <v>46</v>
      </c>
      <c r="B2067" s="1" t="s">
        <v>3154</v>
      </c>
      <c r="C2067" s="5" t="s">
        <v>3277</v>
      </c>
      <c r="D2067" s="1" t="s">
        <v>7562</v>
      </c>
      <c r="E2067" s="5" t="s">
        <v>11848</v>
      </c>
      <c r="F2067" s="6">
        <v>279</v>
      </c>
    </row>
    <row r="2068" spans="1:6" x14ac:dyDescent="0.25">
      <c r="A2068" s="4" t="s">
        <v>46</v>
      </c>
      <c r="B2068" s="1" t="s">
        <v>3154</v>
      </c>
      <c r="C2068" s="5" t="s">
        <v>3532</v>
      </c>
      <c r="D2068" s="1" t="s">
        <v>7671</v>
      </c>
      <c r="E2068" s="5" t="s">
        <v>11963</v>
      </c>
      <c r="F2068" s="6">
        <v>396</v>
      </c>
    </row>
    <row r="2069" spans="1:6" x14ac:dyDescent="0.25">
      <c r="A2069" s="4" t="s">
        <v>46</v>
      </c>
      <c r="B2069" s="1" t="s">
        <v>3154</v>
      </c>
      <c r="C2069" s="5" t="s">
        <v>3277</v>
      </c>
      <c r="D2069" s="1" t="s">
        <v>7840</v>
      </c>
      <c r="E2069" s="5" t="s">
        <v>12143</v>
      </c>
      <c r="F2069" s="6">
        <v>615</v>
      </c>
    </row>
    <row r="2070" spans="1:6" x14ac:dyDescent="0.25">
      <c r="A2070" s="4" t="s">
        <v>46</v>
      </c>
      <c r="B2070" s="1" t="s">
        <v>3154</v>
      </c>
      <c r="C2070" s="5" t="s">
        <v>3277</v>
      </c>
      <c r="D2070" s="1" t="s">
        <v>7843</v>
      </c>
      <c r="E2070" s="5" t="s">
        <v>12146</v>
      </c>
      <c r="F2070" s="6">
        <v>619</v>
      </c>
    </row>
    <row r="2071" spans="1:6" x14ac:dyDescent="0.25">
      <c r="A2071" s="4" t="s">
        <v>46</v>
      </c>
      <c r="B2071" s="1" t="s">
        <v>3154</v>
      </c>
      <c r="C2071" s="5" t="s">
        <v>3738</v>
      </c>
      <c r="D2071" s="1" t="s">
        <v>7912</v>
      </c>
      <c r="E2071" s="5" t="s">
        <v>12222</v>
      </c>
      <c r="F2071" s="6">
        <v>707</v>
      </c>
    </row>
    <row r="2072" spans="1:6" x14ac:dyDescent="0.25">
      <c r="A2072" s="4" t="s">
        <v>46</v>
      </c>
      <c r="B2072" s="1" t="s">
        <v>3154</v>
      </c>
      <c r="C2072" s="5" t="s">
        <v>4181</v>
      </c>
      <c r="D2072" s="1" t="s">
        <v>8426</v>
      </c>
      <c r="E2072" s="5" t="s">
        <v>12865</v>
      </c>
      <c r="F2072" s="6">
        <v>1466</v>
      </c>
    </row>
    <row r="2073" spans="1:6" x14ac:dyDescent="0.25">
      <c r="A2073" s="4" t="s">
        <v>46</v>
      </c>
      <c r="B2073" s="1" t="s">
        <v>3154</v>
      </c>
      <c r="C2073" s="5" t="s">
        <v>4256</v>
      </c>
      <c r="D2073" s="1" t="s">
        <v>8495</v>
      </c>
      <c r="E2073" s="5" t="s">
        <v>12959</v>
      </c>
      <c r="F2073" s="6">
        <v>1568</v>
      </c>
    </row>
    <row r="2074" spans="1:6" x14ac:dyDescent="0.25">
      <c r="A2074" s="4" t="s">
        <v>46</v>
      </c>
      <c r="B2074" s="1" t="s">
        <v>3154</v>
      </c>
      <c r="C2074" s="5" t="s">
        <v>4360</v>
      </c>
      <c r="D2074" s="1" t="s">
        <v>8588</v>
      </c>
      <c r="E2074" s="5" t="s">
        <v>13100</v>
      </c>
      <c r="F2074" s="6">
        <v>1733</v>
      </c>
    </row>
    <row r="2075" spans="1:6" x14ac:dyDescent="0.25">
      <c r="A2075" s="4" t="s">
        <v>46</v>
      </c>
      <c r="B2075" s="1" t="s">
        <v>3154</v>
      </c>
      <c r="C2075" s="5" t="s">
        <v>3277</v>
      </c>
      <c r="D2075" s="1" t="s">
        <v>8877</v>
      </c>
      <c r="E2075" s="5" t="s">
        <v>13795</v>
      </c>
      <c r="F2075" s="6">
        <v>2445</v>
      </c>
    </row>
    <row r="2076" spans="1:6" x14ac:dyDescent="0.25">
      <c r="A2076" s="4" t="s">
        <v>46</v>
      </c>
      <c r="B2076" s="1" t="s">
        <v>3154</v>
      </c>
      <c r="C2076" s="5" t="s">
        <v>5018</v>
      </c>
      <c r="D2076" s="1" t="s">
        <v>8924</v>
      </c>
      <c r="E2076" s="5" t="s">
        <v>13884</v>
      </c>
      <c r="F2076" s="6">
        <v>2535</v>
      </c>
    </row>
    <row r="2077" spans="1:6" x14ac:dyDescent="0.25">
      <c r="A2077" s="4" t="s">
        <v>46</v>
      </c>
      <c r="B2077" s="1" t="s">
        <v>3154</v>
      </c>
      <c r="C2077" s="5" t="s">
        <v>4360</v>
      </c>
      <c r="D2077" s="1" t="s">
        <v>9565</v>
      </c>
      <c r="E2077" s="5" t="s">
        <v>15394</v>
      </c>
      <c r="F2077" s="6">
        <v>4131</v>
      </c>
    </row>
    <row r="2078" spans="1:6" x14ac:dyDescent="0.25">
      <c r="A2078" s="4" t="s">
        <v>46</v>
      </c>
      <c r="B2078" s="1" t="s">
        <v>3154</v>
      </c>
      <c r="C2078" s="5" t="s">
        <v>6583</v>
      </c>
      <c r="D2078" s="1" t="s">
        <v>10363</v>
      </c>
      <c r="E2078" s="5" t="s">
        <v>16483</v>
      </c>
      <c r="F2078" s="6">
        <v>6023</v>
      </c>
    </row>
    <row r="2079" spans="1:6" x14ac:dyDescent="0.25">
      <c r="A2079" s="4" t="s">
        <v>46</v>
      </c>
      <c r="B2079" s="1" t="s">
        <v>3154</v>
      </c>
      <c r="C2079" s="5" t="s">
        <v>6760</v>
      </c>
      <c r="D2079" s="1" t="s">
        <v>10618</v>
      </c>
      <c r="E2079" s="5" t="s">
        <v>16825</v>
      </c>
      <c r="F2079" s="6">
        <v>7044</v>
      </c>
    </row>
    <row r="2080" spans="1:6" x14ac:dyDescent="0.25">
      <c r="A2080" s="4" t="s">
        <v>46</v>
      </c>
      <c r="B2080" s="1" t="s">
        <v>3154</v>
      </c>
      <c r="C2080" s="5" t="s">
        <v>5138</v>
      </c>
      <c r="D2080" s="1" t="s">
        <v>10650</v>
      </c>
      <c r="E2080" s="5" t="s">
        <v>16866</v>
      </c>
      <c r="F2080" s="6">
        <v>7122</v>
      </c>
    </row>
    <row r="2081" spans="1:6" x14ac:dyDescent="0.25">
      <c r="A2081" s="4" t="s">
        <v>46</v>
      </c>
      <c r="B2081" s="1" t="s">
        <v>3154</v>
      </c>
      <c r="C2081" s="5" t="s">
        <v>6583</v>
      </c>
      <c r="D2081" s="1" t="s">
        <v>10653</v>
      </c>
      <c r="E2081" s="5" t="s">
        <v>16869</v>
      </c>
      <c r="F2081" s="6">
        <v>7128</v>
      </c>
    </row>
    <row r="2082" spans="1:6" x14ac:dyDescent="0.25">
      <c r="A2082" s="4" t="s">
        <v>46</v>
      </c>
      <c r="B2082" s="1" t="s">
        <v>3154</v>
      </c>
      <c r="C2082" s="5" t="s">
        <v>3277</v>
      </c>
      <c r="D2082" s="1" t="s">
        <v>10656</v>
      </c>
      <c r="E2082" s="5" t="s">
        <v>16872</v>
      </c>
      <c r="F2082" s="6">
        <v>7135</v>
      </c>
    </row>
    <row r="2083" spans="1:6" x14ac:dyDescent="0.25">
      <c r="A2083" s="4" t="s">
        <v>46</v>
      </c>
      <c r="B2083" s="1" t="s">
        <v>3154</v>
      </c>
      <c r="C2083" s="5" t="s">
        <v>4360</v>
      </c>
      <c r="D2083" s="1" t="s">
        <v>10779</v>
      </c>
      <c r="E2083" s="5" t="s">
        <v>17038</v>
      </c>
      <c r="F2083" s="6">
        <v>7652</v>
      </c>
    </row>
    <row r="2084" spans="1:6" x14ac:dyDescent="0.25">
      <c r="A2084" s="4" t="s">
        <v>46</v>
      </c>
      <c r="B2084" s="1" t="s">
        <v>3154</v>
      </c>
      <c r="C2084" s="5">
        <v>121002</v>
      </c>
      <c r="D2084" s="1" t="s">
        <v>10949</v>
      </c>
      <c r="E2084" s="5" t="s">
        <v>17247</v>
      </c>
      <c r="F2084" s="6">
        <v>8303</v>
      </c>
    </row>
    <row r="2085" spans="1:6" x14ac:dyDescent="0.25">
      <c r="A2085" s="4" t="s">
        <v>46</v>
      </c>
      <c r="B2085" s="1" t="s">
        <v>3154</v>
      </c>
      <c r="C2085" s="5" t="s">
        <v>5138</v>
      </c>
      <c r="D2085" s="1" t="s">
        <v>11458</v>
      </c>
      <c r="E2085" s="5" t="s">
        <v>17893</v>
      </c>
      <c r="F2085" s="6">
        <v>9522</v>
      </c>
    </row>
    <row r="2086" spans="1:6" x14ac:dyDescent="0.25">
      <c r="A2086" s="4" t="s">
        <v>519</v>
      </c>
      <c r="B2086" s="1" t="s">
        <v>3152</v>
      </c>
      <c r="C2086" s="5" t="s">
        <v>4153</v>
      </c>
      <c r="D2086" s="1" t="s">
        <v>519</v>
      </c>
      <c r="E2086" s="5" t="s">
        <v>12815</v>
      </c>
      <c r="F2086" s="6">
        <v>1414</v>
      </c>
    </row>
    <row r="2087" spans="1:6" x14ac:dyDescent="0.25">
      <c r="A2087" s="4" t="s">
        <v>519</v>
      </c>
      <c r="B2087" s="1" t="s">
        <v>3152</v>
      </c>
      <c r="C2087" s="5" t="s">
        <v>6783</v>
      </c>
      <c r="D2087" s="1" t="s">
        <v>10660</v>
      </c>
      <c r="E2087" s="5" t="s">
        <v>16877</v>
      </c>
      <c r="F2087" s="6">
        <v>7143</v>
      </c>
    </row>
    <row r="2088" spans="1:6" x14ac:dyDescent="0.25">
      <c r="A2088" s="4" t="s">
        <v>519</v>
      </c>
      <c r="B2088" s="1" t="s">
        <v>3152</v>
      </c>
      <c r="C2088" s="5" t="s">
        <v>4153</v>
      </c>
      <c r="D2088" s="1" t="s">
        <v>11204</v>
      </c>
      <c r="E2088" s="5" t="s">
        <v>17591</v>
      </c>
      <c r="F2088" s="6">
        <v>9206</v>
      </c>
    </row>
    <row r="2089" spans="1:6" x14ac:dyDescent="0.25">
      <c r="A2089" s="4" t="s">
        <v>2365</v>
      </c>
      <c r="B2089" s="1" t="s">
        <v>3158</v>
      </c>
      <c r="C2089" s="5" t="s">
        <v>6160</v>
      </c>
      <c r="D2089" s="1" t="s">
        <v>9734</v>
      </c>
      <c r="E2089" s="5" t="s">
        <v>15639</v>
      </c>
      <c r="F2089" s="6">
        <v>4381</v>
      </c>
    </row>
    <row r="2090" spans="1:6" x14ac:dyDescent="0.25">
      <c r="A2090" s="4" t="s">
        <v>2368</v>
      </c>
      <c r="B2090" s="1" t="s">
        <v>3158</v>
      </c>
      <c r="C2090" s="5" t="s">
        <v>6166</v>
      </c>
      <c r="D2090" s="1" t="s">
        <v>9765</v>
      </c>
      <c r="E2090" s="5" t="s">
        <v>15671</v>
      </c>
      <c r="F2090" s="6">
        <v>4418</v>
      </c>
    </row>
    <row r="2091" spans="1:6" x14ac:dyDescent="0.25">
      <c r="A2091" s="4" t="s">
        <v>2368</v>
      </c>
      <c r="B2091" s="1" t="s">
        <v>3158</v>
      </c>
      <c r="C2091" s="5" t="s">
        <v>7080</v>
      </c>
      <c r="D2091" s="1" t="s">
        <v>11176</v>
      </c>
      <c r="E2091" s="5" t="s">
        <v>17552</v>
      </c>
      <c r="F2091" s="6">
        <v>9166</v>
      </c>
    </row>
    <row r="2092" spans="1:6" x14ac:dyDescent="0.25">
      <c r="A2092" s="4" t="s">
        <v>1530</v>
      </c>
      <c r="B2092" s="1" t="s">
        <v>3154</v>
      </c>
      <c r="C2092" s="5" t="s">
        <v>5350</v>
      </c>
      <c r="D2092" s="1" t="s">
        <v>9125</v>
      </c>
      <c r="E2092" s="5" t="s">
        <v>14310</v>
      </c>
      <c r="F2092" s="6">
        <v>2972</v>
      </c>
    </row>
    <row r="2093" spans="1:6" x14ac:dyDescent="0.25">
      <c r="A2093" s="4" t="s">
        <v>243</v>
      </c>
      <c r="B2093" s="1" t="s">
        <v>3154</v>
      </c>
      <c r="C2093" s="5" t="s">
        <v>3669</v>
      </c>
      <c r="D2093" s="1" t="s">
        <v>7833</v>
      </c>
      <c r="E2093" s="5" t="s">
        <v>12136</v>
      </c>
      <c r="F2093" s="6">
        <v>604</v>
      </c>
    </row>
    <row r="2094" spans="1:6" x14ac:dyDescent="0.25">
      <c r="A2094" s="4" t="s">
        <v>243</v>
      </c>
      <c r="B2094" s="1" t="s">
        <v>3154</v>
      </c>
      <c r="C2094" s="5" t="s">
        <v>5354</v>
      </c>
      <c r="D2094" s="1" t="s">
        <v>9127</v>
      </c>
      <c r="E2094" s="5" t="s">
        <v>14314</v>
      </c>
      <c r="F2094" s="6">
        <v>2976</v>
      </c>
    </row>
    <row r="2095" spans="1:6" x14ac:dyDescent="0.25">
      <c r="A2095" s="4" t="s">
        <v>243</v>
      </c>
      <c r="B2095" s="1" t="s">
        <v>3158</v>
      </c>
      <c r="C2095" s="5" t="s">
        <v>5411</v>
      </c>
      <c r="D2095" s="1" t="s">
        <v>243</v>
      </c>
      <c r="E2095" s="5" t="s">
        <v>14376</v>
      </c>
      <c r="F2095" s="6">
        <v>3042</v>
      </c>
    </row>
    <row r="2096" spans="1:6" x14ac:dyDescent="0.25">
      <c r="A2096" s="4" t="s">
        <v>243</v>
      </c>
      <c r="B2096" s="1" t="s">
        <v>3152</v>
      </c>
      <c r="C2096" s="5" t="s">
        <v>5515</v>
      </c>
      <c r="D2096" s="1" t="s">
        <v>9172</v>
      </c>
      <c r="E2096" s="5" t="s">
        <v>14534</v>
      </c>
      <c r="F2096" s="6">
        <v>3222</v>
      </c>
    </row>
    <row r="2097" spans="1:6" x14ac:dyDescent="0.25">
      <c r="A2097" s="4" t="s">
        <v>243</v>
      </c>
      <c r="B2097" s="1" t="s">
        <v>3154</v>
      </c>
      <c r="C2097" s="5" t="s">
        <v>4196</v>
      </c>
      <c r="D2097" s="1" t="s">
        <v>9362</v>
      </c>
      <c r="E2097" s="5" t="s">
        <v>15078</v>
      </c>
      <c r="F2097" s="6">
        <v>3806</v>
      </c>
    </row>
    <row r="2098" spans="1:6" x14ac:dyDescent="0.25">
      <c r="A2098" s="4" t="s">
        <v>243</v>
      </c>
      <c r="B2098" s="1" t="s">
        <v>3154</v>
      </c>
      <c r="C2098" s="5" t="s">
        <v>3669</v>
      </c>
      <c r="D2098" s="1" t="s">
        <v>10744</v>
      </c>
      <c r="E2098" s="5" t="s">
        <v>16990</v>
      </c>
      <c r="F2098" s="6">
        <v>7512</v>
      </c>
    </row>
    <row r="2099" spans="1:6" x14ac:dyDescent="0.25">
      <c r="A2099" s="4" t="s">
        <v>769</v>
      </c>
      <c r="B2099" s="1" t="s">
        <v>3158</v>
      </c>
      <c r="C2099" s="5" t="s">
        <v>4490</v>
      </c>
      <c r="D2099" s="1" t="s">
        <v>8673</v>
      </c>
      <c r="E2099" s="5" t="s">
        <v>13261</v>
      </c>
      <c r="F2099" s="6">
        <v>1894</v>
      </c>
    </row>
    <row r="2100" spans="1:6" x14ac:dyDescent="0.25">
      <c r="A2100" s="4" t="s">
        <v>975</v>
      </c>
      <c r="B2100" s="1" t="s">
        <v>3152</v>
      </c>
      <c r="C2100" s="5" t="s">
        <v>4721</v>
      </c>
      <c r="D2100" s="1" t="s">
        <v>8796</v>
      </c>
      <c r="E2100" s="5" t="s">
        <v>13542</v>
      </c>
      <c r="F2100" s="6">
        <v>2182</v>
      </c>
    </row>
    <row r="2101" spans="1:6" x14ac:dyDescent="0.25">
      <c r="A2101" s="4" t="s">
        <v>1721</v>
      </c>
      <c r="B2101" s="1" t="s">
        <v>3152</v>
      </c>
      <c r="C2101" s="5" t="s">
        <v>5503</v>
      </c>
      <c r="D2101" s="1" t="s">
        <v>1721</v>
      </c>
      <c r="E2101" s="5" t="s">
        <v>14518</v>
      </c>
      <c r="F2101" s="6">
        <v>3206</v>
      </c>
    </row>
    <row r="2102" spans="1:6" x14ac:dyDescent="0.25">
      <c r="A2102" s="4" t="s">
        <v>1984</v>
      </c>
      <c r="B2102" s="1" t="s">
        <v>3152</v>
      </c>
      <c r="C2102" s="5" t="s">
        <v>4882</v>
      </c>
      <c r="D2102" s="1" t="s">
        <v>1984</v>
      </c>
      <c r="E2102" s="5" t="s">
        <v>14821</v>
      </c>
      <c r="F2102" s="6">
        <v>3533</v>
      </c>
    </row>
    <row r="2103" spans="1:6" x14ac:dyDescent="0.25">
      <c r="A2103" s="4" t="s">
        <v>174</v>
      </c>
      <c r="B2103" s="1" t="s">
        <v>3152</v>
      </c>
      <c r="C2103" s="5" t="s">
        <v>3487</v>
      </c>
      <c r="D2103" s="1" t="s">
        <v>7620</v>
      </c>
      <c r="E2103" s="5" t="s">
        <v>11909</v>
      </c>
      <c r="F2103" s="6">
        <v>342</v>
      </c>
    </row>
    <row r="2104" spans="1:6" x14ac:dyDescent="0.25">
      <c r="A2104" s="4" t="s">
        <v>174</v>
      </c>
      <c r="B2104" s="1" t="s">
        <v>3152</v>
      </c>
      <c r="C2104" s="5" t="s">
        <v>3809</v>
      </c>
      <c r="D2104" s="1" t="s">
        <v>7986</v>
      </c>
      <c r="E2104" s="5" t="s">
        <v>12305</v>
      </c>
      <c r="F2104" s="6">
        <v>800</v>
      </c>
    </row>
    <row r="2105" spans="1:6" x14ac:dyDescent="0.25">
      <c r="A2105" s="4" t="s">
        <v>174</v>
      </c>
      <c r="B2105" s="1" t="s">
        <v>3152</v>
      </c>
      <c r="C2105" s="5" t="s">
        <v>3812</v>
      </c>
      <c r="D2105" s="1" t="s">
        <v>7989</v>
      </c>
      <c r="E2105" s="5" t="s">
        <v>12308</v>
      </c>
      <c r="F2105" s="6">
        <v>803</v>
      </c>
    </row>
    <row r="2106" spans="1:6" x14ac:dyDescent="0.25">
      <c r="A2106" s="4" t="s">
        <v>1534</v>
      </c>
      <c r="B2106" s="1" t="s">
        <v>3152</v>
      </c>
      <c r="C2106" s="5" t="s">
        <v>3291</v>
      </c>
      <c r="D2106" s="1" t="s">
        <v>1534</v>
      </c>
      <c r="E2106" s="5" t="s">
        <v>14315</v>
      </c>
      <c r="F2106" s="6">
        <v>2977</v>
      </c>
    </row>
    <row r="2107" spans="1:6" x14ac:dyDescent="0.25">
      <c r="A2107" s="4" t="s">
        <v>2975</v>
      </c>
      <c r="B2107" s="1" t="s">
        <v>3156</v>
      </c>
      <c r="C2107" s="5" t="s">
        <v>7012</v>
      </c>
      <c r="D2107" s="1" t="s">
        <v>2975</v>
      </c>
      <c r="E2107" s="5" t="s">
        <v>17437</v>
      </c>
      <c r="F2107" s="6">
        <v>9047</v>
      </c>
    </row>
    <row r="2108" spans="1:6" x14ac:dyDescent="0.25">
      <c r="A2108" s="4" t="s">
        <v>1907</v>
      </c>
      <c r="B2108" s="1" t="s">
        <v>3152</v>
      </c>
      <c r="C2108" s="5" t="s">
        <v>4018</v>
      </c>
      <c r="D2108" s="1" t="s">
        <v>1907</v>
      </c>
      <c r="E2108" s="5" t="s">
        <v>14740</v>
      </c>
      <c r="F2108" s="6">
        <v>3451</v>
      </c>
    </row>
    <row r="2109" spans="1:6" x14ac:dyDescent="0.25">
      <c r="A2109" s="4" t="s">
        <v>1315</v>
      </c>
      <c r="B2109" s="1" t="s">
        <v>3158</v>
      </c>
      <c r="C2109" s="5" t="s">
        <v>5100</v>
      </c>
      <c r="D2109" s="1" t="s">
        <v>8973</v>
      </c>
      <c r="E2109" s="5" t="s">
        <v>13986</v>
      </c>
      <c r="F2109" s="6">
        <v>2640</v>
      </c>
    </row>
    <row r="2110" spans="1:6" x14ac:dyDescent="0.25">
      <c r="A2110" s="4" t="s">
        <v>770</v>
      </c>
      <c r="B2110" s="1" t="s">
        <v>3158</v>
      </c>
      <c r="C2110" s="5" t="s">
        <v>4491</v>
      </c>
      <c r="D2110" s="1" t="s">
        <v>8674</v>
      </c>
      <c r="E2110" s="5" t="s">
        <v>13262</v>
      </c>
      <c r="F2110" s="6">
        <v>1895</v>
      </c>
    </row>
    <row r="2111" spans="1:6" x14ac:dyDescent="0.25">
      <c r="A2111" s="4" t="s">
        <v>1330</v>
      </c>
      <c r="B2111" s="1" t="s">
        <v>3156</v>
      </c>
      <c r="C2111" s="5" t="s">
        <v>5117</v>
      </c>
      <c r="D2111" s="1" t="s">
        <v>8982</v>
      </c>
      <c r="E2111" s="5" t="s">
        <v>14007</v>
      </c>
      <c r="F2111" s="6">
        <v>2661</v>
      </c>
    </row>
    <row r="2112" spans="1:6" x14ac:dyDescent="0.25">
      <c r="A2112" s="4" t="s">
        <v>1591</v>
      </c>
      <c r="B2112" s="1" t="s">
        <v>1147</v>
      </c>
      <c r="C2112" s="5" t="s">
        <v>5412</v>
      </c>
      <c r="D2112" s="1" t="s">
        <v>1591</v>
      </c>
      <c r="E2112" s="5" t="s">
        <v>14377</v>
      </c>
      <c r="F2112" s="6">
        <v>3043</v>
      </c>
    </row>
    <row r="2113" spans="1:6" x14ac:dyDescent="0.25">
      <c r="A2113" s="4" t="s">
        <v>1971</v>
      </c>
      <c r="B2113" s="1" t="s">
        <v>3154</v>
      </c>
      <c r="C2113" s="5" t="s">
        <v>5694</v>
      </c>
      <c r="D2113" s="1" t="s">
        <v>1971</v>
      </c>
      <c r="E2113" s="5" t="s">
        <v>14808</v>
      </c>
      <c r="F2113" s="6">
        <v>3520</v>
      </c>
    </row>
    <row r="2114" spans="1:6" x14ac:dyDescent="0.25">
      <c r="A2114" s="4" t="s">
        <v>259</v>
      </c>
      <c r="B2114" s="1" t="s">
        <v>3152</v>
      </c>
      <c r="C2114" s="5" t="s">
        <v>3697</v>
      </c>
      <c r="D2114" s="1" t="s">
        <v>7868</v>
      </c>
      <c r="E2114" s="5" t="s">
        <v>12173</v>
      </c>
      <c r="F2114" s="6">
        <v>647</v>
      </c>
    </row>
    <row r="2115" spans="1:6" x14ac:dyDescent="0.25">
      <c r="A2115" s="4" t="s">
        <v>259</v>
      </c>
      <c r="B2115" s="1" t="s">
        <v>3152</v>
      </c>
      <c r="C2115" s="5" t="s">
        <v>3697</v>
      </c>
      <c r="D2115" s="1" t="s">
        <v>9410</v>
      </c>
      <c r="E2115" s="5" t="s">
        <v>15156</v>
      </c>
      <c r="F2115" s="6">
        <v>3887</v>
      </c>
    </row>
    <row r="2116" spans="1:6" x14ac:dyDescent="0.25">
      <c r="A2116" s="4" t="s">
        <v>259</v>
      </c>
      <c r="B2116" s="1" t="s">
        <v>3152</v>
      </c>
      <c r="C2116" s="5" t="s">
        <v>3697</v>
      </c>
      <c r="D2116" s="1" t="s">
        <v>9647</v>
      </c>
      <c r="E2116" s="5" t="s">
        <v>15515</v>
      </c>
      <c r="F2116" s="6">
        <v>4253</v>
      </c>
    </row>
    <row r="2117" spans="1:6" x14ac:dyDescent="0.25">
      <c r="A2117" s="4" t="s">
        <v>259</v>
      </c>
      <c r="B2117" s="1" t="s">
        <v>3152</v>
      </c>
      <c r="C2117" s="5" t="s">
        <v>6330</v>
      </c>
      <c r="D2117" s="1" t="s">
        <v>9986</v>
      </c>
      <c r="E2117" s="5" t="s">
        <v>15951</v>
      </c>
      <c r="F2117" s="6">
        <v>4870</v>
      </c>
    </row>
    <row r="2118" spans="1:6" x14ac:dyDescent="0.25">
      <c r="A2118" s="4" t="s">
        <v>259</v>
      </c>
      <c r="B2118" s="1" t="s">
        <v>3152</v>
      </c>
      <c r="C2118" s="5" t="s">
        <v>3697</v>
      </c>
      <c r="D2118" s="1" t="s">
        <v>10556</v>
      </c>
      <c r="E2118" s="5" t="s">
        <v>16743</v>
      </c>
      <c r="F2118" s="6">
        <v>6788</v>
      </c>
    </row>
    <row r="2119" spans="1:6" x14ac:dyDescent="0.25">
      <c r="A2119" s="4" t="s">
        <v>157</v>
      </c>
      <c r="B2119" s="1" t="s">
        <v>3152</v>
      </c>
      <c r="C2119" s="5" t="s">
        <v>3451</v>
      </c>
      <c r="D2119" s="1" t="s">
        <v>7582</v>
      </c>
      <c r="E2119" s="5" t="s">
        <v>11869</v>
      </c>
      <c r="F2119" s="6">
        <v>301</v>
      </c>
    </row>
    <row r="2120" spans="1:6" x14ac:dyDescent="0.25">
      <c r="A2120" s="4" t="s">
        <v>157</v>
      </c>
      <c r="B2120" s="1" t="s">
        <v>3152</v>
      </c>
      <c r="C2120" s="5" t="s">
        <v>4154</v>
      </c>
      <c r="D2120" s="1" t="s">
        <v>8385</v>
      </c>
      <c r="E2120" s="5" t="s">
        <v>12816</v>
      </c>
      <c r="F2120" s="6">
        <v>1415</v>
      </c>
    </row>
    <row r="2121" spans="1:6" x14ac:dyDescent="0.25">
      <c r="A2121" s="4" t="s">
        <v>157</v>
      </c>
      <c r="B2121" s="1" t="s">
        <v>3152</v>
      </c>
      <c r="C2121" s="5" t="s">
        <v>6799</v>
      </c>
      <c r="D2121" s="1" t="s">
        <v>10681</v>
      </c>
      <c r="E2121" s="5" t="s">
        <v>16904</v>
      </c>
      <c r="F2121" s="6">
        <v>7212</v>
      </c>
    </row>
    <row r="2122" spans="1:6" x14ac:dyDescent="0.25">
      <c r="A2122" s="4" t="s">
        <v>1506</v>
      </c>
      <c r="B2122" s="1" t="s">
        <v>3154</v>
      </c>
      <c r="C2122" s="5" t="s">
        <v>5325</v>
      </c>
      <c r="D2122" s="1" t="s">
        <v>9120</v>
      </c>
      <c r="E2122" s="5" t="s">
        <v>14284</v>
      </c>
      <c r="F2122" s="6">
        <v>2946</v>
      </c>
    </row>
    <row r="2123" spans="1:6" x14ac:dyDescent="0.25">
      <c r="A2123" s="4" t="s">
        <v>1395</v>
      </c>
      <c r="B2123" s="1" t="s">
        <v>3152</v>
      </c>
      <c r="C2123" s="5" t="s">
        <v>5199</v>
      </c>
      <c r="D2123" s="1" t="s">
        <v>1395</v>
      </c>
      <c r="E2123" s="5" t="s">
        <v>14126</v>
      </c>
      <c r="F2123" s="6">
        <v>2783</v>
      </c>
    </row>
    <row r="2124" spans="1:6" x14ac:dyDescent="0.25">
      <c r="A2124" s="4" t="s">
        <v>394</v>
      </c>
      <c r="B2124" s="1" t="s">
        <v>3158</v>
      </c>
      <c r="C2124" s="5" t="s">
        <v>3911</v>
      </c>
      <c r="D2124" s="1" t="s">
        <v>394</v>
      </c>
      <c r="E2124" s="5" t="s">
        <v>12430</v>
      </c>
      <c r="F2124" s="6">
        <v>946</v>
      </c>
    </row>
    <row r="2125" spans="1:6" x14ac:dyDescent="0.25">
      <c r="A2125" s="4" t="s">
        <v>394</v>
      </c>
      <c r="B2125" s="1" t="s">
        <v>3158</v>
      </c>
      <c r="C2125" s="5" t="s">
        <v>6148</v>
      </c>
      <c r="D2125" s="1" t="s">
        <v>9719</v>
      </c>
      <c r="E2125" s="5" t="s">
        <v>15614</v>
      </c>
      <c r="F2125" s="6">
        <v>4356</v>
      </c>
    </row>
    <row r="2126" spans="1:6" x14ac:dyDescent="0.25">
      <c r="A2126" s="4" t="s">
        <v>2864</v>
      </c>
      <c r="B2126" s="1" t="s">
        <v>3152</v>
      </c>
      <c r="C2126" s="5">
        <v>146001</v>
      </c>
      <c r="D2126" s="1" t="s">
        <v>2864</v>
      </c>
      <c r="E2126" s="5" t="s">
        <v>17064</v>
      </c>
      <c r="F2126" s="6">
        <v>7741</v>
      </c>
    </row>
    <row r="2127" spans="1:6" x14ac:dyDescent="0.25">
      <c r="A2127" s="4" t="s">
        <v>965</v>
      </c>
      <c r="B2127" s="1" t="s">
        <v>812</v>
      </c>
      <c r="C2127" s="5" t="s">
        <v>4712</v>
      </c>
      <c r="D2127" s="1" t="s">
        <v>965</v>
      </c>
      <c r="E2127" s="5" t="s">
        <v>13532</v>
      </c>
      <c r="F2127" s="6">
        <v>2171</v>
      </c>
    </row>
    <row r="2128" spans="1:6" x14ac:dyDescent="0.25">
      <c r="A2128" s="4" t="s">
        <v>3080</v>
      </c>
      <c r="B2128" s="1" t="s">
        <v>3148</v>
      </c>
      <c r="C2128" s="5" t="s">
        <v>7234</v>
      </c>
      <c r="D2128" s="1" t="s">
        <v>3080</v>
      </c>
      <c r="E2128" s="5" t="s">
        <v>17901</v>
      </c>
      <c r="F2128" s="6">
        <v>9530</v>
      </c>
    </row>
    <row r="2129" spans="1:6" x14ac:dyDescent="0.25">
      <c r="A2129" s="4" t="s">
        <v>679</v>
      </c>
      <c r="B2129" s="1" t="s">
        <v>3149</v>
      </c>
      <c r="C2129" s="5" t="s">
        <v>4380</v>
      </c>
      <c r="D2129" s="1" t="s">
        <v>679</v>
      </c>
      <c r="E2129" s="5" t="s">
        <v>13129</v>
      </c>
      <c r="F2129" s="6">
        <v>1762</v>
      </c>
    </row>
    <row r="2130" spans="1:6" x14ac:dyDescent="0.25">
      <c r="A2130" s="4" t="s">
        <v>786</v>
      </c>
      <c r="B2130" s="1" t="s">
        <v>3162</v>
      </c>
      <c r="C2130" s="5" t="s">
        <v>4511</v>
      </c>
      <c r="D2130" s="1" t="s">
        <v>786</v>
      </c>
      <c r="E2130" s="5" t="s">
        <v>13287</v>
      </c>
      <c r="F2130" s="6">
        <v>1920</v>
      </c>
    </row>
    <row r="2131" spans="1:6" x14ac:dyDescent="0.25">
      <c r="A2131" s="4" t="s">
        <v>3103</v>
      </c>
      <c r="B2131" s="1" t="s">
        <v>3153</v>
      </c>
      <c r="C2131" s="5" t="s">
        <v>7260</v>
      </c>
      <c r="D2131" s="1" t="s">
        <v>3103</v>
      </c>
      <c r="E2131" s="5" t="s">
        <v>17934</v>
      </c>
      <c r="F2131" s="6">
        <v>9565</v>
      </c>
    </row>
    <row r="2132" spans="1:6" x14ac:dyDescent="0.25">
      <c r="A2132" s="4" t="s">
        <v>3094</v>
      </c>
      <c r="B2132" s="1" t="s">
        <v>3144</v>
      </c>
      <c r="C2132" s="5" t="s">
        <v>7250</v>
      </c>
      <c r="D2132" s="1" t="s">
        <v>3094</v>
      </c>
      <c r="E2132" s="5" t="s">
        <v>17924</v>
      </c>
      <c r="F2132" s="6">
        <v>9554</v>
      </c>
    </row>
    <row r="2133" spans="1:6" x14ac:dyDescent="0.25">
      <c r="A2133" s="4" t="s">
        <v>2162</v>
      </c>
      <c r="B2133" s="1" t="s">
        <v>3152</v>
      </c>
      <c r="C2133" s="5" t="s">
        <v>5866</v>
      </c>
      <c r="D2133" s="1" t="s">
        <v>2162</v>
      </c>
      <c r="E2133" s="5" t="s">
        <v>15158</v>
      </c>
      <c r="F2133" s="6">
        <v>3889</v>
      </c>
    </row>
    <row r="2134" spans="1:6" x14ac:dyDescent="0.25">
      <c r="A2134" s="4" t="s">
        <v>917</v>
      </c>
      <c r="B2134" s="1" t="s">
        <v>3144</v>
      </c>
      <c r="C2134" s="5" t="s">
        <v>4665</v>
      </c>
      <c r="D2134" s="1" t="s">
        <v>917</v>
      </c>
      <c r="E2134" s="5" t="s">
        <v>13483</v>
      </c>
      <c r="F2134" s="6">
        <v>2120</v>
      </c>
    </row>
    <row r="2135" spans="1:6" x14ac:dyDescent="0.25">
      <c r="A2135" s="4" t="s">
        <v>921</v>
      </c>
      <c r="B2135" s="1" t="s">
        <v>3144</v>
      </c>
      <c r="C2135" s="5" t="s">
        <v>4669</v>
      </c>
      <c r="D2135" s="1" t="s">
        <v>8783</v>
      </c>
      <c r="E2135" s="5" t="s">
        <v>13487</v>
      </c>
      <c r="F2135" s="6">
        <v>2125</v>
      </c>
    </row>
    <row r="2136" spans="1:6" x14ac:dyDescent="0.25">
      <c r="A2136" s="4" t="s">
        <v>614</v>
      </c>
      <c r="B2136" s="1" t="s">
        <v>3151</v>
      </c>
      <c r="C2136" s="5" t="s">
        <v>4292</v>
      </c>
      <c r="D2136" s="1" t="s">
        <v>614</v>
      </c>
      <c r="E2136" s="5" t="s">
        <v>13006</v>
      </c>
      <c r="F2136" s="6">
        <v>1633</v>
      </c>
    </row>
    <row r="2137" spans="1:6" x14ac:dyDescent="0.25">
      <c r="A2137" s="4" t="s">
        <v>1748</v>
      </c>
      <c r="B2137" s="1" t="s">
        <v>3152</v>
      </c>
      <c r="C2137" s="5" t="s">
        <v>4523</v>
      </c>
      <c r="D2137" s="1" t="s">
        <v>1748</v>
      </c>
      <c r="E2137" s="5" t="s">
        <v>14563</v>
      </c>
      <c r="F2137" s="6">
        <v>3254</v>
      </c>
    </row>
    <row r="2138" spans="1:6" x14ac:dyDescent="0.25">
      <c r="A2138" s="4" t="s">
        <v>1486</v>
      </c>
      <c r="B2138" s="1" t="s">
        <v>3165</v>
      </c>
      <c r="C2138" s="5" t="s">
        <v>5303</v>
      </c>
      <c r="D2138" s="1" t="s">
        <v>1486</v>
      </c>
      <c r="E2138" s="5" t="s">
        <v>14259</v>
      </c>
      <c r="F2138" s="6">
        <v>2920</v>
      </c>
    </row>
    <row r="2139" spans="1:6" x14ac:dyDescent="0.25">
      <c r="A2139" s="4" t="s">
        <v>1941</v>
      </c>
      <c r="B2139" s="1" t="s">
        <v>3160</v>
      </c>
      <c r="C2139" s="5" t="s">
        <v>4425</v>
      </c>
      <c r="D2139" s="1" t="s">
        <v>9220</v>
      </c>
      <c r="E2139" s="5" t="s">
        <v>14775</v>
      </c>
      <c r="F2139" s="6">
        <v>3486</v>
      </c>
    </row>
    <row r="2140" spans="1:6" x14ac:dyDescent="0.25">
      <c r="A2140" s="4" t="s">
        <v>1957</v>
      </c>
      <c r="B2140" s="1" t="s">
        <v>3152</v>
      </c>
      <c r="C2140" s="5" t="s">
        <v>5687</v>
      </c>
      <c r="D2140" s="1" t="s">
        <v>1957</v>
      </c>
      <c r="E2140" s="5" t="s">
        <v>14792</v>
      </c>
      <c r="F2140" s="6">
        <v>3503</v>
      </c>
    </row>
    <row r="2141" spans="1:6" x14ac:dyDescent="0.25">
      <c r="A2141" s="4" t="s">
        <v>2503</v>
      </c>
      <c r="B2141" s="1" t="s">
        <v>3155</v>
      </c>
      <c r="C2141" s="5" t="s">
        <v>6376</v>
      </c>
      <c r="D2141" s="1" t="s">
        <v>2503</v>
      </c>
      <c r="E2141" s="5" t="s">
        <v>16091</v>
      </c>
      <c r="F2141" s="6">
        <v>5138</v>
      </c>
    </row>
    <row r="2142" spans="1:6" x14ac:dyDescent="0.25">
      <c r="A2142" s="4" t="s">
        <v>918</v>
      </c>
      <c r="B2142" s="1" t="s">
        <v>3158</v>
      </c>
      <c r="C2142" s="5" t="s">
        <v>4666</v>
      </c>
      <c r="D2142" s="1" t="s">
        <v>918</v>
      </c>
      <c r="E2142" s="5" t="s">
        <v>13484</v>
      </c>
      <c r="F2142" s="6">
        <v>2121</v>
      </c>
    </row>
    <row r="2143" spans="1:6" x14ac:dyDescent="0.25">
      <c r="A2143" s="4" t="s">
        <v>918</v>
      </c>
      <c r="B2143" s="1" t="s">
        <v>3158</v>
      </c>
      <c r="C2143" s="5" t="s">
        <v>5240</v>
      </c>
      <c r="D2143" s="1" t="s">
        <v>9154</v>
      </c>
      <c r="E2143" s="5" t="s">
        <v>14474</v>
      </c>
      <c r="F2143" s="6">
        <v>3159</v>
      </c>
    </row>
    <row r="2144" spans="1:6" x14ac:dyDescent="0.25">
      <c r="A2144" s="4" t="s">
        <v>1418</v>
      </c>
      <c r="B2144" s="1" t="s">
        <v>3155</v>
      </c>
      <c r="C2144" s="5" t="s">
        <v>5224</v>
      </c>
      <c r="D2144" s="1" t="s">
        <v>1418</v>
      </c>
      <c r="E2144" s="5" t="s">
        <v>14156</v>
      </c>
      <c r="F2144" s="6">
        <v>2813</v>
      </c>
    </row>
    <row r="2145" spans="1:6" x14ac:dyDescent="0.25">
      <c r="A2145" s="4" t="s">
        <v>1418</v>
      </c>
      <c r="B2145" s="1" t="s">
        <v>3155</v>
      </c>
      <c r="C2145" s="5" t="s">
        <v>6954</v>
      </c>
      <c r="D2145" s="1" t="s">
        <v>10995</v>
      </c>
      <c r="E2145" s="5" t="s">
        <v>17307</v>
      </c>
      <c r="F2145" s="6">
        <v>8653</v>
      </c>
    </row>
    <row r="2146" spans="1:6" x14ac:dyDescent="0.25">
      <c r="A2146" s="4" t="s">
        <v>2479</v>
      </c>
      <c r="B2146" s="1" t="s">
        <v>3151</v>
      </c>
      <c r="C2146" s="5" t="s">
        <v>6351</v>
      </c>
      <c r="D2146" s="1" t="s">
        <v>2479</v>
      </c>
      <c r="E2146" s="5" t="s">
        <v>16017</v>
      </c>
      <c r="F2146" s="6">
        <v>4984</v>
      </c>
    </row>
    <row r="2147" spans="1:6" x14ac:dyDescent="0.25">
      <c r="A2147" s="4" t="s">
        <v>2203</v>
      </c>
      <c r="B2147" s="1" t="s">
        <v>3155</v>
      </c>
      <c r="C2147" s="5">
        <v>534198</v>
      </c>
      <c r="D2147" s="1" t="s">
        <v>2203</v>
      </c>
      <c r="E2147" s="5" t="s">
        <v>15268</v>
      </c>
      <c r="F2147" s="6">
        <v>4003</v>
      </c>
    </row>
    <row r="2148" spans="1:6" x14ac:dyDescent="0.25">
      <c r="A2148" s="4" t="s">
        <v>1339</v>
      </c>
      <c r="B2148" s="1" t="s">
        <v>3154</v>
      </c>
      <c r="C2148" s="5" t="s">
        <v>5131</v>
      </c>
      <c r="D2148" s="1" t="s">
        <v>1339</v>
      </c>
      <c r="E2148" s="5" t="s">
        <v>14024</v>
      </c>
      <c r="F2148" s="6">
        <v>2678</v>
      </c>
    </row>
    <row r="2149" spans="1:6" x14ac:dyDescent="0.25">
      <c r="A2149" s="4" t="s">
        <v>976</v>
      </c>
      <c r="B2149" s="1" t="s">
        <v>3163</v>
      </c>
      <c r="C2149" s="5" t="s">
        <v>4722</v>
      </c>
      <c r="D2149" s="1" t="s">
        <v>976</v>
      </c>
      <c r="E2149" s="5" t="s">
        <v>13543</v>
      </c>
      <c r="F2149" s="6">
        <v>2183</v>
      </c>
    </row>
    <row r="2150" spans="1:6" x14ac:dyDescent="0.25">
      <c r="A2150" s="4" t="s">
        <v>119</v>
      </c>
      <c r="B2150" s="1" t="s">
        <v>3147</v>
      </c>
      <c r="C2150" s="5" t="s">
        <v>3381</v>
      </c>
      <c r="D2150" s="1" t="s">
        <v>7506</v>
      </c>
      <c r="E2150" s="5" t="s">
        <v>11790</v>
      </c>
      <c r="F2150" s="6">
        <v>216</v>
      </c>
    </row>
    <row r="2151" spans="1:6" x14ac:dyDescent="0.25">
      <c r="A2151" s="4" t="s">
        <v>119</v>
      </c>
      <c r="B2151" s="1" t="s">
        <v>3147</v>
      </c>
      <c r="C2151" s="5" t="s">
        <v>4084</v>
      </c>
      <c r="D2151" s="1" t="s">
        <v>8272</v>
      </c>
      <c r="E2151" s="5" t="s">
        <v>12680</v>
      </c>
      <c r="F2151" s="6">
        <v>1276</v>
      </c>
    </row>
    <row r="2152" spans="1:6" x14ac:dyDescent="0.25">
      <c r="A2152" s="4" t="s">
        <v>119</v>
      </c>
      <c r="B2152" s="1" t="s">
        <v>3147</v>
      </c>
      <c r="C2152" s="5" t="s">
        <v>3381</v>
      </c>
      <c r="D2152" s="1" t="s">
        <v>9850</v>
      </c>
      <c r="E2152" s="5" t="s">
        <v>15776</v>
      </c>
      <c r="F2152" s="6">
        <v>4682</v>
      </c>
    </row>
    <row r="2153" spans="1:6" x14ac:dyDescent="0.25">
      <c r="A2153" s="4" t="s">
        <v>119</v>
      </c>
      <c r="B2153" s="1" t="s">
        <v>3147</v>
      </c>
      <c r="C2153" s="5" t="s">
        <v>3381</v>
      </c>
      <c r="D2153" s="1" t="s">
        <v>10709</v>
      </c>
      <c r="E2153" s="5" t="s">
        <v>16942</v>
      </c>
      <c r="F2153" s="6">
        <v>7364</v>
      </c>
    </row>
    <row r="2154" spans="1:6" x14ac:dyDescent="0.25">
      <c r="A2154" s="4" t="s">
        <v>119</v>
      </c>
      <c r="B2154" s="1" t="s">
        <v>3147</v>
      </c>
      <c r="C2154" s="5" t="s">
        <v>3381</v>
      </c>
      <c r="D2154" s="1" t="s">
        <v>10758</v>
      </c>
      <c r="E2154" s="5" t="s">
        <v>17008</v>
      </c>
      <c r="F2154" s="6">
        <v>7570</v>
      </c>
    </row>
    <row r="2155" spans="1:6" x14ac:dyDescent="0.25">
      <c r="A2155" s="4" t="s">
        <v>103</v>
      </c>
      <c r="B2155" s="1" t="s">
        <v>3147</v>
      </c>
      <c r="C2155" s="5" t="s">
        <v>3361</v>
      </c>
      <c r="D2155" s="1" t="s">
        <v>7486</v>
      </c>
      <c r="E2155" s="5" t="s">
        <v>11769</v>
      </c>
      <c r="F2155" s="6">
        <v>190</v>
      </c>
    </row>
    <row r="2156" spans="1:6" x14ac:dyDescent="0.25">
      <c r="A2156" s="4" t="s">
        <v>103</v>
      </c>
      <c r="B2156" s="1" t="s">
        <v>3147</v>
      </c>
      <c r="C2156" s="5" t="s">
        <v>4991</v>
      </c>
      <c r="D2156" s="1" t="s">
        <v>8906</v>
      </c>
      <c r="E2156" s="5" t="s">
        <v>13847</v>
      </c>
      <c r="F2156" s="6">
        <v>2497</v>
      </c>
    </row>
    <row r="2157" spans="1:6" x14ac:dyDescent="0.25">
      <c r="A2157" s="4" t="s">
        <v>103</v>
      </c>
      <c r="B2157" s="1" t="s">
        <v>3147</v>
      </c>
      <c r="C2157" s="5" t="s">
        <v>5957</v>
      </c>
      <c r="D2157" s="1" t="s">
        <v>10063</v>
      </c>
      <c r="E2157" s="5" t="s">
        <v>16053</v>
      </c>
      <c r="F2157" s="6">
        <v>5065</v>
      </c>
    </row>
    <row r="2158" spans="1:6" x14ac:dyDescent="0.25">
      <c r="A2158" s="4" t="s">
        <v>103</v>
      </c>
      <c r="B2158" s="1" t="s">
        <v>3147</v>
      </c>
      <c r="C2158" s="5" t="s">
        <v>3879</v>
      </c>
      <c r="D2158" s="1" t="s">
        <v>10371</v>
      </c>
      <c r="E2158" s="5" t="s">
        <v>16492</v>
      </c>
      <c r="F2158" s="6">
        <v>6043</v>
      </c>
    </row>
    <row r="2159" spans="1:6" x14ac:dyDescent="0.25">
      <c r="A2159" s="4" t="s">
        <v>103</v>
      </c>
      <c r="B2159" s="1" t="s">
        <v>3147</v>
      </c>
      <c r="C2159" s="5" t="s">
        <v>6876</v>
      </c>
      <c r="D2159" s="1" t="s">
        <v>10809</v>
      </c>
      <c r="E2159" s="5" t="s">
        <v>17078</v>
      </c>
      <c r="F2159" s="6">
        <v>7794</v>
      </c>
    </row>
    <row r="2160" spans="1:6" x14ac:dyDescent="0.25">
      <c r="A2160" s="4" t="s">
        <v>103</v>
      </c>
      <c r="B2160" s="1" t="s">
        <v>3147</v>
      </c>
      <c r="C2160" s="5" t="s">
        <v>5957</v>
      </c>
      <c r="D2160" s="1" t="s">
        <v>11132</v>
      </c>
      <c r="E2160" s="5" t="s">
        <v>17490</v>
      </c>
      <c r="F2160" s="6">
        <v>9102</v>
      </c>
    </row>
    <row r="2161" spans="1:6" x14ac:dyDescent="0.25">
      <c r="A2161" s="4" t="s">
        <v>2343</v>
      </c>
      <c r="B2161" s="1" t="s">
        <v>3160</v>
      </c>
      <c r="C2161" s="5" t="s">
        <v>6128</v>
      </c>
      <c r="D2161" s="1" t="s">
        <v>9696</v>
      </c>
      <c r="E2161" s="5" t="s">
        <v>15583</v>
      </c>
      <c r="F2161" s="6">
        <v>4325</v>
      </c>
    </row>
    <row r="2162" spans="1:6" x14ac:dyDescent="0.25">
      <c r="A2162" s="4" t="s">
        <v>1568</v>
      </c>
      <c r="B2162" s="1" t="s">
        <v>3144</v>
      </c>
      <c r="C2162" s="5" t="s">
        <v>5388</v>
      </c>
      <c r="D2162" s="1" t="s">
        <v>1568</v>
      </c>
      <c r="E2162" s="5" t="s">
        <v>14351</v>
      </c>
      <c r="F2162" s="6">
        <v>3015</v>
      </c>
    </row>
    <row r="2163" spans="1:6" x14ac:dyDescent="0.25">
      <c r="A2163" s="4" t="s">
        <v>2798</v>
      </c>
      <c r="B2163" s="1" t="s">
        <v>3144</v>
      </c>
      <c r="C2163" s="5" t="s">
        <v>6780</v>
      </c>
      <c r="D2163" s="1" t="s">
        <v>2798</v>
      </c>
      <c r="E2163" s="5" t="s">
        <v>16873</v>
      </c>
      <c r="F2163" s="6">
        <v>7137</v>
      </c>
    </row>
    <row r="2164" spans="1:6" x14ac:dyDescent="0.25">
      <c r="A2164" s="4" t="s">
        <v>2409</v>
      </c>
      <c r="B2164" s="1" t="s">
        <v>3156</v>
      </c>
      <c r="C2164" s="5" t="s">
        <v>6244</v>
      </c>
      <c r="D2164" s="1" t="s">
        <v>9871</v>
      </c>
      <c r="E2164" s="5" t="s">
        <v>15803</v>
      </c>
      <c r="F2164" s="6">
        <v>4712</v>
      </c>
    </row>
    <row r="2165" spans="1:6" x14ac:dyDescent="0.25">
      <c r="A2165" s="4" t="s">
        <v>1259</v>
      </c>
      <c r="B2165" s="1" t="s">
        <v>3149</v>
      </c>
      <c r="C2165" s="5" t="s">
        <v>5034</v>
      </c>
      <c r="D2165" s="1" t="s">
        <v>8932</v>
      </c>
      <c r="E2165" s="5" t="s">
        <v>13903</v>
      </c>
      <c r="F2165" s="6">
        <v>2554</v>
      </c>
    </row>
    <row r="2166" spans="1:6" x14ac:dyDescent="0.25">
      <c r="A2166" s="4" t="s">
        <v>202</v>
      </c>
      <c r="B2166" s="1" t="s">
        <v>3166</v>
      </c>
      <c r="C2166" s="5" t="s">
        <v>3554</v>
      </c>
      <c r="D2166" s="1" t="s">
        <v>7695</v>
      </c>
      <c r="E2166" s="5" t="s">
        <v>11987</v>
      </c>
      <c r="F2166" s="6">
        <v>420</v>
      </c>
    </row>
    <row r="2167" spans="1:6" x14ac:dyDescent="0.25">
      <c r="A2167" s="4" t="s">
        <v>202</v>
      </c>
      <c r="B2167" s="1" t="s">
        <v>3166</v>
      </c>
      <c r="C2167" s="5" t="s">
        <v>3554</v>
      </c>
      <c r="D2167" s="1" t="s">
        <v>8418</v>
      </c>
      <c r="E2167" s="5" t="s">
        <v>12854</v>
      </c>
      <c r="F2167" s="6">
        <v>1455</v>
      </c>
    </row>
    <row r="2168" spans="1:6" x14ac:dyDescent="0.25">
      <c r="A2168" s="4" t="s">
        <v>202</v>
      </c>
      <c r="B2168" s="1" t="s">
        <v>3166</v>
      </c>
      <c r="C2168" s="5" t="s">
        <v>3554</v>
      </c>
      <c r="D2168" s="1" t="s">
        <v>10111</v>
      </c>
      <c r="E2168" s="5" t="s">
        <v>16112</v>
      </c>
      <c r="F2168" s="6">
        <v>5178</v>
      </c>
    </row>
    <row r="2169" spans="1:6" x14ac:dyDescent="0.25">
      <c r="A2169" s="4" t="s">
        <v>683</v>
      </c>
      <c r="B2169" s="1" t="s">
        <v>3153</v>
      </c>
      <c r="C2169" s="5">
        <v>464221</v>
      </c>
      <c r="D2169" s="1" t="s">
        <v>8608</v>
      </c>
      <c r="E2169" s="5" t="s">
        <v>13134</v>
      </c>
      <c r="F2169" s="6">
        <v>1767</v>
      </c>
    </row>
    <row r="2170" spans="1:6" x14ac:dyDescent="0.25">
      <c r="A2170" s="4" t="s">
        <v>2282</v>
      </c>
      <c r="B2170" s="1" t="s">
        <v>3155</v>
      </c>
      <c r="C2170" s="5" t="s">
        <v>6031</v>
      </c>
      <c r="D2170" s="1" t="s">
        <v>2282</v>
      </c>
      <c r="E2170" s="5" t="s">
        <v>15436</v>
      </c>
      <c r="F2170" s="6">
        <v>4174</v>
      </c>
    </row>
    <row r="2171" spans="1:6" x14ac:dyDescent="0.25">
      <c r="A2171" s="4" t="s">
        <v>1090</v>
      </c>
      <c r="B2171" s="1" t="s">
        <v>3152</v>
      </c>
      <c r="C2171" s="5" t="s">
        <v>4833</v>
      </c>
      <c r="D2171" s="1" t="s">
        <v>1090</v>
      </c>
      <c r="E2171" s="5" t="s">
        <v>13660</v>
      </c>
      <c r="F2171" s="6">
        <v>2306</v>
      </c>
    </row>
    <row r="2172" spans="1:6" x14ac:dyDescent="0.25">
      <c r="A2172" s="4" t="s">
        <v>1306</v>
      </c>
      <c r="B2172" s="1" t="s">
        <v>3144</v>
      </c>
      <c r="C2172" s="5" t="s">
        <v>5092</v>
      </c>
      <c r="D2172" s="1" t="s">
        <v>1306</v>
      </c>
      <c r="E2172" s="5" t="s">
        <v>13977</v>
      </c>
      <c r="F2172" s="6">
        <v>2629</v>
      </c>
    </row>
    <row r="2173" spans="1:6" x14ac:dyDescent="0.25">
      <c r="A2173" s="4" t="s">
        <v>2710</v>
      </c>
      <c r="B2173" s="1" t="s">
        <v>3153</v>
      </c>
      <c r="C2173" s="5" t="s">
        <v>6643</v>
      </c>
      <c r="D2173" s="1" t="s">
        <v>2710</v>
      </c>
      <c r="E2173" s="5" t="s">
        <v>16605</v>
      </c>
      <c r="F2173" s="6">
        <v>6349</v>
      </c>
    </row>
    <row r="2174" spans="1:6" x14ac:dyDescent="0.25">
      <c r="A2174" s="4" t="s">
        <v>2757</v>
      </c>
      <c r="B2174" s="1" t="s">
        <v>3158</v>
      </c>
      <c r="C2174" s="5" t="s">
        <v>6711</v>
      </c>
      <c r="D2174" s="1" t="s">
        <v>10550</v>
      </c>
      <c r="E2174" s="5" t="s">
        <v>16734</v>
      </c>
      <c r="F2174" s="6">
        <v>6741</v>
      </c>
    </row>
    <row r="2175" spans="1:6" x14ac:dyDescent="0.25">
      <c r="A2175" s="4" t="s">
        <v>516</v>
      </c>
      <c r="B2175" s="1" t="s">
        <v>3152</v>
      </c>
      <c r="C2175" s="5" t="s">
        <v>4150</v>
      </c>
      <c r="D2175" s="1" t="s">
        <v>8383</v>
      </c>
      <c r="E2175" s="5" t="s">
        <v>12811</v>
      </c>
      <c r="F2175" s="6">
        <v>1410</v>
      </c>
    </row>
    <row r="2176" spans="1:6" x14ac:dyDescent="0.25">
      <c r="A2176" s="4" t="s">
        <v>1353</v>
      </c>
      <c r="B2176" s="1" t="s">
        <v>3159</v>
      </c>
      <c r="C2176" s="5" t="s">
        <v>5147</v>
      </c>
      <c r="D2176" s="1" t="s">
        <v>1353</v>
      </c>
      <c r="E2176" s="5" t="s">
        <v>14045</v>
      </c>
      <c r="F2176" s="6">
        <v>2699</v>
      </c>
    </row>
    <row r="2177" spans="1:6" x14ac:dyDescent="0.25">
      <c r="A2177" s="4" t="s">
        <v>2635</v>
      </c>
      <c r="B2177" s="1" t="s">
        <v>3161</v>
      </c>
      <c r="C2177" s="5" t="s">
        <v>6552</v>
      </c>
      <c r="D2177" s="1" t="s">
        <v>2635</v>
      </c>
      <c r="E2177" s="5" t="s">
        <v>16408</v>
      </c>
      <c r="F2177" s="6">
        <v>5849</v>
      </c>
    </row>
    <row r="2178" spans="1:6" x14ac:dyDescent="0.25">
      <c r="A2178" s="4" t="s">
        <v>1818</v>
      </c>
      <c r="B2178" s="1" t="s">
        <v>3149</v>
      </c>
      <c r="C2178" s="5" t="s">
        <v>5591</v>
      </c>
      <c r="D2178" s="1" t="s">
        <v>1818</v>
      </c>
      <c r="E2178" s="5" t="s">
        <v>14642</v>
      </c>
      <c r="F2178" s="6">
        <v>3339</v>
      </c>
    </row>
    <row r="2179" spans="1:6" x14ac:dyDescent="0.25">
      <c r="A2179" s="4" t="s">
        <v>1138</v>
      </c>
      <c r="B2179" s="1" t="s">
        <v>3158</v>
      </c>
      <c r="C2179" s="5" t="s">
        <v>3434</v>
      </c>
      <c r="D2179" s="1" t="s">
        <v>8832</v>
      </c>
      <c r="E2179" s="5" t="s">
        <v>13712</v>
      </c>
      <c r="F2179" s="6">
        <v>2359</v>
      </c>
    </row>
    <row r="2180" spans="1:6" x14ac:dyDescent="0.25">
      <c r="A2180" s="4" t="s">
        <v>1138</v>
      </c>
      <c r="B2180" s="1" t="s">
        <v>3158</v>
      </c>
      <c r="C2180" s="5" t="s">
        <v>5540</v>
      </c>
      <c r="D2180" s="1" t="s">
        <v>9186</v>
      </c>
      <c r="E2180" s="5" t="s">
        <v>14567</v>
      </c>
      <c r="F2180" s="6">
        <v>3258</v>
      </c>
    </row>
    <row r="2181" spans="1:6" x14ac:dyDescent="0.25">
      <c r="A2181" s="4" t="s">
        <v>1138</v>
      </c>
      <c r="B2181" s="1" t="s">
        <v>3158</v>
      </c>
      <c r="C2181" s="5" t="s">
        <v>3273</v>
      </c>
      <c r="D2181" s="1" t="s">
        <v>10308</v>
      </c>
      <c r="E2181" s="5" t="s">
        <v>16394</v>
      </c>
      <c r="F2181" s="6">
        <v>5819</v>
      </c>
    </row>
    <row r="2182" spans="1:6" x14ac:dyDescent="0.25">
      <c r="A2182" s="4" t="s">
        <v>1138</v>
      </c>
      <c r="B2182" s="1" t="s">
        <v>3158</v>
      </c>
      <c r="C2182" s="5" t="s">
        <v>6754</v>
      </c>
      <c r="D2182" s="1" t="s">
        <v>10605</v>
      </c>
      <c r="E2182" s="5" t="s">
        <v>16811</v>
      </c>
      <c r="F2182" s="6">
        <v>7004</v>
      </c>
    </row>
    <row r="2183" spans="1:6" x14ac:dyDescent="0.25">
      <c r="A2183" s="4" t="s">
        <v>203</v>
      </c>
      <c r="B2183" s="1" t="s">
        <v>812</v>
      </c>
      <c r="C2183" s="5" t="s">
        <v>3555</v>
      </c>
      <c r="D2183" s="1" t="s">
        <v>7696</v>
      </c>
      <c r="E2183" s="5" t="s">
        <v>11988</v>
      </c>
      <c r="F2183" s="6">
        <v>421</v>
      </c>
    </row>
    <row r="2184" spans="1:6" x14ac:dyDescent="0.25">
      <c r="A2184" s="4" t="s">
        <v>203</v>
      </c>
      <c r="B2184" s="1" t="s">
        <v>812</v>
      </c>
      <c r="C2184" s="5" t="s">
        <v>5256</v>
      </c>
      <c r="D2184" s="1" t="s">
        <v>9099</v>
      </c>
      <c r="E2184" s="5" t="s">
        <v>14211</v>
      </c>
      <c r="F2184" s="6">
        <v>2871</v>
      </c>
    </row>
    <row r="2185" spans="1:6" x14ac:dyDescent="0.25">
      <c r="A2185" s="4" t="s">
        <v>203</v>
      </c>
      <c r="B2185" s="1" t="s">
        <v>812</v>
      </c>
      <c r="C2185" s="5" t="s">
        <v>3555</v>
      </c>
      <c r="D2185" s="1" t="s">
        <v>9794</v>
      </c>
      <c r="E2185" s="5" t="s">
        <v>15707</v>
      </c>
      <c r="F2185" s="6">
        <v>4474</v>
      </c>
    </row>
    <row r="2186" spans="1:6" x14ac:dyDescent="0.25">
      <c r="A2186" s="4" t="s">
        <v>203</v>
      </c>
      <c r="B2186" s="1" t="s">
        <v>812</v>
      </c>
      <c r="C2186" s="5" t="s">
        <v>3555</v>
      </c>
      <c r="D2186" s="1" t="s">
        <v>11571</v>
      </c>
      <c r="E2186" s="5" t="s">
        <v>18044</v>
      </c>
      <c r="F2186" s="6">
        <v>9677</v>
      </c>
    </row>
    <row r="2187" spans="1:6" x14ac:dyDescent="0.25">
      <c r="A2187" s="4" t="s">
        <v>2304</v>
      </c>
      <c r="B2187" s="1" t="s">
        <v>3151</v>
      </c>
      <c r="C2187" s="5" t="s">
        <v>6067</v>
      </c>
      <c r="D2187" s="1" t="s">
        <v>9634</v>
      </c>
      <c r="E2187" s="5" t="s">
        <v>15493</v>
      </c>
      <c r="F2187" s="6">
        <v>4231</v>
      </c>
    </row>
    <row r="2188" spans="1:6" x14ac:dyDescent="0.25">
      <c r="A2188" s="4" t="s">
        <v>2848</v>
      </c>
      <c r="B2188" s="1" t="s">
        <v>3144</v>
      </c>
      <c r="C2188" s="5" t="s">
        <v>6850</v>
      </c>
      <c r="D2188" s="1" t="s">
        <v>2848</v>
      </c>
      <c r="E2188" s="5" t="s">
        <v>17014</v>
      </c>
      <c r="F2188" s="6">
        <v>7584</v>
      </c>
    </row>
    <row r="2189" spans="1:6" x14ac:dyDescent="0.25">
      <c r="A2189" s="4" t="s">
        <v>1908</v>
      </c>
      <c r="B2189" s="1" t="s">
        <v>3152</v>
      </c>
      <c r="C2189" s="5" t="s">
        <v>5656</v>
      </c>
      <c r="D2189" s="1" t="s">
        <v>1908</v>
      </c>
      <c r="E2189" s="5" t="s">
        <v>14741</v>
      </c>
      <c r="F2189" s="6">
        <v>3452</v>
      </c>
    </row>
    <row r="2190" spans="1:6" x14ac:dyDescent="0.25">
      <c r="A2190" s="4" t="s">
        <v>994</v>
      </c>
      <c r="B2190" s="1" t="s">
        <v>3152</v>
      </c>
      <c r="C2190" s="5" t="s">
        <v>4740</v>
      </c>
      <c r="D2190" s="1" t="s">
        <v>994</v>
      </c>
      <c r="E2190" s="5" t="s">
        <v>13561</v>
      </c>
      <c r="F2190" s="6">
        <v>2201</v>
      </c>
    </row>
    <row r="2191" spans="1:6" x14ac:dyDescent="0.25">
      <c r="A2191" s="4" t="s">
        <v>2535</v>
      </c>
      <c r="B2191" s="1" t="s">
        <v>3156</v>
      </c>
      <c r="C2191" s="5" t="s">
        <v>6439</v>
      </c>
      <c r="D2191" s="1" t="s">
        <v>2535</v>
      </c>
      <c r="E2191" s="5" t="s">
        <v>16219</v>
      </c>
      <c r="F2191" s="6">
        <v>5415</v>
      </c>
    </row>
    <row r="2192" spans="1:6" x14ac:dyDescent="0.25">
      <c r="A2192" s="4" t="s">
        <v>2474</v>
      </c>
      <c r="B2192" s="1" t="s">
        <v>3152</v>
      </c>
      <c r="C2192" s="5" t="s">
        <v>4431</v>
      </c>
      <c r="D2192" s="1" t="s">
        <v>2474</v>
      </c>
      <c r="E2192" s="5" t="s">
        <v>16002</v>
      </c>
      <c r="F2192" s="6">
        <v>4939</v>
      </c>
    </row>
    <row r="2193" spans="1:6" x14ac:dyDescent="0.25">
      <c r="A2193" s="4" t="s">
        <v>2651</v>
      </c>
      <c r="B2193" s="1" t="s">
        <v>3185</v>
      </c>
      <c r="C2193" s="5">
        <v>721212</v>
      </c>
      <c r="D2193" s="1" t="s">
        <v>2651</v>
      </c>
      <c r="E2193" s="5" t="s">
        <v>16441</v>
      </c>
      <c r="F2193" s="6">
        <v>5913</v>
      </c>
    </row>
    <row r="2194" spans="1:6" x14ac:dyDescent="0.25">
      <c r="A2194" s="4" t="s">
        <v>951</v>
      </c>
      <c r="B2194" s="1" t="s">
        <v>3158</v>
      </c>
      <c r="C2194" s="5" t="s">
        <v>4699</v>
      </c>
      <c r="D2194" s="1" t="s">
        <v>951</v>
      </c>
      <c r="E2194" s="5" t="s">
        <v>13517</v>
      </c>
      <c r="F2194" s="6">
        <v>2155</v>
      </c>
    </row>
    <row r="2195" spans="1:6" x14ac:dyDescent="0.25">
      <c r="A2195" s="4" t="s">
        <v>1075</v>
      </c>
      <c r="B2195" s="1" t="s">
        <v>3159</v>
      </c>
      <c r="C2195" s="5" t="s">
        <v>4818</v>
      </c>
      <c r="D2195" s="1" t="s">
        <v>1075</v>
      </c>
      <c r="E2195" s="5" t="s">
        <v>13645</v>
      </c>
      <c r="F2195" s="6">
        <v>2291</v>
      </c>
    </row>
    <row r="2196" spans="1:6" x14ac:dyDescent="0.25">
      <c r="A2196" s="4" t="s">
        <v>74</v>
      </c>
      <c r="B2196" s="1" t="s">
        <v>3158</v>
      </c>
      <c r="C2196" s="5" t="s">
        <v>3325</v>
      </c>
      <c r="D2196" s="1" t="s">
        <v>7453</v>
      </c>
      <c r="E2196" s="5" t="s">
        <v>11732</v>
      </c>
      <c r="F2196" s="6">
        <v>153</v>
      </c>
    </row>
    <row r="2197" spans="1:6" x14ac:dyDescent="0.25">
      <c r="A2197" s="4" t="s">
        <v>74</v>
      </c>
      <c r="B2197" s="1" t="s">
        <v>3158</v>
      </c>
      <c r="C2197" s="5" t="s">
        <v>3556</v>
      </c>
      <c r="D2197" s="1" t="s">
        <v>7697</v>
      </c>
      <c r="E2197" s="5" t="s">
        <v>11989</v>
      </c>
      <c r="F2197" s="6">
        <v>422</v>
      </c>
    </row>
    <row r="2198" spans="1:6" x14ac:dyDescent="0.25">
      <c r="A2198" s="4" t="s">
        <v>74</v>
      </c>
      <c r="B2198" s="1" t="s">
        <v>3158</v>
      </c>
      <c r="C2198" s="5" t="s">
        <v>3566</v>
      </c>
      <c r="D2198" s="1" t="s">
        <v>7706</v>
      </c>
      <c r="E2198" s="5" t="s">
        <v>12000</v>
      </c>
      <c r="F2198" s="6">
        <v>433</v>
      </c>
    </row>
    <row r="2199" spans="1:6" x14ac:dyDescent="0.25">
      <c r="A2199" s="4" t="s">
        <v>74</v>
      </c>
      <c r="B2199" s="1" t="s">
        <v>3158</v>
      </c>
      <c r="C2199" s="5" t="s">
        <v>3556</v>
      </c>
      <c r="D2199" s="1" t="s">
        <v>7802</v>
      </c>
      <c r="E2199" s="5" t="s">
        <v>12103</v>
      </c>
      <c r="F2199" s="6">
        <v>563</v>
      </c>
    </row>
    <row r="2200" spans="1:6" x14ac:dyDescent="0.25">
      <c r="A2200" s="4" t="s">
        <v>74</v>
      </c>
      <c r="B2200" s="1" t="s">
        <v>3158</v>
      </c>
      <c r="C2200" s="5" t="s">
        <v>3325</v>
      </c>
      <c r="D2200" s="1" t="s">
        <v>7809</v>
      </c>
      <c r="E2200" s="5" t="s">
        <v>12112</v>
      </c>
      <c r="F2200" s="6">
        <v>573</v>
      </c>
    </row>
    <row r="2201" spans="1:6" x14ac:dyDescent="0.25">
      <c r="A2201" s="4" t="s">
        <v>74</v>
      </c>
      <c r="B2201" s="1" t="s">
        <v>3158</v>
      </c>
      <c r="C2201" s="5" t="s">
        <v>3664</v>
      </c>
      <c r="D2201" s="1" t="s">
        <v>7824</v>
      </c>
      <c r="E2201" s="5" t="s">
        <v>12127</v>
      </c>
      <c r="F2201" s="6">
        <v>590</v>
      </c>
    </row>
    <row r="2202" spans="1:6" x14ac:dyDescent="0.25">
      <c r="A2202" s="4" t="s">
        <v>74</v>
      </c>
      <c r="B2202" s="1" t="s">
        <v>3158</v>
      </c>
      <c r="C2202" s="5" t="s">
        <v>3714</v>
      </c>
      <c r="D2202" s="1" t="s">
        <v>7890</v>
      </c>
      <c r="E2202" s="5" t="s">
        <v>12197</v>
      </c>
      <c r="F2202" s="6">
        <v>672</v>
      </c>
    </row>
    <row r="2203" spans="1:6" x14ac:dyDescent="0.25">
      <c r="A2203" s="4" t="s">
        <v>74</v>
      </c>
      <c r="B2203" s="1" t="s">
        <v>3158</v>
      </c>
      <c r="C2203" s="5" t="s">
        <v>3900</v>
      </c>
      <c r="D2203" s="1" t="s">
        <v>8061</v>
      </c>
      <c r="E2203" s="5" t="s">
        <v>12413</v>
      </c>
      <c r="F2203" s="6">
        <v>926</v>
      </c>
    </row>
    <row r="2204" spans="1:6" x14ac:dyDescent="0.25">
      <c r="A2204" s="4" t="s">
        <v>74</v>
      </c>
      <c r="B2204" s="1" t="s">
        <v>3158</v>
      </c>
      <c r="C2204" s="5" t="s">
        <v>5110</v>
      </c>
      <c r="D2204" s="1" t="s">
        <v>2385</v>
      </c>
      <c r="E2204" s="5" t="s">
        <v>13999</v>
      </c>
      <c r="F2204" s="6">
        <v>2653</v>
      </c>
    </row>
    <row r="2205" spans="1:6" x14ac:dyDescent="0.25">
      <c r="A2205" s="4" t="s">
        <v>74</v>
      </c>
      <c r="B2205" s="1" t="s">
        <v>3158</v>
      </c>
      <c r="C2205" s="5" t="s">
        <v>5613</v>
      </c>
      <c r="D2205" s="1" t="s">
        <v>9885</v>
      </c>
      <c r="E2205" s="5" t="s">
        <v>15819</v>
      </c>
      <c r="F2205" s="6">
        <v>4729</v>
      </c>
    </row>
    <row r="2206" spans="1:6" x14ac:dyDescent="0.25">
      <c r="A2206" s="4" t="s">
        <v>74</v>
      </c>
      <c r="B2206" s="1" t="s">
        <v>3158</v>
      </c>
      <c r="C2206" s="5" t="s">
        <v>6252</v>
      </c>
      <c r="D2206" s="1" t="s">
        <v>9887</v>
      </c>
      <c r="E2206" s="5" t="s">
        <v>15822</v>
      </c>
      <c r="F2206" s="6">
        <v>4733</v>
      </c>
    </row>
    <row r="2207" spans="1:6" x14ac:dyDescent="0.25">
      <c r="A2207" s="4" t="s">
        <v>74</v>
      </c>
      <c r="B2207" s="1" t="s">
        <v>3158</v>
      </c>
      <c r="C2207" s="5" t="s">
        <v>3325</v>
      </c>
      <c r="D2207" s="1" t="s">
        <v>9960</v>
      </c>
      <c r="E2207" s="5" t="s">
        <v>15916</v>
      </c>
      <c r="F2207" s="6">
        <v>4833</v>
      </c>
    </row>
    <row r="2208" spans="1:6" x14ac:dyDescent="0.25">
      <c r="A2208" s="4" t="s">
        <v>74</v>
      </c>
      <c r="B2208" s="1" t="s">
        <v>3158</v>
      </c>
      <c r="C2208" s="5" t="s">
        <v>3664</v>
      </c>
      <c r="D2208" s="1" t="s">
        <v>10153</v>
      </c>
      <c r="E2208" s="5" t="s">
        <v>16163</v>
      </c>
      <c r="F2208" s="6">
        <v>5280</v>
      </c>
    </row>
    <row r="2209" spans="1:6" x14ac:dyDescent="0.25">
      <c r="A2209" s="4" t="s">
        <v>74</v>
      </c>
      <c r="B2209" s="1" t="s">
        <v>3158</v>
      </c>
      <c r="C2209" s="5" t="s">
        <v>3664</v>
      </c>
      <c r="D2209" s="1" t="s">
        <v>10163</v>
      </c>
      <c r="E2209" s="5" t="s">
        <v>16176</v>
      </c>
      <c r="F2209" s="6">
        <v>5298</v>
      </c>
    </row>
    <row r="2210" spans="1:6" x14ac:dyDescent="0.25">
      <c r="A2210" s="4" t="s">
        <v>74</v>
      </c>
      <c r="B2210" s="1" t="s">
        <v>3158</v>
      </c>
      <c r="C2210" s="5" t="s">
        <v>6394</v>
      </c>
      <c r="D2210" s="1" t="s">
        <v>10570</v>
      </c>
      <c r="E2210" s="5" t="s">
        <v>16762</v>
      </c>
      <c r="F2210" s="6">
        <v>6863</v>
      </c>
    </row>
    <row r="2211" spans="1:6" x14ac:dyDescent="0.25">
      <c r="A2211" s="4" t="s">
        <v>74</v>
      </c>
      <c r="B2211" s="1" t="s">
        <v>3158</v>
      </c>
      <c r="C2211" s="5" t="s">
        <v>6808</v>
      </c>
      <c r="D2211" s="1" t="s">
        <v>10697</v>
      </c>
      <c r="E2211" s="5" t="s">
        <v>16925</v>
      </c>
      <c r="F2211" s="6">
        <v>7294</v>
      </c>
    </row>
    <row r="2212" spans="1:6" x14ac:dyDescent="0.25">
      <c r="A2212" s="4" t="s">
        <v>74</v>
      </c>
      <c r="B2212" s="1" t="s">
        <v>3158</v>
      </c>
      <c r="C2212" s="5" t="s">
        <v>6965</v>
      </c>
      <c r="D2212" s="1" t="s">
        <v>9288</v>
      </c>
      <c r="E2212" s="5" t="s">
        <v>17333</v>
      </c>
      <c r="F2212" s="6">
        <v>8754</v>
      </c>
    </row>
    <row r="2213" spans="1:6" x14ac:dyDescent="0.25">
      <c r="A2213" s="4" t="s">
        <v>74</v>
      </c>
      <c r="B2213" s="1" t="s">
        <v>3158</v>
      </c>
      <c r="C2213" s="5" t="s">
        <v>7119</v>
      </c>
      <c r="D2213" s="1" t="s">
        <v>11220</v>
      </c>
      <c r="E2213" s="5" t="s">
        <v>17612</v>
      </c>
      <c r="F2213" s="6">
        <v>9228</v>
      </c>
    </row>
    <row r="2214" spans="1:6" x14ac:dyDescent="0.25">
      <c r="A2214" s="4" t="s">
        <v>74</v>
      </c>
      <c r="B2214" s="1" t="s">
        <v>3158</v>
      </c>
      <c r="C2214" s="5" t="s">
        <v>3325</v>
      </c>
      <c r="D2214" s="1" t="s">
        <v>11368</v>
      </c>
      <c r="E2214" s="5" t="s">
        <v>17794</v>
      </c>
      <c r="F2214" s="6">
        <v>9416</v>
      </c>
    </row>
    <row r="2215" spans="1:6" x14ac:dyDescent="0.25">
      <c r="A2215" s="4" t="s">
        <v>74</v>
      </c>
      <c r="B2215" s="1" t="s">
        <v>3158</v>
      </c>
      <c r="C2215" s="5" t="s">
        <v>7219</v>
      </c>
      <c r="D2215" s="1" t="s">
        <v>11421</v>
      </c>
      <c r="E2215" s="5" t="s">
        <v>17854</v>
      </c>
      <c r="F2215" s="6">
        <v>9481</v>
      </c>
    </row>
    <row r="2216" spans="1:6" x14ac:dyDescent="0.25">
      <c r="A2216" s="4" t="s">
        <v>764</v>
      </c>
      <c r="B2216" s="1" t="s">
        <v>3158</v>
      </c>
      <c r="C2216" s="5" t="s">
        <v>4485</v>
      </c>
      <c r="D2216" s="1" t="s">
        <v>8672</v>
      </c>
      <c r="E2216" s="5" t="s">
        <v>13256</v>
      </c>
      <c r="F2216" s="6">
        <v>1889</v>
      </c>
    </row>
    <row r="2217" spans="1:6" x14ac:dyDescent="0.25">
      <c r="A2217" s="4" t="s">
        <v>764</v>
      </c>
      <c r="B2217" s="1" t="s">
        <v>3158</v>
      </c>
      <c r="C2217" s="5" t="s">
        <v>6285</v>
      </c>
      <c r="D2217" s="1" t="s">
        <v>9931</v>
      </c>
      <c r="E2217" s="5" t="s">
        <v>15877</v>
      </c>
      <c r="F2217" s="6">
        <v>4791</v>
      </c>
    </row>
    <row r="2218" spans="1:6" x14ac:dyDescent="0.25">
      <c r="A2218" s="4" t="s">
        <v>764</v>
      </c>
      <c r="B2218" s="1" t="s">
        <v>3158</v>
      </c>
      <c r="C2218" s="5" t="s">
        <v>6715</v>
      </c>
      <c r="D2218" s="1" t="s">
        <v>10553</v>
      </c>
      <c r="E2218" s="5" t="s">
        <v>16740</v>
      </c>
      <c r="F2218" s="6">
        <v>6769</v>
      </c>
    </row>
    <row r="2219" spans="1:6" x14ac:dyDescent="0.25">
      <c r="A2219" s="4" t="s">
        <v>764</v>
      </c>
      <c r="B2219" s="1" t="s">
        <v>3158</v>
      </c>
      <c r="C2219" s="5" t="s">
        <v>6717</v>
      </c>
      <c r="D2219" s="1" t="s">
        <v>10558</v>
      </c>
      <c r="E2219" s="5" t="s">
        <v>16745</v>
      </c>
      <c r="F2219" s="6">
        <v>6793</v>
      </c>
    </row>
    <row r="2220" spans="1:6" x14ac:dyDescent="0.25">
      <c r="A2220" s="4" t="s">
        <v>764</v>
      </c>
      <c r="B2220" s="1" t="s">
        <v>3158</v>
      </c>
      <c r="C2220" s="5" t="s">
        <v>7018</v>
      </c>
      <c r="D2220" s="1" t="s">
        <v>11096</v>
      </c>
      <c r="E2220" s="5" t="s">
        <v>17444</v>
      </c>
      <c r="F2220" s="6">
        <v>9054</v>
      </c>
    </row>
    <row r="2221" spans="1:6" x14ac:dyDescent="0.25">
      <c r="A2221" s="4" t="s">
        <v>2151</v>
      </c>
      <c r="B2221" s="1" t="s">
        <v>3154</v>
      </c>
      <c r="C2221" s="5" t="s">
        <v>5855</v>
      </c>
      <c r="D2221" s="1" t="s">
        <v>2151</v>
      </c>
      <c r="E2221" s="5" t="s">
        <v>15128</v>
      </c>
      <c r="F2221" s="6">
        <v>3859</v>
      </c>
    </row>
    <row r="2222" spans="1:6" x14ac:dyDescent="0.25">
      <c r="A2222" s="4" t="s">
        <v>2140</v>
      </c>
      <c r="B2222" s="1" t="s">
        <v>3156</v>
      </c>
      <c r="C2222" s="5">
        <v>301705</v>
      </c>
      <c r="D2222" s="1" t="s">
        <v>2140</v>
      </c>
      <c r="E2222" s="5" t="s">
        <v>15108</v>
      </c>
      <c r="F2222" s="6">
        <v>3837</v>
      </c>
    </row>
    <row r="2223" spans="1:6" x14ac:dyDescent="0.25">
      <c r="A2223" s="4" t="s">
        <v>1697</v>
      </c>
      <c r="B2223" s="1" t="s">
        <v>3152</v>
      </c>
      <c r="C2223" s="5">
        <v>144205</v>
      </c>
      <c r="D2223" s="1" t="s">
        <v>1697</v>
      </c>
      <c r="E2223" s="5" t="s">
        <v>14491</v>
      </c>
      <c r="F2223" s="6">
        <v>3176</v>
      </c>
    </row>
    <row r="2224" spans="1:6" x14ac:dyDescent="0.25">
      <c r="A2224" s="4" t="s">
        <v>2842</v>
      </c>
      <c r="B2224" s="1" t="s">
        <v>3158</v>
      </c>
      <c r="C2224" s="5" t="s">
        <v>6840</v>
      </c>
      <c r="D2224" s="1" t="s">
        <v>10743</v>
      </c>
      <c r="E2224" s="5" t="s">
        <v>16989</v>
      </c>
      <c r="F2224" s="6">
        <v>7511</v>
      </c>
    </row>
    <row r="2225" spans="1:6" x14ac:dyDescent="0.25">
      <c r="A2225" s="4" t="s">
        <v>2842</v>
      </c>
      <c r="B2225" s="1" t="s">
        <v>3158</v>
      </c>
      <c r="C2225" s="5" t="s">
        <v>7060</v>
      </c>
      <c r="D2225" s="1" t="s">
        <v>2842</v>
      </c>
      <c r="E2225" s="5" t="s">
        <v>17526</v>
      </c>
      <c r="F2225" s="6">
        <v>9140</v>
      </c>
    </row>
    <row r="2226" spans="1:6" x14ac:dyDescent="0.25">
      <c r="A2226" s="4" t="s">
        <v>1184</v>
      </c>
      <c r="B2226" s="1" t="s">
        <v>3158</v>
      </c>
      <c r="C2226" s="5" t="s">
        <v>4935</v>
      </c>
      <c r="D2226" s="1" t="s">
        <v>1184</v>
      </c>
      <c r="E2226" s="5" t="s">
        <v>13780</v>
      </c>
      <c r="F2226" s="6">
        <v>2430</v>
      </c>
    </row>
    <row r="2227" spans="1:6" x14ac:dyDescent="0.25">
      <c r="A2227" s="4" t="s">
        <v>1250</v>
      </c>
      <c r="B2227" s="1" t="s">
        <v>3144</v>
      </c>
      <c r="C2227" s="5" t="s">
        <v>5025</v>
      </c>
      <c r="D2227" s="1" t="s">
        <v>1250</v>
      </c>
      <c r="E2227" s="5" t="s">
        <v>13893</v>
      </c>
      <c r="F2227" s="6">
        <v>2544</v>
      </c>
    </row>
    <row r="2228" spans="1:6" x14ac:dyDescent="0.25">
      <c r="A2228" s="4" t="s">
        <v>1875</v>
      </c>
      <c r="B2228" s="1" t="s">
        <v>3152</v>
      </c>
      <c r="C2228" s="5" t="s">
        <v>5635</v>
      </c>
      <c r="D2228" s="1" t="s">
        <v>1875</v>
      </c>
      <c r="E2228" s="5" t="s">
        <v>14707</v>
      </c>
      <c r="F2228" s="6">
        <v>3412</v>
      </c>
    </row>
    <row r="2229" spans="1:6" x14ac:dyDescent="0.25">
      <c r="A2229" s="4" t="s">
        <v>2889</v>
      </c>
      <c r="B2229" s="1" t="s">
        <v>3144</v>
      </c>
      <c r="C2229" s="5">
        <v>442505</v>
      </c>
      <c r="D2229" s="1" t="s">
        <v>2889</v>
      </c>
      <c r="E2229" s="5" t="s">
        <v>17155</v>
      </c>
      <c r="F2229" s="6">
        <v>8063</v>
      </c>
    </row>
    <row r="2230" spans="1:6" x14ac:dyDescent="0.25">
      <c r="A2230" s="4" t="s">
        <v>1749</v>
      </c>
      <c r="B2230" s="1" t="s">
        <v>3152</v>
      </c>
      <c r="C2230" s="5" t="s">
        <v>5538</v>
      </c>
      <c r="D2230" s="1" t="s">
        <v>1749</v>
      </c>
      <c r="E2230" s="5" t="s">
        <v>14564</v>
      </c>
      <c r="F2230" s="6">
        <v>3255</v>
      </c>
    </row>
    <row r="2231" spans="1:6" x14ac:dyDescent="0.25">
      <c r="A2231" s="4" t="s">
        <v>1550</v>
      </c>
      <c r="B2231" s="1" t="s">
        <v>3155</v>
      </c>
      <c r="C2231" s="5" t="s">
        <v>5369</v>
      </c>
      <c r="D2231" s="1" t="s">
        <v>1550</v>
      </c>
      <c r="E2231" s="5" t="s">
        <v>14331</v>
      </c>
      <c r="F2231" s="6">
        <v>2993</v>
      </c>
    </row>
    <row r="2232" spans="1:6" x14ac:dyDescent="0.25">
      <c r="A2232" s="4" t="s">
        <v>547</v>
      </c>
      <c r="B2232" s="1" t="s">
        <v>3152</v>
      </c>
      <c r="C2232" s="5" t="s">
        <v>4193</v>
      </c>
      <c r="D2232" s="1" t="s">
        <v>8440</v>
      </c>
      <c r="E2232" s="5" t="s">
        <v>12881</v>
      </c>
      <c r="F2232" s="6">
        <v>1482</v>
      </c>
    </row>
    <row r="2233" spans="1:6" x14ac:dyDescent="0.25">
      <c r="A2233" s="4" t="s">
        <v>1027</v>
      </c>
      <c r="B2233" s="1" t="s">
        <v>3152</v>
      </c>
      <c r="C2233" s="5" t="s">
        <v>4770</v>
      </c>
      <c r="D2233" s="1" t="s">
        <v>1027</v>
      </c>
      <c r="E2233" s="5" t="s">
        <v>13594</v>
      </c>
      <c r="F2233" s="6">
        <v>2235</v>
      </c>
    </row>
    <row r="2234" spans="1:6" x14ac:dyDescent="0.25">
      <c r="A2234" s="4" t="s">
        <v>2704</v>
      </c>
      <c r="B2234" s="1" t="s">
        <v>3146</v>
      </c>
      <c r="C2234" s="5" t="s">
        <v>6636</v>
      </c>
      <c r="D2234" s="1" t="s">
        <v>2704</v>
      </c>
      <c r="E2234" s="5" t="s">
        <v>16591</v>
      </c>
      <c r="F2234" s="6">
        <v>6313</v>
      </c>
    </row>
    <row r="2235" spans="1:6" x14ac:dyDescent="0.25">
      <c r="A2235" s="4" t="s">
        <v>299</v>
      </c>
      <c r="B2235" s="1" t="s">
        <v>3159</v>
      </c>
      <c r="C2235" s="5" t="s">
        <v>3774</v>
      </c>
      <c r="D2235" s="1" t="s">
        <v>7953</v>
      </c>
      <c r="E2235" s="5" t="s">
        <v>12268</v>
      </c>
      <c r="F2235" s="6">
        <v>760</v>
      </c>
    </row>
    <row r="2236" spans="1:6" x14ac:dyDescent="0.25">
      <c r="A2236" s="4" t="s">
        <v>1147</v>
      </c>
      <c r="B2236" s="1" t="s">
        <v>1147</v>
      </c>
      <c r="C2236" s="5" t="s">
        <v>4888</v>
      </c>
      <c r="D2236" s="1" t="s">
        <v>8835</v>
      </c>
      <c r="E2236" s="5" t="s">
        <v>13721</v>
      </c>
      <c r="F2236" s="6">
        <v>2368</v>
      </c>
    </row>
    <row r="2237" spans="1:6" x14ac:dyDescent="0.25">
      <c r="A2237" s="4" t="s">
        <v>1367</v>
      </c>
      <c r="B2237" s="1" t="s">
        <v>1147</v>
      </c>
      <c r="C2237" s="5" t="s">
        <v>5163</v>
      </c>
      <c r="D2237" s="1" t="s">
        <v>1367</v>
      </c>
      <c r="E2237" s="5" t="s">
        <v>14070</v>
      </c>
      <c r="F2237" s="6">
        <v>2725</v>
      </c>
    </row>
    <row r="2238" spans="1:6" x14ac:dyDescent="0.25">
      <c r="A2238" s="4" t="s">
        <v>832</v>
      </c>
      <c r="B2238" s="1" t="s">
        <v>3164</v>
      </c>
      <c r="C2238" s="5" t="s">
        <v>4562</v>
      </c>
      <c r="D2238" s="1" t="s">
        <v>832</v>
      </c>
      <c r="E2238" s="5" t="s">
        <v>13350</v>
      </c>
      <c r="F2238" s="6">
        <v>1983</v>
      </c>
    </row>
    <row r="2239" spans="1:6" x14ac:dyDescent="0.25">
      <c r="A2239" s="4" t="s">
        <v>833</v>
      </c>
      <c r="B2239" s="1" t="s">
        <v>3146</v>
      </c>
      <c r="C2239" s="5" t="s">
        <v>4563</v>
      </c>
      <c r="D2239" s="1" t="s">
        <v>833</v>
      </c>
      <c r="E2239" s="5" t="s">
        <v>13351</v>
      </c>
      <c r="F2239" s="6">
        <v>1984</v>
      </c>
    </row>
    <row r="2240" spans="1:6" x14ac:dyDescent="0.25">
      <c r="A2240" s="4" t="s">
        <v>1387</v>
      </c>
      <c r="B2240" s="1" t="s">
        <v>3152</v>
      </c>
      <c r="C2240" s="5" t="s">
        <v>3487</v>
      </c>
      <c r="D2240" s="1" t="s">
        <v>9036</v>
      </c>
      <c r="E2240" s="5" t="s">
        <v>14106</v>
      </c>
      <c r="F2240" s="6">
        <v>2763</v>
      </c>
    </row>
    <row r="2241" spans="1:6" x14ac:dyDescent="0.25">
      <c r="A2241" s="4" t="s">
        <v>2214</v>
      </c>
      <c r="B2241" s="1" t="s">
        <v>3148</v>
      </c>
      <c r="C2241" s="5" t="s">
        <v>5934</v>
      </c>
      <c r="D2241" s="1" t="s">
        <v>2214</v>
      </c>
      <c r="E2241" s="5" t="s">
        <v>15288</v>
      </c>
      <c r="F2241" s="6">
        <v>4023</v>
      </c>
    </row>
    <row r="2242" spans="1:6" x14ac:dyDescent="0.25">
      <c r="A2242" s="4" t="s">
        <v>1091</v>
      </c>
      <c r="B2242" s="1" t="s">
        <v>3159</v>
      </c>
      <c r="C2242" s="5" t="s">
        <v>4834</v>
      </c>
      <c r="D2242" s="1" t="s">
        <v>1091</v>
      </c>
      <c r="E2242" s="5" t="s">
        <v>13661</v>
      </c>
      <c r="F2242" s="6">
        <v>2307</v>
      </c>
    </row>
    <row r="2243" spans="1:6" x14ac:dyDescent="0.25">
      <c r="A2243" s="4" t="s">
        <v>1626</v>
      </c>
      <c r="B2243" s="1" t="s">
        <v>3147</v>
      </c>
      <c r="C2243" s="5" t="s">
        <v>5437</v>
      </c>
      <c r="D2243" s="1" t="s">
        <v>1626</v>
      </c>
      <c r="E2243" s="5" t="s">
        <v>14414</v>
      </c>
      <c r="F2243" s="6">
        <v>3094</v>
      </c>
    </row>
    <row r="2244" spans="1:6" x14ac:dyDescent="0.25">
      <c r="A2244" s="4" t="s">
        <v>319</v>
      </c>
      <c r="B2244" s="1" t="s">
        <v>3147</v>
      </c>
      <c r="C2244" s="5" t="s">
        <v>3795</v>
      </c>
      <c r="D2244" s="1" t="s">
        <v>7973</v>
      </c>
      <c r="E2244" s="5" t="s">
        <v>12290</v>
      </c>
      <c r="F2244" s="6">
        <v>784</v>
      </c>
    </row>
    <row r="2245" spans="1:6" x14ac:dyDescent="0.25">
      <c r="A2245" s="4" t="s">
        <v>319</v>
      </c>
      <c r="B2245" s="1" t="s">
        <v>3147</v>
      </c>
      <c r="C2245" s="5" t="s">
        <v>3795</v>
      </c>
      <c r="D2245" s="1" t="s">
        <v>11559</v>
      </c>
      <c r="E2245" s="5" t="s">
        <v>18030</v>
      </c>
      <c r="F2245" s="6">
        <v>9662</v>
      </c>
    </row>
    <row r="2246" spans="1:6" x14ac:dyDescent="0.25">
      <c r="A2246" s="4" t="s">
        <v>2192</v>
      </c>
      <c r="B2246" s="1" t="s">
        <v>3152</v>
      </c>
      <c r="C2246" s="5" t="s">
        <v>5907</v>
      </c>
      <c r="D2246" s="1" t="s">
        <v>2192</v>
      </c>
      <c r="E2246" s="5" t="s">
        <v>15235</v>
      </c>
      <c r="F2246" s="6">
        <v>3970</v>
      </c>
    </row>
    <row r="2247" spans="1:6" x14ac:dyDescent="0.25">
      <c r="A2247" s="4" t="s">
        <v>2781</v>
      </c>
      <c r="B2247" s="1" t="s">
        <v>3153</v>
      </c>
      <c r="C2247" s="5" t="s">
        <v>6749</v>
      </c>
      <c r="D2247" s="1" t="s">
        <v>2781</v>
      </c>
      <c r="E2247" s="5" t="s">
        <v>16801</v>
      </c>
      <c r="F2247" s="6">
        <v>6987</v>
      </c>
    </row>
    <row r="2248" spans="1:6" x14ac:dyDescent="0.25">
      <c r="A2248" s="4" t="s">
        <v>663</v>
      </c>
      <c r="B2248" s="1" t="s">
        <v>3154</v>
      </c>
      <c r="C2248" s="5" t="s">
        <v>4359</v>
      </c>
      <c r="D2248" s="1" t="s">
        <v>663</v>
      </c>
      <c r="E2248" s="5" t="s">
        <v>13099</v>
      </c>
      <c r="F2248" s="6">
        <v>1732</v>
      </c>
    </row>
    <row r="2249" spans="1:6" x14ac:dyDescent="0.25">
      <c r="A2249" s="4" t="s">
        <v>1092</v>
      </c>
      <c r="B2249" s="1" t="s">
        <v>3152</v>
      </c>
      <c r="C2249" s="5" t="s">
        <v>4162</v>
      </c>
      <c r="D2249" s="1" t="s">
        <v>8820</v>
      </c>
      <c r="E2249" s="5" t="s">
        <v>13662</v>
      </c>
      <c r="F2249" s="6">
        <v>2308</v>
      </c>
    </row>
    <row r="2250" spans="1:6" x14ac:dyDescent="0.25">
      <c r="A2250" s="4" t="s">
        <v>1257</v>
      </c>
      <c r="B2250" s="1" t="s">
        <v>3149</v>
      </c>
      <c r="C2250" s="5" t="s">
        <v>5032</v>
      </c>
      <c r="D2250" s="1" t="s">
        <v>1257</v>
      </c>
      <c r="E2250" s="5" t="s">
        <v>13901</v>
      </c>
      <c r="F2250" s="6">
        <v>2552</v>
      </c>
    </row>
    <row r="2251" spans="1:6" x14ac:dyDescent="0.25">
      <c r="A2251" s="4" t="s">
        <v>2435</v>
      </c>
      <c r="B2251" s="1" t="s">
        <v>3159</v>
      </c>
      <c r="C2251" s="5" t="s">
        <v>6300</v>
      </c>
      <c r="D2251" s="1" t="s">
        <v>2435</v>
      </c>
      <c r="E2251" s="5" t="s">
        <v>15898</v>
      </c>
      <c r="F2251" s="6">
        <v>4814</v>
      </c>
    </row>
    <row r="2252" spans="1:6" x14ac:dyDescent="0.25">
      <c r="A2252" s="4" t="s">
        <v>774</v>
      </c>
      <c r="B2252" s="1" t="s">
        <v>3158</v>
      </c>
      <c r="C2252" s="5" t="s">
        <v>4496</v>
      </c>
      <c r="D2252" s="1" t="s">
        <v>774</v>
      </c>
      <c r="E2252" s="5" t="s">
        <v>13272</v>
      </c>
      <c r="F2252" s="6">
        <v>1905</v>
      </c>
    </row>
    <row r="2253" spans="1:6" x14ac:dyDescent="0.25">
      <c r="A2253" s="4" t="s">
        <v>1583</v>
      </c>
      <c r="B2253" s="1" t="s">
        <v>3152</v>
      </c>
      <c r="C2253" s="5" t="s">
        <v>4153</v>
      </c>
      <c r="D2253" s="1" t="s">
        <v>1583</v>
      </c>
      <c r="E2253" s="5" t="s">
        <v>14368</v>
      </c>
      <c r="F2253" s="6">
        <v>3033</v>
      </c>
    </row>
    <row r="2254" spans="1:6" x14ac:dyDescent="0.25">
      <c r="A2254" s="4" t="s">
        <v>1500</v>
      </c>
      <c r="B2254" s="1" t="s">
        <v>3164</v>
      </c>
      <c r="C2254" s="5" t="s">
        <v>5318</v>
      </c>
      <c r="D2254" s="1" t="s">
        <v>9116</v>
      </c>
      <c r="E2254" s="5" t="s">
        <v>14276</v>
      </c>
      <c r="F2254" s="6">
        <v>2937</v>
      </c>
    </row>
    <row r="2255" spans="1:6" x14ac:dyDescent="0.25">
      <c r="A2255" s="4" t="s">
        <v>1500</v>
      </c>
      <c r="B2255" s="1" t="s">
        <v>3164</v>
      </c>
      <c r="C2255" s="5" t="s">
        <v>6416</v>
      </c>
      <c r="D2255" s="1" t="s">
        <v>10159</v>
      </c>
      <c r="E2255" s="5" t="s">
        <v>16170</v>
      </c>
      <c r="F2255" s="6">
        <v>5290</v>
      </c>
    </row>
    <row r="2256" spans="1:6" x14ac:dyDescent="0.25">
      <c r="A2256" s="4" t="s">
        <v>2663</v>
      </c>
      <c r="B2256" s="1" t="s">
        <v>3156</v>
      </c>
      <c r="C2256" s="5">
        <v>335802</v>
      </c>
      <c r="D2256" s="1" t="s">
        <v>2663</v>
      </c>
      <c r="E2256" s="5" t="s">
        <v>16468</v>
      </c>
      <c r="F2256" s="6">
        <v>5990</v>
      </c>
    </row>
    <row r="2257" spans="1:6" x14ac:dyDescent="0.25">
      <c r="A2257" s="4" t="s">
        <v>471</v>
      </c>
      <c r="B2257" s="1" t="s">
        <v>3158</v>
      </c>
      <c r="C2257" s="5">
        <v>271003</v>
      </c>
      <c r="D2257" s="1" t="s">
        <v>471</v>
      </c>
      <c r="E2257" s="5" t="s">
        <v>12609</v>
      </c>
      <c r="F2257" s="6">
        <v>1186</v>
      </c>
    </row>
    <row r="2258" spans="1:6" x14ac:dyDescent="0.25">
      <c r="A2258" s="4" t="s">
        <v>471</v>
      </c>
      <c r="B2258" s="1" t="s">
        <v>3158</v>
      </c>
      <c r="C2258" s="5" t="s">
        <v>4493</v>
      </c>
      <c r="D2258" s="1" t="s">
        <v>471</v>
      </c>
      <c r="E2258" s="5" t="s">
        <v>13268</v>
      </c>
      <c r="F2258" s="6">
        <v>1901</v>
      </c>
    </row>
    <row r="2259" spans="1:6" x14ac:dyDescent="0.25">
      <c r="A2259" s="4" t="s">
        <v>235</v>
      </c>
      <c r="B2259" s="1" t="s">
        <v>3147</v>
      </c>
      <c r="C2259" s="5" t="s">
        <v>3646</v>
      </c>
      <c r="D2259" s="1" t="s">
        <v>7795</v>
      </c>
      <c r="E2259" s="5" t="s">
        <v>12096</v>
      </c>
      <c r="F2259" s="6">
        <v>550</v>
      </c>
    </row>
    <row r="2260" spans="1:6" x14ac:dyDescent="0.25">
      <c r="A2260" s="4" t="s">
        <v>235</v>
      </c>
      <c r="B2260" s="1" t="s">
        <v>3147</v>
      </c>
      <c r="C2260" s="5" t="s">
        <v>3646</v>
      </c>
      <c r="D2260" s="1" t="s">
        <v>9801</v>
      </c>
      <c r="E2260" s="5" t="s">
        <v>15717</v>
      </c>
      <c r="F2260" s="6">
        <v>4486</v>
      </c>
    </row>
    <row r="2261" spans="1:6" x14ac:dyDescent="0.25">
      <c r="A2261" s="4" t="s">
        <v>408</v>
      </c>
      <c r="B2261" s="1" t="s">
        <v>3144</v>
      </c>
      <c r="C2261" s="5" t="s">
        <v>3927</v>
      </c>
      <c r="D2261" s="1" t="s">
        <v>408</v>
      </c>
      <c r="E2261" s="5" t="s">
        <v>12447</v>
      </c>
      <c r="F2261" s="6">
        <v>963</v>
      </c>
    </row>
    <row r="2262" spans="1:6" x14ac:dyDescent="0.25">
      <c r="A2262" s="4" t="s">
        <v>408</v>
      </c>
      <c r="B2262" s="1" t="s">
        <v>3144</v>
      </c>
      <c r="C2262" s="5" t="s">
        <v>5831</v>
      </c>
      <c r="D2262" s="1" t="s">
        <v>9363</v>
      </c>
      <c r="E2262" s="5" t="s">
        <v>15080</v>
      </c>
      <c r="F2262" s="6">
        <v>3808</v>
      </c>
    </row>
    <row r="2263" spans="1:6" x14ac:dyDescent="0.25">
      <c r="A2263" s="4" t="s">
        <v>408</v>
      </c>
      <c r="B2263" s="1" t="s">
        <v>3144</v>
      </c>
      <c r="C2263" s="5" t="s">
        <v>5832</v>
      </c>
      <c r="D2263" s="1" t="s">
        <v>9364</v>
      </c>
      <c r="E2263" s="5" t="s">
        <v>15081</v>
      </c>
      <c r="F2263" s="6">
        <v>3809</v>
      </c>
    </row>
    <row r="2264" spans="1:6" x14ac:dyDescent="0.25">
      <c r="A2264" s="4" t="s">
        <v>408</v>
      </c>
      <c r="B2264" s="1" t="s">
        <v>3144</v>
      </c>
      <c r="C2264" s="5" t="s">
        <v>3927</v>
      </c>
      <c r="D2264" s="1" t="s">
        <v>9365</v>
      </c>
      <c r="E2264" s="5" t="s">
        <v>15082</v>
      </c>
      <c r="F2264" s="6">
        <v>3810</v>
      </c>
    </row>
    <row r="2265" spans="1:6" x14ac:dyDescent="0.25">
      <c r="A2265" s="4" t="s">
        <v>1043</v>
      </c>
      <c r="B2265" s="1" t="s">
        <v>3152</v>
      </c>
      <c r="C2265" s="5" t="s">
        <v>4785</v>
      </c>
      <c r="D2265" s="1" t="s">
        <v>1043</v>
      </c>
      <c r="E2265" s="5" t="s">
        <v>13611</v>
      </c>
      <c r="F2265" s="6">
        <v>2253</v>
      </c>
    </row>
    <row r="2266" spans="1:6" x14ac:dyDescent="0.25">
      <c r="A2266" s="4" t="s">
        <v>1547</v>
      </c>
      <c r="B2266" s="1" t="s">
        <v>3149</v>
      </c>
      <c r="C2266" s="5" t="s">
        <v>5366</v>
      </c>
      <c r="D2266" s="1" t="s">
        <v>1547</v>
      </c>
      <c r="E2266" s="5" t="s">
        <v>14328</v>
      </c>
      <c r="F2266" s="6">
        <v>2990</v>
      </c>
    </row>
    <row r="2267" spans="1:6" x14ac:dyDescent="0.25">
      <c r="A2267" s="4" t="s">
        <v>2700</v>
      </c>
      <c r="B2267" s="1" t="s">
        <v>3155</v>
      </c>
      <c r="C2267" s="5" t="s">
        <v>6632</v>
      </c>
      <c r="D2267" s="1" t="s">
        <v>2700</v>
      </c>
      <c r="E2267" s="5" t="s">
        <v>16583</v>
      </c>
      <c r="F2267" s="6">
        <v>6292</v>
      </c>
    </row>
    <row r="2268" spans="1:6" x14ac:dyDescent="0.25">
      <c r="A2268" s="4" t="s">
        <v>1394</v>
      </c>
      <c r="B2268" s="1" t="s">
        <v>812</v>
      </c>
      <c r="C2268" s="5" t="s">
        <v>5193</v>
      </c>
      <c r="D2268" s="1" t="s">
        <v>1394</v>
      </c>
      <c r="E2268" s="5" t="s">
        <v>14116</v>
      </c>
      <c r="F2268" s="6">
        <v>2773</v>
      </c>
    </row>
    <row r="2269" spans="1:6" x14ac:dyDescent="0.25">
      <c r="A2269" s="4" t="s">
        <v>1605</v>
      </c>
      <c r="B2269" s="1" t="s">
        <v>3151</v>
      </c>
      <c r="C2269" s="5" t="s">
        <v>5423</v>
      </c>
      <c r="D2269" s="1" t="s">
        <v>1605</v>
      </c>
      <c r="E2269" s="5" t="s">
        <v>14391</v>
      </c>
      <c r="F2269" s="6">
        <v>3059</v>
      </c>
    </row>
    <row r="2270" spans="1:6" x14ac:dyDescent="0.25">
      <c r="A2270" s="4" t="s">
        <v>1942</v>
      </c>
      <c r="B2270" s="1" t="s">
        <v>3148</v>
      </c>
      <c r="C2270" s="5" t="s">
        <v>5676</v>
      </c>
      <c r="D2270" s="1" t="s">
        <v>1942</v>
      </c>
      <c r="E2270" s="5" t="s">
        <v>14776</v>
      </c>
      <c r="F2270" s="6">
        <v>3487</v>
      </c>
    </row>
    <row r="2271" spans="1:6" x14ac:dyDescent="0.25">
      <c r="A2271" s="4" t="s">
        <v>155</v>
      </c>
      <c r="B2271" s="1" t="s">
        <v>3158</v>
      </c>
      <c r="C2271" s="5" t="s">
        <v>3438</v>
      </c>
      <c r="D2271" s="1" t="s">
        <v>7567</v>
      </c>
      <c r="E2271" s="5" t="s">
        <v>11853</v>
      </c>
      <c r="F2271" s="6">
        <v>284</v>
      </c>
    </row>
    <row r="2272" spans="1:6" x14ac:dyDescent="0.25">
      <c r="A2272" s="4" t="s">
        <v>155</v>
      </c>
      <c r="B2272" s="1" t="s">
        <v>3158</v>
      </c>
      <c r="C2272" s="5" t="s">
        <v>3438</v>
      </c>
      <c r="D2272" s="1" t="s">
        <v>7924</v>
      </c>
      <c r="E2272" s="5" t="s">
        <v>12234</v>
      </c>
      <c r="F2272" s="6">
        <v>721</v>
      </c>
    </row>
    <row r="2273" spans="1:6" x14ac:dyDescent="0.25">
      <c r="A2273" s="4" t="s">
        <v>155</v>
      </c>
      <c r="B2273" s="1" t="s">
        <v>3158</v>
      </c>
      <c r="C2273" s="5" t="s">
        <v>6059</v>
      </c>
      <c r="D2273" s="1" t="s">
        <v>9626</v>
      </c>
      <c r="E2273" s="5" t="s">
        <v>15479</v>
      </c>
      <c r="F2273" s="6">
        <v>4217</v>
      </c>
    </row>
    <row r="2274" spans="1:6" x14ac:dyDescent="0.25">
      <c r="A2274" s="4" t="s">
        <v>155</v>
      </c>
      <c r="B2274" s="1" t="s">
        <v>3158</v>
      </c>
      <c r="C2274" s="5" t="s">
        <v>6133</v>
      </c>
      <c r="D2274" s="1" t="s">
        <v>9700</v>
      </c>
      <c r="E2274" s="5" t="s">
        <v>15589</v>
      </c>
      <c r="F2274" s="6">
        <v>4331</v>
      </c>
    </row>
    <row r="2275" spans="1:6" x14ac:dyDescent="0.25">
      <c r="A2275" s="4" t="s">
        <v>155</v>
      </c>
      <c r="B2275" s="1" t="s">
        <v>3158</v>
      </c>
      <c r="C2275" s="5" t="s">
        <v>6234</v>
      </c>
      <c r="D2275" s="1" t="s">
        <v>9859</v>
      </c>
      <c r="E2275" s="5" t="s">
        <v>15787</v>
      </c>
      <c r="F2275" s="6">
        <v>4694</v>
      </c>
    </row>
    <row r="2276" spans="1:6" x14ac:dyDescent="0.25">
      <c r="A2276" s="4" t="s">
        <v>155</v>
      </c>
      <c r="B2276" s="1" t="s">
        <v>3158</v>
      </c>
      <c r="C2276" s="5" t="s">
        <v>3438</v>
      </c>
      <c r="D2276" s="1" t="s">
        <v>9910</v>
      </c>
      <c r="E2276" s="5" t="s">
        <v>15848</v>
      </c>
      <c r="F2276" s="6">
        <v>4761</v>
      </c>
    </row>
    <row r="2277" spans="1:6" x14ac:dyDescent="0.25">
      <c r="A2277" s="4" t="s">
        <v>155</v>
      </c>
      <c r="B2277" s="1" t="s">
        <v>3158</v>
      </c>
      <c r="C2277" s="5" t="s">
        <v>3438</v>
      </c>
      <c r="D2277" s="1" t="s">
        <v>10228</v>
      </c>
      <c r="E2277" s="5" t="s">
        <v>16264</v>
      </c>
      <c r="F2277" s="6">
        <v>5515</v>
      </c>
    </row>
    <row r="2278" spans="1:6" x14ac:dyDescent="0.25">
      <c r="A2278" s="4" t="s">
        <v>155</v>
      </c>
      <c r="B2278" s="1" t="s">
        <v>3158</v>
      </c>
      <c r="C2278" s="5" t="s">
        <v>6059</v>
      </c>
      <c r="D2278" s="1" t="s">
        <v>10256</v>
      </c>
      <c r="E2278" s="5" t="s">
        <v>16315</v>
      </c>
      <c r="F2278" s="6">
        <v>5628</v>
      </c>
    </row>
    <row r="2279" spans="1:6" x14ac:dyDescent="0.25">
      <c r="A2279" s="4" t="s">
        <v>155</v>
      </c>
      <c r="B2279" s="1" t="s">
        <v>3158</v>
      </c>
      <c r="C2279" s="5" t="s">
        <v>6771</v>
      </c>
      <c r="D2279" s="1" t="s">
        <v>10638</v>
      </c>
      <c r="E2279" s="5" t="s">
        <v>16849</v>
      </c>
      <c r="F2279" s="6">
        <v>7090</v>
      </c>
    </row>
    <row r="2280" spans="1:6" x14ac:dyDescent="0.25">
      <c r="A2280" s="4" t="s">
        <v>155</v>
      </c>
      <c r="B2280" s="1" t="s">
        <v>3158</v>
      </c>
      <c r="C2280" s="5">
        <v>274701</v>
      </c>
      <c r="D2280" s="1" t="s">
        <v>10936</v>
      </c>
      <c r="E2280" s="5" t="s">
        <v>17231</v>
      </c>
      <c r="F2280" s="6">
        <v>8262</v>
      </c>
    </row>
    <row r="2281" spans="1:6" x14ac:dyDescent="0.25">
      <c r="A2281" s="4" t="s">
        <v>155</v>
      </c>
      <c r="B2281" s="1" t="s">
        <v>3158</v>
      </c>
      <c r="C2281" s="5" t="s">
        <v>6984</v>
      </c>
      <c r="D2281" s="1" t="s">
        <v>11054</v>
      </c>
      <c r="E2281" s="5" t="s">
        <v>17387</v>
      </c>
      <c r="F2281" s="6">
        <v>8980</v>
      </c>
    </row>
    <row r="2282" spans="1:6" x14ac:dyDescent="0.25">
      <c r="A2282" s="4" t="s">
        <v>155</v>
      </c>
      <c r="B2282" s="1" t="s">
        <v>3158</v>
      </c>
      <c r="C2282" s="5" t="s">
        <v>7073</v>
      </c>
      <c r="D2282" s="1" t="s">
        <v>11170</v>
      </c>
      <c r="E2282" s="5" t="s">
        <v>17543</v>
      </c>
      <c r="F2282" s="6">
        <v>9157</v>
      </c>
    </row>
    <row r="2283" spans="1:6" x14ac:dyDescent="0.25">
      <c r="A2283" s="4" t="s">
        <v>155</v>
      </c>
      <c r="B2283" s="1" t="s">
        <v>3158</v>
      </c>
      <c r="C2283" s="5" t="s">
        <v>7126</v>
      </c>
      <c r="D2283" s="1" t="s">
        <v>11232</v>
      </c>
      <c r="E2283" s="5" t="s">
        <v>17626</v>
      </c>
      <c r="F2283" s="6">
        <v>9243</v>
      </c>
    </row>
    <row r="2284" spans="1:6" x14ac:dyDescent="0.25">
      <c r="A2284" s="4" t="s">
        <v>2075</v>
      </c>
      <c r="B2284" s="1" t="s">
        <v>3158</v>
      </c>
      <c r="C2284" s="5" t="s">
        <v>5766</v>
      </c>
      <c r="D2284" s="1" t="s">
        <v>9282</v>
      </c>
      <c r="E2284" s="5" t="s">
        <v>14958</v>
      </c>
      <c r="F2284" s="6">
        <v>3681</v>
      </c>
    </row>
    <row r="2285" spans="1:6" x14ac:dyDescent="0.25">
      <c r="A2285" s="4" t="s">
        <v>2467</v>
      </c>
      <c r="B2285" s="1" t="s">
        <v>3144</v>
      </c>
      <c r="C2285" s="5" t="s">
        <v>3386</v>
      </c>
      <c r="D2285" s="1" t="s">
        <v>2467</v>
      </c>
      <c r="E2285" s="5" t="s">
        <v>15989</v>
      </c>
      <c r="F2285" s="6">
        <v>4914</v>
      </c>
    </row>
    <row r="2286" spans="1:6" x14ac:dyDescent="0.25">
      <c r="A2286" s="4" t="s">
        <v>500</v>
      </c>
      <c r="B2286" s="1" t="s">
        <v>3152</v>
      </c>
      <c r="C2286" s="5" t="s">
        <v>4128</v>
      </c>
      <c r="D2286" s="1" t="s">
        <v>8337</v>
      </c>
      <c r="E2286" s="5" t="s">
        <v>12756</v>
      </c>
      <c r="F2286" s="6">
        <v>1353</v>
      </c>
    </row>
    <row r="2287" spans="1:6" x14ac:dyDescent="0.25">
      <c r="A2287" s="4" t="s">
        <v>2682</v>
      </c>
      <c r="B2287" s="1" t="s">
        <v>3158</v>
      </c>
      <c r="C2287" s="5" t="s">
        <v>6603</v>
      </c>
      <c r="D2287" s="1" t="s">
        <v>2682</v>
      </c>
      <c r="E2287" s="5" t="s">
        <v>16515</v>
      </c>
      <c r="F2287" s="6">
        <v>6132</v>
      </c>
    </row>
    <row r="2288" spans="1:6" x14ac:dyDescent="0.25">
      <c r="A2288" s="4" t="s">
        <v>2779</v>
      </c>
      <c r="B2288" s="1" t="s">
        <v>3164</v>
      </c>
      <c r="C2288" s="5" t="s">
        <v>6745</v>
      </c>
      <c r="D2288" s="1" t="s">
        <v>10593</v>
      </c>
      <c r="E2288" s="5" t="s">
        <v>16794</v>
      </c>
      <c r="F2288" s="6">
        <v>6967</v>
      </c>
    </row>
    <row r="2289" spans="1:6" x14ac:dyDescent="0.25">
      <c r="A2289" s="4" t="s">
        <v>2751</v>
      </c>
      <c r="B2289" s="1" t="s">
        <v>3153</v>
      </c>
      <c r="C2289" s="5" t="s">
        <v>6697</v>
      </c>
      <c r="D2289" s="1" t="s">
        <v>2751</v>
      </c>
      <c r="E2289" s="5" t="s">
        <v>16717</v>
      </c>
      <c r="F2289" s="6">
        <v>6681</v>
      </c>
    </row>
    <row r="2290" spans="1:6" x14ac:dyDescent="0.25">
      <c r="A2290" s="4" t="s">
        <v>2157</v>
      </c>
      <c r="B2290" s="1" t="s">
        <v>3160</v>
      </c>
      <c r="C2290" s="5" t="s">
        <v>5859</v>
      </c>
      <c r="D2290" s="1" t="s">
        <v>2157</v>
      </c>
      <c r="E2290" s="5" t="s">
        <v>15137</v>
      </c>
      <c r="F2290" s="6">
        <v>3868</v>
      </c>
    </row>
    <row r="2291" spans="1:6" x14ac:dyDescent="0.25">
      <c r="A2291" s="4" t="s">
        <v>919</v>
      </c>
      <c r="B2291" s="1" t="s">
        <v>3158</v>
      </c>
      <c r="C2291" s="5" t="s">
        <v>4667</v>
      </c>
      <c r="D2291" s="1" t="s">
        <v>8781</v>
      </c>
      <c r="E2291" s="5" t="s">
        <v>13485</v>
      </c>
      <c r="F2291" s="6">
        <v>2123</v>
      </c>
    </row>
    <row r="2292" spans="1:6" x14ac:dyDescent="0.25">
      <c r="A2292" s="4" t="s">
        <v>1606</v>
      </c>
      <c r="B2292" s="1" t="s">
        <v>3151</v>
      </c>
      <c r="C2292" s="5" t="s">
        <v>4820</v>
      </c>
      <c r="D2292" s="1" t="s">
        <v>1606</v>
      </c>
      <c r="E2292" s="5" t="s">
        <v>14392</v>
      </c>
      <c r="F2292" s="6">
        <v>3060</v>
      </c>
    </row>
    <row r="2293" spans="1:6" x14ac:dyDescent="0.25">
      <c r="A2293" s="4" t="s">
        <v>152</v>
      </c>
      <c r="B2293" s="1" t="s">
        <v>3158</v>
      </c>
      <c r="C2293" s="5" t="s">
        <v>3434</v>
      </c>
      <c r="D2293" s="1" t="s">
        <v>7561</v>
      </c>
      <c r="E2293" s="5" t="s">
        <v>11847</v>
      </c>
      <c r="F2293" s="6">
        <v>278</v>
      </c>
    </row>
    <row r="2294" spans="1:6" x14ac:dyDescent="0.25">
      <c r="A2294" s="4" t="s">
        <v>152</v>
      </c>
      <c r="B2294" s="1" t="s">
        <v>3158</v>
      </c>
      <c r="C2294" s="5" t="s">
        <v>5482</v>
      </c>
      <c r="D2294" s="1" t="s">
        <v>245</v>
      </c>
      <c r="E2294" s="5" t="s">
        <v>14490</v>
      </c>
      <c r="F2294" s="6">
        <v>3175</v>
      </c>
    </row>
    <row r="2295" spans="1:6" x14ac:dyDescent="0.25">
      <c r="A2295" s="4" t="s">
        <v>152</v>
      </c>
      <c r="B2295" s="1" t="s">
        <v>3158</v>
      </c>
      <c r="C2295" s="5">
        <v>201309</v>
      </c>
      <c r="D2295" s="1" t="s">
        <v>10009</v>
      </c>
      <c r="E2295" s="5" t="s">
        <v>15984</v>
      </c>
      <c r="F2295" s="6">
        <v>4906</v>
      </c>
    </row>
    <row r="2296" spans="1:6" x14ac:dyDescent="0.25">
      <c r="A2296" s="4" t="s">
        <v>152</v>
      </c>
      <c r="B2296" s="1" t="s">
        <v>3158</v>
      </c>
      <c r="C2296" s="5" t="s">
        <v>5432</v>
      </c>
      <c r="D2296" s="1" t="s">
        <v>10088</v>
      </c>
      <c r="E2296" s="5" t="s">
        <v>16085</v>
      </c>
      <c r="F2296" s="6">
        <v>5129</v>
      </c>
    </row>
    <row r="2297" spans="1:6" x14ac:dyDescent="0.25">
      <c r="A2297" s="4" t="s">
        <v>152</v>
      </c>
      <c r="B2297" s="1" t="s">
        <v>3158</v>
      </c>
      <c r="C2297" s="5" t="s">
        <v>6394</v>
      </c>
      <c r="D2297" s="1" t="s">
        <v>10126</v>
      </c>
      <c r="E2297" s="5" t="s">
        <v>16129</v>
      </c>
      <c r="F2297" s="6">
        <v>5212</v>
      </c>
    </row>
    <row r="2298" spans="1:6" x14ac:dyDescent="0.25">
      <c r="A2298" s="4" t="s">
        <v>152</v>
      </c>
      <c r="B2298" s="1" t="s">
        <v>3158</v>
      </c>
      <c r="C2298" s="5" t="s">
        <v>6394</v>
      </c>
      <c r="D2298" s="1" t="s">
        <v>10164</v>
      </c>
      <c r="E2298" s="5" t="s">
        <v>16177</v>
      </c>
      <c r="F2298" s="6">
        <v>5299</v>
      </c>
    </row>
    <row r="2299" spans="1:6" x14ac:dyDescent="0.25">
      <c r="A2299" s="4" t="s">
        <v>152</v>
      </c>
      <c r="B2299" s="1" t="s">
        <v>3158</v>
      </c>
      <c r="C2299" s="5" t="s">
        <v>5625</v>
      </c>
      <c r="D2299" s="1" t="s">
        <v>10493</v>
      </c>
      <c r="E2299" s="5" t="s">
        <v>16656</v>
      </c>
      <c r="F2299" s="6">
        <v>6490</v>
      </c>
    </row>
    <row r="2300" spans="1:6" x14ac:dyDescent="0.25">
      <c r="A2300" s="4" t="s">
        <v>152</v>
      </c>
      <c r="B2300" s="1" t="s">
        <v>3158</v>
      </c>
      <c r="C2300" s="5" t="s">
        <v>3434</v>
      </c>
      <c r="D2300" s="1" t="s">
        <v>10842</v>
      </c>
      <c r="E2300" s="5" t="s">
        <v>17116</v>
      </c>
      <c r="F2300" s="6">
        <v>7952</v>
      </c>
    </row>
    <row r="2301" spans="1:6" x14ac:dyDescent="0.25">
      <c r="A2301" s="4" t="s">
        <v>152</v>
      </c>
      <c r="B2301" s="1" t="s">
        <v>3158</v>
      </c>
      <c r="C2301" s="5" t="s">
        <v>5625</v>
      </c>
      <c r="D2301" s="1" t="s">
        <v>11567</v>
      </c>
      <c r="E2301" s="5" t="s">
        <v>18038</v>
      </c>
      <c r="F2301" s="6">
        <v>9671</v>
      </c>
    </row>
    <row r="2302" spans="1:6" x14ac:dyDescent="0.25">
      <c r="A2302" s="4" t="s">
        <v>152</v>
      </c>
      <c r="B2302" s="1" t="s">
        <v>3158</v>
      </c>
      <c r="C2302" s="5" t="s">
        <v>5432</v>
      </c>
      <c r="D2302" s="1" t="s">
        <v>11568</v>
      </c>
      <c r="E2302" s="5" t="s">
        <v>18039</v>
      </c>
      <c r="F2302" s="6">
        <v>9672</v>
      </c>
    </row>
    <row r="2303" spans="1:6" x14ac:dyDescent="0.25">
      <c r="A2303" s="4" t="s">
        <v>152</v>
      </c>
      <c r="B2303" s="1" t="s">
        <v>3158</v>
      </c>
      <c r="C2303" s="5" t="s">
        <v>3434</v>
      </c>
      <c r="D2303" s="1" t="s">
        <v>11580</v>
      </c>
      <c r="E2303" s="5" t="s">
        <v>18057</v>
      </c>
      <c r="F2303" s="6">
        <v>9691</v>
      </c>
    </row>
    <row r="2304" spans="1:6" x14ac:dyDescent="0.25">
      <c r="A2304" s="4" t="s">
        <v>2689</v>
      </c>
      <c r="B2304" s="1" t="s">
        <v>3152</v>
      </c>
      <c r="C2304" s="5" t="s">
        <v>3421</v>
      </c>
      <c r="D2304" s="1" t="s">
        <v>2689</v>
      </c>
      <c r="E2304" s="5" t="s">
        <v>16531</v>
      </c>
      <c r="F2304" s="6">
        <v>6178</v>
      </c>
    </row>
    <row r="2305" spans="1:6" x14ac:dyDescent="0.25">
      <c r="A2305" s="4" t="s">
        <v>2771</v>
      </c>
      <c r="B2305" s="1" t="s">
        <v>3149</v>
      </c>
      <c r="C2305" s="5" t="s">
        <v>6734</v>
      </c>
      <c r="D2305" s="1" t="s">
        <v>2771</v>
      </c>
      <c r="E2305" s="5" t="s">
        <v>16777</v>
      </c>
      <c r="F2305" s="6">
        <v>6920</v>
      </c>
    </row>
    <row r="2306" spans="1:6" x14ac:dyDescent="0.25">
      <c r="A2306" s="4" t="s">
        <v>2166</v>
      </c>
      <c r="B2306" s="1" t="s">
        <v>3154</v>
      </c>
      <c r="C2306" s="5" t="s">
        <v>3864</v>
      </c>
      <c r="D2306" s="1" t="s">
        <v>2166</v>
      </c>
      <c r="E2306" s="5" t="s">
        <v>15165</v>
      </c>
      <c r="F2306" s="6">
        <v>3897</v>
      </c>
    </row>
    <row r="2307" spans="1:6" x14ac:dyDescent="0.25">
      <c r="A2307" s="4" t="s">
        <v>834</v>
      </c>
      <c r="B2307" s="1" t="s">
        <v>3155</v>
      </c>
      <c r="C2307" s="5" t="s">
        <v>4564</v>
      </c>
      <c r="D2307" s="1" t="s">
        <v>834</v>
      </c>
      <c r="E2307" s="5" t="s">
        <v>13353</v>
      </c>
      <c r="F2307" s="6">
        <v>1986</v>
      </c>
    </row>
    <row r="2308" spans="1:6" x14ac:dyDescent="0.25">
      <c r="A2308" s="4" t="s">
        <v>834</v>
      </c>
      <c r="B2308" s="1" t="s">
        <v>3155</v>
      </c>
      <c r="C2308" s="5">
        <v>521301</v>
      </c>
      <c r="D2308" s="1" t="s">
        <v>9921</v>
      </c>
      <c r="E2308" s="5" t="s">
        <v>15864</v>
      </c>
      <c r="F2308" s="6">
        <v>4778</v>
      </c>
    </row>
    <row r="2309" spans="1:6" x14ac:dyDescent="0.25">
      <c r="A2309" s="4" t="s">
        <v>3112</v>
      </c>
      <c r="B2309" s="1" t="s">
        <v>3146</v>
      </c>
      <c r="C2309" s="5" t="s">
        <v>7278</v>
      </c>
      <c r="D2309" s="1" t="s">
        <v>3112</v>
      </c>
      <c r="E2309" s="5" t="s">
        <v>17961</v>
      </c>
      <c r="F2309" s="6">
        <v>9593</v>
      </c>
    </row>
    <row r="2310" spans="1:6" x14ac:dyDescent="0.25">
      <c r="A2310" s="4" t="s">
        <v>1973</v>
      </c>
      <c r="B2310" s="1" t="s">
        <v>3156</v>
      </c>
      <c r="C2310" s="5" t="s">
        <v>5696</v>
      </c>
      <c r="D2310" s="1" t="s">
        <v>9227</v>
      </c>
      <c r="E2310" s="5" t="s">
        <v>14810</v>
      </c>
      <c r="F2310" s="6">
        <v>3522</v>
      </c>
    </row>
    <row r="2311" spans="1:6" x14ac:dyDescent="0.25">
      <c r="A2311" s="4" t="s">
        <v>2789</v>
      </c>
      <c r="B2311" s="1" t="s">
        <v>3156</v>
      </c>
      <c r="C2311" s="5" t="s">
        <v>6772</v>
      </c>
      <c r="D2311" s="1" t="s">
        <v>2789</v>
      </c>
      <c r="E2311" s="5" t="s">
        <v>16850</v>
      </c>
      <c r="F2311" s="6">
        <v>7093</v>
      </c>
    </row>
    <row r="2312" spans="1:6" x14ac:dyDescent="0.25">
      <c r="A2312" s="4" t="s">
        <v>1002</v>
      </c>
      <c r="B2312" s="1" t="s">
        <v>3158</v>
      </c>
      <c r="C2312" s="5" t="s">
        <v>4748</v>
      </c>
      <c r="D2312" s="1" t="s">
        <v>8803</v>
      </c>
      <c r="E2312" s="5" t="s">
        <v>13569</v>
      </c>
      <c r="F2312" s="6">
        <v>2209</v>
      </c>
    </row>
    <row r="2313" spans="1:6" x14ac:dyDescent="0.25">
      <c r="A2313" s="4" t="s">
        <v>307</v>
      </c>
      <c r="B2313" s="1" t="s">
        <v>3149</v>
      </c>
      <c r="C2313" s="5" t="s">
        <v>3782</v>
      </c>
      <c r="D2313" s="1" t="s">
        <v>307</v>
      </c>
      <c r="E2313" s="5" t="s">
        <v>12276</v>
      </c>
      <c r="F2313" s="6">
        <v>768</v>
      </c>
    </row>
    <row r="2314" spans="1:6" x14ac:dyDescent="0.25">
      <c r="A2314" s="4" t="s">
        <v>307</v>
      </c>
      <c r="B2314" s="1" t="s">
        <v>3149</v>
      </c>
      <c r="C2314" s="5" t="s">
        <v>6612</v>
      </c>
      <c r="D2314" s="1" t="s">
        <v>10391</v>
      </c>
      <c r="E2314" s="5" t="s">
        <v>16529</v>
      </c>
      <c r="F2314" s="6">
        <v>6169</v>
      </c>
    </row>
    <row r="2315" spans="1:6" x14ac:dyDescent="0.25">
      <c r="A2315" s="4" t="s">
        <v>307</v>
      </c>
      <c r="B2315" s="1" t="s">
        <v>3149</v>
      </c>
      <c r="C2315" s="5" t="s">
        <v>7143</v>
      </c>
      <c r="D2315" s="1" t="s">
        <v>11258</v>
      </c>
      <c r="E2315" s="5" t="s">
        <v>17663</v>
      </c>
      <c r="F2315" s="6">
        <v>9281</v>
      </c>
    </row>
    <row r="2316" spans="1:6" x14ac:dyDescent="0.25">
      <c r="A2316" s="4" t="s">
        <v>2794</v>
      </c>
      <c r="B2316" s="1" t="s">
        <v>3149</v>
      </c>
      <c r="C2316" s="5" t="s">
        <v>6777</v>
      </c>
      <c r="D2316" s="1" t="s">
        <v>10644</v>
      </c>
      <c r="E2316" s="5" t="s">
        <v>16858</v>
      </c>
      <c r="F2316" s="6">
        <v>7105</v>
      </c>
    </row>
    <row r="2317" spans="1:6" x14ac:dyDescent="0.25">
      <c r="A2317" s="4" t="s">
        <v>1527</v>
      </c>
      <c r="B2317" s="1" t="s">
        <v>3165</v>
      </c>
      <c r="C2317" s="5" t="s">
        <v>5347</v>
      </c>
      <c r="D2317" s="1" t="s">
        <v>9124</v>
      </c>
      <c r="E2317" s="5" t="s">
        <v>14307</v>
      </c>
      <c r="F2317" s="6">
        <v>2969</v>
      </c>
    </row>
    <row r="2318" spans="1:6" x14ac:dyDescent="0.25">
      <c r="A2318" s="4" t="s">
        <v>1399</v>
      </c>
      <c r="B2318" s="1" t="s">
        <v>3159</v>
      </c>
      <c r="C2318" s="5" t="s">
        <v>5204</v>
      </c>
      <c r="D2318" s="1" t="s">
        <v>1399</v>
      </c>
      <c r="E2318" s="5" t="s">
        <v>14132</v>
      </c>
      <c r="F2318" s="6">
        <v>2789</v>
      </c>
    </row>
    <row r="2319" spans="1:6" x14ac:dyDescent="0.25">
      <c r="A2319" s="4" t="s">
        <v>1093</v>
      </c>
      <c r="B2319" s="1" t="s">
        <v>3159</v>
      </c>
      <c r="C2319" s="5" t="s">
        <v>4835</v>
      </c>
      <c r="D2319" s="1" t="s">
        <v>1093</v>
      </c>
      <c r="E2319" s="5" t="s">
        <v>13663</v>
      </c>
      <c r="F2319" s="6">
        <v>2309</v>
      </c>
    </row>
    <row r="2320" spans="1:6" x14ac:dyDescent="0.25">
      <c r="A2320" s="4" t="s">
        <v>2525</v>
      </c>
      <c r="B2320" s="1" t="s">
        <v>3146</v>
      </c>
      <c r="C2320" s="5" t="s">
        <v>6420</v>
      </c>
      <c r="D2320" s="1" t="s">
        <v>2525</v>
      </c>
      <c r="E2320" s="5" t="s">
        <v>16178</v>
      </c>
      <c r="F2320" s="6">
        <v>5300</v>
      </c>
    </row>
    <row r="2321" spans="1:6" x14ac:dyDescent="0.25">
      <c r="A2321" s="4" t="s">
        <v>376</v>
      </c>
      <c r="B2321" s="1" t="s">
        <v>3153</v>
      </c>
      <c r="C2321" s="5" t="s">
        <v>3890</v>
      </c>
      <c r="D2321" s="1" t="s">
        <v>376</v>
      </c>
      <c r="E2321" s="5" t="s">
        <v>12398</v>
      </c>
      <c r="F2321" s="6">
        <v>911</v>
      </c>
    </row>
    <row r="2322" spans="1:6" x14ac:dyDescent="0.25">
      <c r="A2322" s="4" t="s">
        <v>376</v>
      </c>
      <c r="B2322" s="1" t="s">
        <v>3153</v>
      </c>
      <c r="C2322" s="5" t="s">
        <v>3890</v>
      </c>
      <c r="D2322" s="1" t="s">
        <v>10839</v>
      </c>
      <c r="E2322" s="5" t="s">
        <v>17112</v>
      </c>
      <c r="F2322" s="6">
        <v>7948</v>
      </c>
    </row>
    <row r="2323" spans="1:6" x14ac:dyDescent="0.25">
      <c r="A2323" s="4" t="s">
        <v>2644</v>
      </c>
      <c r="B2323" s="1" t="s">
        <v>3161</v>
      </c>
      <c r="C2323" s="5" t="s">
        <v>6563</v>
      </c>
      <c r="D2323" s="1" t="s">
        <v>2644</v>
      </c>
      <c r="E2323" s="5" t="s">
        <v>16428</v>
      </c>
      <c r="F2323" s="6">
        <v>5887</v>
      </c>
    </row>
    <row r="2324" spans="1:6" x14ac:dyDescent="0.25">
      <c r="A2324" s="4" t="s">
        <v>2657</v>
      </c>
      <c r="B2324" s="1" t="s">
        <v>3149</v>
      </c>
      <c r="C2324" s="5" t="s">
        <v>6573</v>
      </c>
      <c r="D2324" s="1" t="s">
        <v>2657</v>
      </c>
      <c r="E2324" s="5" t="s">
        <v>16450</v>
      </c>
      <c r="F2324" s="6">
        <v>5938</v>
      </c>
    </row>
    <row r="2325" spans="1:6" x14ac:dyDescent="0.25">
      <c r="A2325" s="4" t="s">
        <v>2540</v>
      </c>
      <c r="B2325" s="1" t="s">
        <v>3155</v>
      </c>
      <c r="C2325" s="5" t="s">
        <v>6445</v>
      </c>
      <c r="D2325" s="1" t="s">
        <v>10208</v>
      </c>
      <c r="E2325" s="5" t="s">
        <v>16233</v>
      </c>
      <c r="F2325" s="6">
        <v>5451</v>
      </c>
    </row>
    <row r="2326" spans="1:6" x14ac:dyDescent="0.25">
      <c r="A2326" s="4" t="s">
        <v>102</v>
      </c>
      <c r="B2326" s="1" t="s">
        <v>3155</v>
      </c>
      <c r="C2326" s="5" t="s">
        <v>3360</v>
      </c>
      <c r="D2326" s="1" t="s">
        <v>7485</v>
      </c>
      <c r="E2326" s="5" t="s">
        <v>11768</v>
      </c>
      <c r="F2326" s="6">
        <v>189</v>
      </c>
    </row>
    <row r="2327" spans="1:6" x14ac:dyDescent="0.25">
      <c r="A2327" s="4" t="s">
        <v>102</v>
      </c>
      <c r="B2327" s="1" t="s">
        <v>3155</v>
      </c>
      <c r="C2327" s="5" t="s">
        <v>5234</v>
      </c>
      <c r="D2327" s="1" t="s">
        <v>9067</v>
      </c>
      <c r="E2327" s="5" t="s">
        <v>14168</v>
      </c>
      <c r="F2327" s="6">
        <v>2825</v>
      </c>
    </row>
    <row r="2328" spans="1:6" x14ac:dyDescent="0.25">
      <c r="A2328" s="4" t="s">
        <v>102</v>
      </c>
      <c r="B2328" s="1" t="s">
        <v>3155</v>
      </c>
      <c r="C2328" s="5" t="s">
        <v>6090</v>
      </c>
      <c r="D2328" s="1" t="s">
        <v>9656</v>
      </c>
      <c r="E2328" s="5" t="s">
        <v>15528</v>
      </c>
      <c r="F2328" s="6">
        <v>4266</v>
      </c>
    </row>
    <row r="2329" spans="1:6" x14ac:dyDescent="0.25">
      <c r="A2329" s="4" t="s">
        <v>102</v>
      </c>
      <c r="B2329" s="1" t="s">
        <v>3155</v>
      </c>
      <c r="C2329" s="5" t="s">
        <v>3360</v>
      </c>
      <c r="D2329" s="1" t="s">
        <v>9731</v>
      </c>
      <c r="E2329" s="5" t="s">
        <v>15628</v>
      </c>
      <c r="F2329" s="6">
        <v>4370</v>
      </c>
    </row>
    <row r="2330" spans="1:6" x14ac:dyDescent="0.25">
      <c r="A2330" s="4" t="s">
        <v>102</v>
      </c>
      <c r="B2330" s="1" t="s">
        <v>3155</v>
      </c>
      <c r="C2330" s="5" t="s">
        <v>5151</v>
      </c>
      <c r="D2330" s="1" t="s">
        <v>9813</v>
      </c>
      <c r="E2330" s="5" t="s">
        <v>15731</v>
      </c>
      <c r="F2330" s="6">
        <v>4501</v>
      </c>
    </row>
    <row r="2331" spans="1:6" x14ac:dyDescent="0.25">
      <c r="A2331" s="4" t="s">
        <v>102</v>
      </c>
      <c r="B2331" s="1" t="s">
        <v>3155</v>
      </c>
      <c r="C2331" s="5" t="s">
        <v>6290</v>
      </c>
      <c r="D2331" s="1" t="s">
        <v>9936</v>
      </c>
      <c r="E2331" s="5" t="s">
        <v>15885</v>
      </c>
      <c r="F2331" s="6">
        <v>4799</v>
      </c>
    </row>
    <row r="2332" spans="1:6" x14ac:dyDescent="0.25">
      <c r="A2332" s="4" t="s">
        <v>102</v>
      </c>
      <c r="B2332" s="1" t="s">
        <v>3155</v>
      </c>
      <c r="C2332" s="5" t="s">
        <v>6377</v>
      </c>
      <c r="D2332" s="1" t="s">
        <v>10093</v>
      </c>
      <c r="E2332" s="5" t="s">
        <v>16092</v>
      </c>
      <c r="F2332" s="6">
        <v>5139</v>
      </c>
    </row>
    <row r="2333" spans="1:6" x14ac:dyDescent="0.25">
      <c r="A2333" s="4" t="s">
        <v>102</v>
      </c>
      <c r="B2333" s="1" t="s">
        <v>3155</v>
      </c>
      <c r="C2333" s="5" t="s">
        <v>6377</v>
      </c>
      <c r="D2333" s="1" t="s">
        <v>10194</v>
      </c>
      <c r="E2333" s="5" t="s">
        <v>16214</v>
      </c>
      <c r="F2333" s="6">
        <v>5397</v>
      </c>
    </row>
    <row r="2334" spans="1:6" x14ac:dyDescent="0.25">
      <c r="A2334" s="4" t="s">
        <v>102</v>
      </c>
      <c r="B2334" s="1" t="s">
        <v>3155</v>
      </c>
      <c r="C2334" s="5" t="s">
        <v>6554</v>
      </c>
      <c r="D2334" s="1" t="s">
        <v>10321</v>
      </c>
      <c r="E2334" s="5" t="s">
        <v>16415</v>
      </c>
      <c r="F2334" s="6">
        <v>5872</v>
      </c>
    </row>
    <row r="2335" spans="1:6" x14ac:dyDescent="0.25">
      <c r="A2335" s="4" t="s">
        <v>102</v>
      </c>
      <c r="B2335" s="1" t="s">
        <v>3155</v>
      </c>
      <c r="C2335" s="5" t="s">
        <v>6742</v>
      </c>
      <c r="D2335" s="1" t="s">
        <v>10587</v>
      </c>
      <c r="E2335" s="5" t="s">
        <v>16787</v>
      </c>
      <c r="F2335" s="6">
        <v>6944</v>
      </c>
    </row>
    <row r="2336" spans="1:6" x14ac:dyDescent="0.25">
      <c r="A2336" s="4" t="s">
        <v>102</v>
      </c>
      <c r="B2336" s="1" t="s">
        <v>3155</v>
      </c>
      <c r="C2336" s="5" t="s">
        <v>3360</v>
      </c>
      <c r="D2336" s="1" t="s">
        <v>10716</v>
      </c>
      <c r="E2336" s="5" t="s">
        <v>16949</v>
      </c>
      <c r="F2336" s="6">
        <v>7382</v>
      </c>
    </row>
    <row r="2337" spans="1:6" x14ac:dyDescent="0.25">
      <c r="A2337" s="4" t="s">
        <v>102</v>
      </c>
      <c r="B2337" s="1" t="s">
        <v>3155</v>
      </c>
      <c r="C2337" s="5" t="s">
        <v>6554</v>
      </c>
      <c r="D2337" s="1" t="s">
        <v>10765</v>
      </c>
      <c r="E2337" s="5" t="s">
        <v>17018</v>
      </c>
      <c r="F2337" s="6">
        <v>7606</v>
      </c>
    </row>
    <row r="2338" spans="1:6" x14ac:dyDescent="0.25">
      <c r="A2338" s="4" t="s">
        <v>102</v>
      </c>
      <c r="B2338" s="1" t="s">
        <v>3155</v>
      </c>
      <c r="C2338" s="5" t="s">
        <v>6377</v>
      </c>
      <c r="D2338" s="1" t="s">
        <v>10921</v>
      </c>
      <c r="E2338" s="5" t="s">
        <v>17214</v>
      </c>
      <c r="F2338" s="6">
        <v>8202</v>
      </c>
    </row>
    <row r="2339" spans="1:6" x14ac:dyDescent="0.25">
      <c r="A2339" s="4" t="s">
        <v>102</v>
      </c>
      <c r="B2339" s="1" t="s">
        <v>3155</v>
      </c>
      <c r="C2339" s="5" t="s">
        <v>6924</v>
      </c>
      <c r="D2339" s="1" t="s">
        <v>10938</v>
      </c>
      <c r="E2339" s="5" t="s">
        <v>17235</v>
      </c>
      <c r="F2339" s="6">
        <v>8273</v>
      </c>
    </row>
    <row r="2340" spans="1:6" x14ac:dyDescent="0.25">
      <c r="A2340" s="4" t="s">
        <v>102</v>
      </c>
      <c r="B2340" s="1" t="s">
        <v>3155</v>
      </c>
      <c r="C2340" s="5" t="s">
        <v>6554</v>
      </c>
      <c r="D2340" s="1" t="s">
        <v>11187</v>
      </c>
      <c r="E2340" s="5" t="s">
        <v>17566</v>
      </c>
      <c r="F2340" s="6">
        <v>9180</v>
      </c>
    </row>
    <row r="2341" spans="1:6" x14ac:dyDescent="0.25">
      <c r="A2341" s="4" t="s">
        <v>102</v>
      </c>
      <c r="B2341" s="1" t="s">
        <v>3155</v>
      </c>
      <c r="C2341" s="5" t="s">
        <v>7178</v>
      </c>
      <c r="D2341" s="1" t="s">
        <v>11305</v>
      </c>
      <c r="E2341" s="5" t="s">
        <v>17723</v>
      </c>
      <c r="F2341" s="6">
        <v>9345</v>
      </c>
    </row>
    <row r="2342" spans="1:6" x14ac:dyDescent="0.25">
      <c r="A2342" s="4" t="s">
        <v>3079</v>
      </c>
      <c r="B2342" s="1" t="s">
        <v>3160</v>
      </c>
      <c r="C2342" s="5" t="s">
        <v>7230</v>
      </c>
      <c r="D2342" s="1" t="s">
        <v>3079</v>
      </c>
      <c r="E2342" s="5" t="s">
        <v>17888</v>
      </c>
      <c r="F2342" s="6">
        <v>9517</v>
      </c>
    </row>
    <row r="2343" spans="1:6" x14ac:dyDescent="0.25">
      <c r="A2343" s="4" t="s">
        <v>146</v>
      </c>
      <c r="B2343" s="1" t="s">
        <v>3152</v>
      </c>
      <c r="C2343" s="5" t="s">
        <v>3421</v>
      </c>
      <c r="D2343" s="1" t="s">
        <v>7548</v>
      </c>
      <c r="E2343" s="5" t="s">
        <v>11834</v>
      </c>
      <c r="F2343" s="6">
        <v>265</v>
      </c>
    </row>
    <row r="2344" spans="1:6" x14ac:dyDescent="0.25">
      <c r="A2344" s="4" t="s">
        <v>146</v>
      </c>
      <c r="B2344" s="1" t="s">
        <v>3152</v>
      </c>
      <c r="C2344" s="5" t="s">
        <v>6630</v>
      </c>
      <c r="D2344" s="1" t="s">
        <v>10432</v>
      </c>
      <c r="E2344" s="5" t="s">
        <v>16579</v>
      </c>
      <c r="F2344" s="6">
        <v>6284</v>
      </c>
    </row>
    <row r="2345" spans="1:6" x14ac:dyDescent="0.25">
      <c r="A2345" s="4" t="s">
        <v>146</v>
      </c>
      <c r="B2345" s="1" t="s">
        <v>3152</v>
      </c>
      <c r="C2345" s="5">
        <v>143532</v>
      </c>
      <c r="D2345" s="1" t="s">
        <v>9267</v>
      </c>
      <c r="E2345" s="5" t="s">
        <v>17054</v>
      </c>
      <c r="F2345" s="6">
        <v>7691</v>
      </c>
    </row>
    <row r="2346" spans="1:6" x14ac:dyDescent="0.25">
      <c r="A2346" s="4" t="s">
        <v>22</v>
      </c>
      <c r="B2346" s="1" t="s">
        <v>3154</v>
      </c>
      <c r="C2346" s="5" t="s">
        <v>3237</v>
      </c>
      <c r="D2346" s="1" t="s">
        <v>7363</v>
      </c>
      <c r="E2346" s="5" t="s">
        <v>11636</v>
      </c>
      <c r="F2346" s="6">
        <v>44</v>
      </c>
    </row>
    <row r="2347" spans="1:6" x14ac:dyDescent="0.25">
      <c r="A2347" s="4" t="s">
        <v>22</v>
      </c>
      <c r="B2347" s="1" t="s">
        <v>3154</v>
      </c>
      <c r="C2347" s="5" t="s">
        <v>3275</v>
      </c>
      <c r="D2347" s="1" t="s">
        <v>7402</v>
      </c>
      <c r="E2347" s="5" t="s">
        <v>11677</v>
      </c>
      <c r="F2347" s="6">
        <v>90</v>
      </c>
    </row>
    <row r="2348" spans="1:6" x14ac:dyDescent="0.25">
      <c r="A2348" s="4" t="s">
        <v>22</v>
      </c>
      <c r="B2348" s="1" t="s">
        <v>3154</v>
      </c>
      <c r="C2348" s="5" t="s">
        <v>3237</v>
      </c>
      <c r="D2348" s="1" t="s">
        <v>7563</v>
      </c>
      <c r="E2348" s="5" t="s">
        <v>11849</v>
      </c>
      <c r="F2348" s="6">
        <v>280</v>
      </c>
    </row>
    <row r="2349" spans="1:6" x14ac:dyDescent="0.25">
      <c r="A2349" s="4" t="s">
        <v>22</v>
      </c>
      <c r="B2349" s="1" t="s">
        <v>3154</v>
      </c>
      <c r="C2349" s="5" t="s">
        <v>3275</v>
      </c>
      <c r="D2349" s="1" t="s">
        <v>7752</v>
      </c>
      <c r="E2349" s="5" t="s">
        <v>12051</v>
      </c>
      <c r="F2349" s="6">
        <v>485</v>
      </c>
    </row>
    <row r="2350" spans="1:6" x14ac:dyDescent="0.25">
      <c r="A2350" s="4" t="s">
        <v>22</v>
      </c>
      <c r="B2350" s="1" t="s">
        <v>3154</v>
      </c>
      <c r="C2350" s="5" t="s">
        <v>3237</v>
      </c>
      <c r="D2350" s="1" t="s">
        <v>7808</v>
      </c>
      <c r="E2350" s="5" t="s">
        <v>12111</v>
      </c>
      <c r="F2350" s="6">
        <v>572</v>
      </c>
    </row>
    <row r="2351" spans="1:6" x14ac:dyDescent="0.25">
      <c r="A2351" s="4" t="s">
        <v>22</v>
      </c>
      <c r="B2351" s="1" t="s">
        <v>3154</v>
      </c>
      <c r="C2351" s="5" t="s">
        <v>3275</v>
      </c>
      <c r="D2351" s="1" t="s">
        <v>7817</v>
      </c>
      <c r="E2351" s="5" t="s">
        <v>12120</v>
      </c>
      <c r="F2351" s="6">
        <v>583</v>
      </c>
    </row>
    <row r="2352" spans="1:6" x14ac:dyDescent="0.25">
      <c r="A2352" s="4" t="s">
        <v>22</v>
      </c>
      <c r="B2352" s="1" t="s">
        <v>3154</v>
      </c>
      <c r="C2352" s="5" t="s">
        <v>3674</v>
      </c>
      <c r="D2352" s="1" t="s">
        <v>7841</v>
      </c>
      <c r="E2352" s="5" t="s">
        <v>12144</v>
      </c>
      <c r="F2352" s="6">
        <v>616</v>
      </c>
    </row>
    <row r="2353" spans="1:6" x14ac:dyDescent="0.25">
      <c r="A2353" s="4" t="s">
        <v>22</v>
      </c>
      <c r="B2353" s="1" t="s">
        <v>3154</v>
      </c>
      <c r="C2353" s="5" t="s">
        <v>3275</v>
      </c>
      <c r="D2353" s="1" t="s">
        <v>7845</v>
      </c>
      <c r="E2353" s="5" t="s">
        <v>12148</v>
      </c>
      <c r="F2353" s="6">
        <v>622</v>
      </c>
    </row>
    <row r="2354" spans="1:6" x14ac:dyDescent="0.25">
      <c r="A2354" s="4" t="s">
        <v>22</v>
      </c>
      <c r="B2354" s="1" t="s">
        <v>3154</v>
      </c>
      <c r="C2354" s="5" t="s">
        <v>3237</v>
      </c>
      <c r="D2354" s="1" t="s">
        <v>8062</v>
      </c>
      <c r="E2354" s="5" t="s">
        <v>12416</v>
      </c>
      <c r="F2354" s="6">
        <v>929</v>
      </c>
    </row>
    <row r="2355" spans="1:6" x14ac:dyDescent="0.25">
      <c r="A2355" s="4" t="s">
        <v>22</v>
      </c>
      <c r="B2355" s="1" t="s">
        <v>3154</v>
      </c>
      <c r="C2355" s="5" t="s">
        <v>3275</v>
      </c>
      <c r="D2355" s="1" t="s">
        <v>8105</v>
      </c>
      <c r="E2355" s="5" t="s">
        <v>12481</v>
      </c>
      <c r="F2355" s="6">
        <v>1002</v>
      </c>
    </row>
    <row r="2356" spans="1:6" x14ac:dyDescent="0.25">
      <c r="A2356" s="4" t="s">
        <v>22</v>
      </c>
      <c r="B2356" s="1" t="s">
        <v>3154</v>
      </c>
      <c r="C2356" s="5" t="s">
        <v>4045</v>
      </c>
      <c r="D2356" s="1" t="s">
        <v>8206</v>
      </c>
      <c r="E2356" s="5" t="s">
        <v>12611</v>
      </c>
      <c r="F2356" s="6">
        <v>1202</v>
      </c>
    </row>
    <row r="2357" spans="1:6" x14ac:dyDescent="0.25">
      <c r="A2357" s="4" t="s">
        <v>22</v>
      </c>
      <c r="B2357" s="1" t="s">
        <v>3154</v>
      </c>
      <c r="C2357" s="5" t="s">
        <v>3237</v>
      </c>
      <c r="D2357" s="1" t="s">
        <v>8207</v>
      </c>
      <c r="E2357" s="5" t="s">
        <v>12612</v>
      </c>
      <c r="F2357" s="6">
        <v>1203</v>
      </c>
    </row>
    <row r="2358" spans="1:6" x14ac:dyDescent="0.25">
      <c r="A2358" s="4" t="s">
        <v>22</v>
      </c>
      <c r="B2358" s="1" t="s">
        <v>3154</v>
      </c>
      <c r="C2358" s="5" t="s">
        <v>3275</v>
      </c>
      <c r="D2358" s="1" t="s">
        <v>8362</v>
      </c>
      <c r="E2358" s="5" t="s">
        <v>12784</v>
      </c>
      <c r="F2358" s="6">
        <v>1381</v>
      </c>
    </row>
    <row r="2359" spans="1:6" x14ac:dyDescent="0.25">
      <c r="A2359" s="4" t="s">
        <v>22</v>
      </c>
      <c r="B2359" s="1" t="s">
        <v>3154</v>
      </c>
      <c r="C2359" s="5" t="s">
        <v>3237</v>
      </c>
      <c r="D2359" s="1" t="s">
        <v>8370</v>
      </c>
      <c r="E2359" s="5" t="s">
        <v>12796</v>
      </c>
      <c r="F2359" s="6">
        <v>1394</v>
      </c>
    </row>
    <row r="2360" spans="1:6" x14ac:dyDescent="0.25">
      <c r="A2360" s="4" t="s">
        <v>22</v>
      </c>
      <c r="B2360" s="1" t="s">
        <v>3154</v>
      </c>
      <c r="C2360" s="5" t="s">
        <v>3275</v>
      </c>
      <c r="D2360" s="1" t="s">
        <v>8581</v>
      </c>
      <c r="E2360" s="5" t="s">
        <v>13085</v>
      </c>
      <c r="F2360" s="6">
        <v>1717</v>
      </c>
    </row>
    <row r="2361" spans="1:6" x14ac:dyDescent="0.25">
      <c r="A2361" s="4" t="s">
        <v>22</v>
      </c>
      <c r="B2361" s="1" t="s">
        <v>3154</v>
      </c>
      <c r="C2361" s="5" t="s">
        <v>4348</v>
      </c>
      <c r="D2361" s="1" t="s">
        <v>8582</v>
      </c>
      <c r="E2361" s="5" t="s">
        <v>13086</v>
      </c>
      <c r="F2361" s="6">
        <v>1718</v>
      </c>
    </row>
    <row r="2362" spans="1:6" x14ac:dyDescent="0.25">
      <c r="A2362" s="4" t="s">
        <v>22</v>
      </c>
      <c r="B2362" s="1" t="s">
        <v>3154</v>
      </c>
      <c r="C2362" s="5" t="s">
        <v>3237</v>
      </c>
      <c r="D2362" s="1" t="s">
        <v>8583</v>
      </c>
      <c r="E2362" s="5" t="s">
        <v>13087</v>
      </c>
      <c r="F2362" s="6">
        <v>1719</v>
      </c>
    </row>
    <row r="2363" spans="1:6" x14ac:dyDescent="0.25">
      <c r="A2363" s="4" t="s">
        <v>22</v>
      </c>
      <c r="B2363" s="1" t="s">
        <v>3154</v>
      </c>
      <c r="C2363" s="5" t="s">
        <v>3237</v>
      </c>
      <c r="D2363" s="1" t="s">
        <v>8584</v>
      </c>
      <c r="E2363" s="5" t="s">
        <v>13088</v>
      </c>
      <c r="F2363" s="6">
        <v>1720</v>
      </c>
    </row>
    <row r="2364" spans="1:6" x14ac:dyDescent="0.25">
      <c r="A2364" s="4" t="s">
        <v>22</v>
      </c>
      <c r="B2364" s="1" t="s">
        <v>3154</v>
      </c>
      <c r="C2364" s="5" t="s">
        <v>4349</v>
      </c>
      <c r="D2364" s="1" t="s">
        <v>8585</v>
      </c>
      <c r="E2364" s="5" t="s">
        <v>13089</v>
      </c>
      <c r="F2364" s="6">
        <v>1721</v>
      </c>
    </row>
    <row r="2365" spans="1:6" x14ac:dyDescent="0.25">
      <c r="A2365" s="4" t="s">
        <v>22</v>
      </c>
      <c r="B2365" s="1" t="s">
        <v>3154</v>
      </c>
      <c r="C2365" s="5" t="s">
        <v>3674</v>
      </c>
      <c r="D2365" s="1" t="s">
        <v>8931</v>
      </c>
      <c r="E2365" s="5" t="s">
        <v>13898</v>
      </c>
      <c r="F2365" s="6">
        <v>2549</v>
      </c>
    </row>
    <row r="2366" spans="1:6" x14ac:dyDescent="0.25">
      <c r="A2366" s="4" t="s">
        <v>22</v>
      </c>
      <c r="B2366" s="1" t="s">
        <v>3154</v>
      </c>
      <c r="C2366" s="5" t="s">
        <v>3275</v>
      </c>
      <c r="D2366" s="1" t="s">
        <v>8976</v>
      </c>
      <c r="E2366" s="5" t="s">
        <v>13991</v>
      </c>
      <c r="F2366" s="6">
        <v>2645</v>
      </c>
    </row>
    <row r="2367" spans="1:6" x14ac:dyDescent="0.25">
      <c r="A2367" s="4" t="s">
        <v>22</v>
      </c>
      <c r="B2367" s="1" t="s">
        <v>3154</v>
      </c>
      <c r="C2367" s="5" t="s">
        <v>3237</v>
      </c>
      <c r="D2367" s="1" t="s">
        <v>8996</v>
      </c>
      <c r="E2367" s="5" t="s">
        <v>14032</v>
      </c>
      <c r="F2367" s="6">
        <v>2686</v>
      </c>
    </row>
    <row r="2368" spans="1:6" x14ac:dyDescent="0.25">
      <c r="A2368" s="4" t="s">
        <v>22</v>
      </c>
      <c r="B2368" s="1" t="s">
        <v>3154</v>
      </c>
      <c r="C2368" s="5" t="s">
        <v>3275</v>
      </c>
      <c r="D2368" s="1" t="s">
        <v>9086</v>
      </c>
      <c r="E2368" s="5" t="s">
        <v>14193</v>
      </c>
      <c r="F2368" s="6">
        <v>2852</v>
      </c>
    </row>
    <row r="2369" spans="1:6" x14ac:dyDescent="0.25">
      <c r="A2369" s="4" t="s">
        <v>22</v>
      </c>
      <c r="B2369" s="1" t="s">
        <v>3154</v>
      </c>
      <c r="C2369" s="5" t="s">
        <v>3237</v>
      </c>
      <c r="D2369" s="1" t="s">
        <v>9087</v>
      </c>
      <c r="E2369" s="5" t="s">
        <v>14194</v>
      </c>
      <c r="F2369" s="6">
        <v>2853</v>
      </c>
    </row>
    <row r="2370" spans="1:6" x14ac:dyDescent="0.25">
      <c r="A2370" s="4" t="s">
        <v>22</v>
      </c>
      <c r="B2370" s="1" t="s">
        <v>3154</v>
      </c>
      <c r="C2370" s="5">
        <v>122413</v>
      </c>
      <c r="D2370" s="1" t="s">
        <v>309</v>
      </c>
      <c r="E2370" s="5" t="s">
        <v>14333</v>
      </c>
      <c r="F2370" s="6">
        <v>2995</v>
      </c>
    </row>
    <row r="2371" spans="1:6" x14ac:dyDescent="0.25">
      <c r="A2371" s="4" t="s">
        <v>22</v>
      </c>
      <c r="B2371" s="1" t="s">
        <v>3154</v>
      </c>
      <c r="C2371" s="5" t="s">
        <v>4349</v>
      </c>
      <c r="D2371" s="1" t="s">
        <v>9243</v>
      </c>
      <c r="E2371" s="5" t="s">
        <v>14913</v>
      </c>
      <c r="F2371" s="6">
        <v>3634</v>
      </c>
    </row>
    <row r="2372" spans="1:6" x14ac:dyDescent="0.25">
      <c r="A2372" s="4" t="s">
        <v>22</v>
      </c>
      <c r="B2372" s="1" t="s">
        <v>3154</v>
      </c>
      <c r="C2372" s="5" t="s">
        <v>3275</v>
      </c>
      <c r="D2372" s="1" t="s">
        <v>9253</v>
      </c>
      <c r="E2372" s="5" t="s">
        <v>14927</v>
      </c>
      <c r="F2372" s="6">
        <v>3648</v>
      </c>
    </row>
    <row r="2373" spans="1:6" x14ac:dyDescent="0.25">
      <c r="A2373" s="4" t="s">
        <v>22</v>
      </c>
      <c r="B2373" s="1" t="s">
        <v>3154</v>
      </c>
      <c r="C2373" s="5" t="s">
        <v>3275</v>
      </c>
      <c r="D2373" s="1" t="s">
        <v>9258</v>
      </c>
      <c r="E2373" s="5" t="s">
        <v>14932</v>
      </c>
      <c r="F2373" s="6">
        <v>3654</v>
      </c>
    </row>
    <row r="2374" spans="1:6" x14ac:dyDescent="0.25">
      <c r="A2374" s="4" t="s">
        <v>22</v>
      </c>
      <c r="B2374" s="1" t="s">
        <v>3154</v>
      </c>
      <c r="C2374" s="5" t="s">
        <v>5708</v>
      </c>
      <c r="D2374" s="1" t="s">
        <v>9267</v>
      </c>
      <c r="E2374" s="5" t="s">
        <v>14941</v>
      </c>
      <c r="F2374" s="6">
        <v>3663</v>
      </c>
    </row>
    <row r="2375" spans="1:6" x14ac:dyDescent="0.25">
      <c r="A2375" s="4" t="s">
        <v>22</v>
      </c>
      <c r="B2375" s="1" t="s">
        <v>3154</v>
      </c>
      <c r="C2375" s="5" t="s">
        <v>3237</v>
      </c>
      <c r="D2375" s="1" t="s">
        <v>9269</v>
      </c>
      <c r="E2375" s="5" t="s">
        <v>14944</v>
      </c>
      <c r="F2375" s="6">
        <v>3666</v>
      </c>
    </row>
    <row r="2376" spans="1:6" x14ac:dyDescent="0.25">
      <c r="A2376" s="4" t="s">
        <v>22</v>
      </c>
      <c r="B2376" s="1" t="s">
        <v>3154</v>
      </c>
      <c r="C2376" s="5" t="s">
        <v>3275</v>
      </c>
      <c r="D2376" s="1" t="s">
        <v>9270</v>
      </c>
      <c r="E2376" s="5" t="s">
        <v>14945</v>
      </c>
      <c r="F2376" s="6">
        <v>3667</v>
      </c>
    </row>
    <row r="2377" spans="1:6" x14ac:dyDescent="0.25">
      <c r="A2377" s="4" t="s">
        <v>22</v>
      </c>
      <c r="B2377" s="1" t="s">
        <v>3154</v>
      </c>
      <c r="C2377" s="5" t="s">
        <v>3275</v>
      </c>
      <c r="D2377" s="1" t="s">
        <v>9277</v>
      </c>
      <c r="E2377" s="5" t="s">
        <v>14953</v>
      </c>
      <c r="F2377" s="6">
        <v>3676</v>
      </c>
    </row>
    <row r="2378" spans="1:6" x14ac:dyDescent="0.25">
      <c r="A2378" s="4" t="s">
        <v>22</v>
      </c>
      <c r="B2378" s="1" t="s">
        <v>3154</v>
      </c>
      <c r="C2378" s="5" t="s">
        <v>3674</v>
      </c>
      <c r="D2378" s="1" t="s">
        <v>9300</v>
      </c>
      <c r="E2378" s="5" t="s">
        <v>14983</v>
      </c>
      <c r="F2378" s="6">
        <v>3706</v>
      </c>
    </row>
    <row r="2379" spans="1:6" x14ac:dyDescent="0.25">
      <c r="A2379" s="4" t="s">
        <v>22</v>
      </c>
      <c r="B2379" s="1" t="s">
        <v>3154</v>
      </c>
      <c r="C2379" s="5" t="s">
        <v>3275</v>
      </c>
      <c r="D2379" s="1" t="s">
        <v>9320</v>
      </c>
      <c r="E2379" s="5" t="s">
        <v>15013</v>
      </c>
      <c r="F2379" s="6">
        <v>3740</v>
      </c>
    </row>
    <row r="2380" spans="1:6" x14ac:dyDescent="0.25">
      <c r="A2380" s="4" t="s">
        <v>22</v>
      </c>
      <c r="B2380" s="1" t="s">
        <v>3154</v>
      </c>
      <c r="C2380" s="5" t="s">
        <v>5860</v>
      </c>
      <c r="D2380" s="1" t="s">
        <v>9396</v>
      </c>
      <c r="E2380" s="5" t="s">
        <v>15140</v>
      </c>
      <c r="F2380" s="6">
        <v>3871</v>
      </c>
    </row>
    <row r="2381" spans="1:6" x14ac:dyDescent="0.25">
      <c r="A2381" s="4" t="s">
        <v>22</v>
      </c>
      <c r="B2381" s="1" t="s">
        <v>3154</v>
      </c>
      <c r="C2381" s="5" t="s">
        <v>5863</v>
      </c>
      <c r="D2381" s="1" t="s">
        <v>9402</v>
      </c>
      <c r="E2381" s="5" t="s">
        <v>15147</v>
      </c>
      <c r="F2381" s="6">
        <v>3878</v>
      </c>
    </row>
    <row r="2382" spans="1:6" x14ac:dyDescent="0.25">
      <c r="A2382" s="4" t="s">
        <v>22</v>
      </c>
      <c r="B2382" s="1" t="s">
        <v>3154</v>
      </c>
      <c r="C2382" s="5" t="s">
        <v>3237</v>
      </c>
      <c r="D2382" s="1" t="s">
        <v>9422</v>
      </c>
      <c r="E2382" s="5" t="s">
        <v>15174</v>
      </c>
      <c r="F2382" s="6">
        <v>3906</v>
      </c>
    </row>
    <row r="2383" spans="1:6" x14ac:dyDescent="0.25">
      <c r="A2383" s="4" t="s">
        <v>22</v>
      </c>
      <c r="B2383" s="1" t="s">
        <v>3154</v>
      </c>
      <c r="C2383" s="5" t="s">
        <v>3275</v>
      </c>
      <c r="D2383" s="1" t="s">
        <v>9484</v>
      </c>
      <c r="E2383" s="5" t="s">
        <v>15259</v>
      </c>
      <c r="F2383" s="6">
        <v>3994</v>
      </c>
    </row>
    <row r="2384" spans="1:6" x14ac:dyDescent="0.25">
      <c r="A2384" s="4" t="s">
        <v>22</v>
      </c>
      <c r="B2384" s="1" t="s">
        <v>3154</v>
      </c>
      <c r="C2384" s="5" t="s">
        <v>3275</v>
      </c>
      <c r="D2384" s="1" t="s">
        <v>9486</v>
      </c>
      <c r="E2384" s="5" t="s">
        <v>15263</v>
      </c>
      <c r="F2384" s="6">
        <v>3998</v>
      </c>
    </row>
    <row r="2385" spans="1:6" x14ac:dyDescent="0.25">
      <c r="A2385" s="4" t="s">
        <v>22</v>
      </c>
      <c r="B2385" s="1" t="s">
        <v>3154</v>
      </c>
      <c r="C2385" s="5" t="s">
        <v>3275</v>
      </c>
      <c r="D2385" s="1" t="s">
        <v>9487</v>
      </c>
      <c r="E2385" s="5" t="s">
        <v>15264</v>
      </c>
      <c r="F2385" s="6">
        <v>3999</v>
      </c>
    </row>
    <row r="2386" spans="1:6" x14ac:dyDescent="0.25">
      <c r="A2386" s="4" t="s">
        <v>22</v>
      </c>
      <c r="B2386" s="1" t="s">
        <v>3154</v>
      </c>
      <c r="C2386" s="5" t="s">
        <v>3237</v>
      </c>
      <c r="D2386" s="1" t="s">
        <v>9518</v>
      </c>
      <c r="E2386" s="5" t="s">
        <v>15313</v>
      </c>
      <c r="F2386" s="6">
        <v>4050</v>
      </c>
    </row>
    <row r="2387" spans="1:6" x14ac:dyDescent="0.25">
      <c r="A2387" s="4" t="s">
        <v>22</v>
      </c>
      <c r="B2387" s="1" t="s">
        <v>3154</v>
      </c>
      <c r="C2387" s="5" t="s">
        <v>3237</v>
      </c>
      <c r="D2387" s="1" t="s">
        <v>9578</v>
      </c>
      <c r="E2387" s="5" t="s">
        <v>15415</v>
      </c>
      <c r="F2387" s="6">
        <v>4153</v>
      </c>
    </row>
    <row r="2388" spans="1:6" x14ac:dyDescent="0.25">
      <c r="A2388" s="4" t="s">
        <v>22</v>
      </c>
      <c r="B2388" s="1" t="s">
        <v>3154</v>
      </c>
      <c r="C2388" s="5" t="s">
        <v>3275</v>
      </c>
      <c r="D2388" s="1" t="s">
        <v>9944</v>
      </c>
      <c r="E2388" s="5" t="s">
        <v>15893</v>
      </c>
      <c r="F2388" s="6">
        <v>4808</v>
      </c>
    </row>
    <row r="2389" spans="1:6" x14ac:dyDescent="0.25">
      <c r="A2389" s="4" t="s">
        <v>22</v>
      </c>
      <c r="B2389" s="1" t="s">
        <v>3154</v>
      </c>
      <c r="C2389" s="5" t="s">
        <v>3275</v>
      </c>
      <c r="D2389" s="1" t="s">
        <v>9945</v>
      </c>
      <c r="E2389" s="5" t="s">
        <v>15894</v>
      </c>
      <c r="F2389" s="6">
        <v>4809</v>
      </c>
    </row>
    <row r="2390" spans="1:6" x14ac:dyDescent="0.25">
      <c r="A2390" s="4" t="s">
        <v>22</v>
      </c>
      <c r="B2390" s="1" t="s">
        <v>3154</v>
      </c>
      <c r="C2390" s="5" t="s">
        <v>3275</v>
      </c>
      <c r="D2390" s="1" t="s">
        <v>9948</v>
      </c>
      <c r="E2390" s="5" t="s">
        <v>15901</v>
      </c>
      <c r="F2390" s="6">
        <v>4817</v>
      </c>
    </row>
    <row r="2391" spans="1:6" x14ac:dyDescent="0.25">
      <c r="A2391" s="4" t="s">
        <v>22</v>
      </c>
      <c r="B2391" s="1" t="s">
        <v>3154</v>
      </c>
      <c r="C2391" s="5">
        <v>122011</v>
      </c>
      <c r="D2391" s="1" t="s">
        <v>10456</v>
      </c>
      <c r="E2391" s="5" t="s">
        <v>16611</v>
      </c>
      <c r="F2391" s="6">
        <v>6367</v>
      </c>
    </row>
    <row r="2392" spans="1:6" x14ac:dyDescent="0.25">
      <c r="A2392" s="4" t="s">
        <v>22</v>
      </c>
      <c r="B2392" s="1" t="s">
        <v>3154</v>
      </c>
      <c r="C2392" s="5">
        <v>122008</v>
      </c>
      <c r="D2392" s="1" t="s">
        <v>10457</v>
      </c>
      <c r="E2392" s="5" t="s">
        <v>16612</v>
      </c>
      <c r="F2392" s="6">
        <v>6376</v>
      </c>
    </row>
    <row r="2393" spans="1:6" x14ac:dyDescent="0.25">
      <c r="A2393" s="4" t="s">
        <v>22</v>
      </c>
      <c r="B2393" s="1" t="s">
        <v>3154</v>
      </c>
      <c r="C2393" s="5" t="s">
        <v>6707</v>
      </c>
      <c r="D2393" s="1" t="s">
        <v>10546</v>
      </c>
      <c r="E2393" s="5" t="s">
        <v>16729</v>
      </c>
      <c r="F2393" s="6">
        <v>6722</v>
      </c>
    </row>
    <row r="2394" spans="1:6" x14ac:dyDescent="0.25">
      <c r="A2394" s="4" t="s">
        <v>22</v>
      </c>
      <c r="B2394" s="1" t="s">
        <v>3154</v>
      </c>
      <c r="C2394" s="5" t="s">
        <v>3674</v>
      </c>
      <c r="D2394" s="1" t="s">
        <v>10886</v>
      </c>
      <c r="E2394" s="5" t="s">
        <v>17173</v>
      </c>
      <c r="F2394" s="6">
        <v>8118</v>
      </c>
    </row>
    <row r="2395" spans="1:6" x14ac:dyDescent="0.25">
      <c r="A2395" s="4" t="s">
        <v>22</v>
      </c>
      <c r="B2395" s="1" t="s">
        <v>3154</v>
      </c>
      <c r="C2395" s="5" t="s">
        <v>5834</v>
      </c>
      <c r="D2395" s="1" t="s">
        <v>10924</v>
      </c>
      <c r="E2395" s="5" t="s">
        <v>17217</v>
      </c>
      <c r="F2395" s="6">
        <v>8205</v>
      </c>
    </row>
    <row r="2396" spans="1:6" x14ac:dyDescent="0.25">
      <c r="A2396" s="4" t="s">
        <v>22</v>
      </c>
      <c r="B2396" s="1" t="s">
        <v>3154</v>
      </c>
      <c r="C2396" s="5" t="s">
        <v>3275</v>
      </c>
      <c r="D2396" s="1" t="s">
        <v>11086</v>
      </c>
      <c r="E2396" s="5" t="s">
        <v>17430</v>
      </c>
      <c r="F2396" s="6">
        <v>9038</v>
      </c>
    </row>
    <row r="2397" spans="1:6" x14ac:dyDescent="0.25">
      <c r="A2397" s="4" t="s">
        <v>22</v>
      </c>
      <c r="B2397" s="1" t="s">
        <v>3154</v>
      </c>
      <c r="C2397" s="5" t="s">
        <v>3275</v>
      </c>
      <c r="D2397" s="1" t="s">
        <v>11110</v>
      </c>
      <c r="E2397" s="5" t="s">
        <v>17464</v>
      </c>
      <c r="F2397" s="6">
        <v>9075</v>
      </c>
    </row>
    <row r="2398" spans="1:6" x14ac:dyDescent="0.25">
      <c r="A2398" s="4" t="s">
        <v>22</v>
      </c>
      <c r="B2398" s="1" t="s">
        <v>3154</v>
      </c>
      <c r="C2398" s="5" t="s">
        <v>5863</v>
      </c>
      <c r="D2398" s="1" t="s">
        <v>11123</v>
      </c>
      <c r="E2398" s="5" t="s">
        <v>17479</v>
      </c>
      <c r="F2398" s="6">
        <v>9090</v>
      </c>
    </row>
    <row r="2399" spans="1:6" x14ac:dyDescent="0.25">
      <c r="A2399" s="4" t="s">
        <v>22</v>
      </c>
      <c r="B2399" s="1" t="s">
        <v>3154</v>
      </c>
      <c r="C2399" s="5" t="s">
        <v>3275</v>
      </c>
      <c r="D2399" s="1" t="s">
        <v>11125</v>
      </c>
      <c r="E2399" s="5" t="s">
        <v>17483</v>
      </c>
      <c r="F2399" s="6">
        <v>9094</v>
      </c>
    </row>
    <row r="2400" spans="1:6" x14ac:dyDescent="0.25">
      <c r="A2400" s="4" t="s">
        <v>22</v>
      </c>
      <c r="B2400" s="1" t="s">
        <v>3154</v>
      </c>
      <c r="C2400" s="5" t="s">
        <v>3237</v>
      </c>
      <c r="D2400" s="1" t="s">
        <v>11138</v>
      </c>
      <c r="E2400" s="5" t="s">
        <v>17498</v>
      </c>
      <c r="F2400" s="6">
        <v>9110</v>
      </c>
    </row>
    <row r="2401" spans="1:6" x14ac:dyDescent="0.25">
      <c r="A2401" s="4" t="s">
        <v>22</v>
      </c>
      <c r="B2401" s="1" t="s">
        <v>3154</v>
      </c>
      <c r="C2401" s="5" t="s">
        <v>3275</v>
      </c>
      <c r="D2401" s="1" t="s">
        <v>11141</v>
      </c>
      <c r="E2401" s="5" t="s">
        <v>17501</v>
      </c>
      <c r="F2401" s="6">
        <v>9113</v>
      </c>
    </row>
    <row r="2402" spans="1:6" x14ac:dyDescent="0.25">
      <c r="A2402" s="4" t="s">
        <v>22</v>
      </c>
      <c r="B2402" s="1" t="s">
        <v>3154</v>
      </c>
      <c r="C2402" s="5" t="s">
        <v>3275</v>
      </c>
      <c r="D2402" s="1" t="s">
        <v>11147</v>
      </c>
      <c r="E2402" s="5" t="s">
        <v>17507</v>
      </c>
      <c r="F2402" s="6">
        <v>9119</v>
      </c>
    </row>
    <row r="2403" spans="1:6" x14ac:dyDescent="0.25">
      <c r="A2403" s="4" t="s">
        <v>22</v>
      </c>
      <c r="B2403" s="1" t="s">
        <v>3154</v>
      </c>
      <c r="C2403" s="5" t="s">
        <v>5699</v>
      </c>
      <c r="D2403" s="1" t="s">
        <v>11153</v>
      </c>
      <c r="E2403" s="5" t="s">
        <v>17514</v>
      </c>
      <c r="F2403" s="6">
        <v>9126</v>
      </c>
    </row>
    <row r="2404" spans="1:6" x14ac:dyDescent="0.25">
      <c r="A2404" s="4" t="s">
        <v>22</v>
      </c>
      <c r="B2404" s="1" t="s">
        <v>3154</v>
      </c>
      <c r="C2404" s="5" t="s">
        <v>3237</v>
      </c>
      <c r="D2404" s="1" t="s">
        <v>11161</v>
      </c>
      <c r="E2404" s="5" t="s">
        <v>17527</v>
      </c>
      <c r="F2404" s="6">
        <v>9141</v>
      </c>
    </row>
    <row r="2405" spans="1:6" x14ac:dyDescent="0.25">
      <c r="A2405" s="4" t="s">
        <v>22</v>
      </c>
      <c r="B2405" s="1" t="s">
        <v>3154</v>
      </c>
      <c r="C2405" s="5" t="s">
        <v>5708</v>
      </c>
      <c r="D2405" s="1" t="s">
        <v>11252</v>
      </c>
      <c r="E2405" s="5" t="s">
        <v>17652</v>
      </c>
      <c r="F2405" s="6">
        <v>9270</v>
      </c>
    </row>
    <row r="2406" spans="1:6" x14ac:dyDescent="0.25">
      <c r="A2406" s="4" t="s">
        <v>22</v>
      </c>
      <c r="B2406" s="1" t="s">
        <v>3154</v>
      </c>
      <c r="C2406" s="5" t="s">
        <v>3237</v>
      </c>
      <c r="D2406" s="1" t="s">
        <v>11253</v>
      </c>
      <c r="E2406" s="5" t="s">
        <v>17655</v>
      </c>
      <c r="F2406" s="6">
        <v>9273</v>
      </c>
    </row>
    <row r="2407" spans="1:6" x14ac:dyDescent="0.25">
      <c r="A2407" s="4" t="s">
        <v>22</v>
      </c>
      <c r="B2407" s="1" t="s">
        <v>3154</v>
      </c>
      <c r="C2407" s="5" t="s">
        <v>3237</v>
      </c>
      <c r="D2407" s="1" t="s">
        <v>11262</v>
      </c>
      <c r="E2407" s="5" t="s">
        <v>17667</v>
      </c>
      <c r="F2407" s="6">
        <v>9285</v>
      </c>
    </row>
    <row r="2408" spans="1:6" x14ac:dyDescent="0.25">
      <c r="A2408" s="4" t="s">
        <v>22</v>
      </c>
      <c r="B2408" s="1" t="s">
        <v>3154</v>
      </c>
      <c r="C2408" s="5" t="s">
        <v>5708</v>
      </c>
      <c r="D2408" s="1" t="s">
        <v>11338</v>
      </c>
      <c r="E2408" s="5" t="s">
        <v>17760</v>
      </c>
      <c r="F2408" s="6">
        <v>9382</v>
      </c>
    </row>
    <row r="2409" spans="1:6" x14ac:dyDescent="0.25">
      <c r="A2409" s="4" t="s">
        <v>22</v>
      </c>
      <c r="B2409" s="1" t="s">
        <v>3154</v>
      </c>
      <c r="C2409" s="5" t="s">
        <v>3237</v>
      </c>
      <c r="D2409" s="1" t="s">
        <v>11346</v>
      </c>
      <c r="E2409" s="5" t="s">
        <v>17768</v>
      </c>
      <c r="F2409" s="6">
        <v>9390</v>
      </c>
    </row>
    <row r="2410" spans="1:6" x14ac:dyDescent="0.25">
      <c r="A2410" s="4" t="s">
        <v>22</v>
      </c>
      <c r="B2410" s="1" t="s">
        <v>3154</v>
      </c>
      <c r="C2410" s="5" t="s">
        <v>3275</v>
      </c>
      <c r="D2410" s="1" t="s">
        <v>11348</v>
      </c>
      <c r="E2410" s="5" t="s">
        <v>17771</v>
      </c>
      <c r="F2410" s="6">
        <v>9393</v>
      </c>
    </row>
    <row r="2411" spans="1:6" x14ac:dyDescent="0.25">
      <c r="A2411" s="4" t="s">
        <v>22</v>
      </c>
      <c r="B2411" s="1" t="s">
        <v>3154</v>
      </c>
      <c r="C2411" s="5" t="s">
        <v>3275</v>
      </c>
      <c r="D2411" s="1" t="s">
        <v>11362</v>
      </c>
      <c r="E2411" s="5" t="s">
        <v>17786</v>
      </c>
      <c r="F2411" s="6">
        <v>9408</v>
      </c>
    </row>
    <row r="2412" spans="1:6" x14ac:dyDescent="0.25">
      <c r="A2412" s="4" t="s">
        <v>22</v>
      </c>
      <c r="B2412" s="1" t="s">
        <v>3154</v>
      </c>
      <c r="C2412" s="5" t="s">
        <v>4349</v>
      </c>
      <c r="D2412" s="1" t="s">
        <v>11381</v>
      </c>
      <c r="E2412" s="5" t="s">
        <v>17807</v>
      </c>
      <c r="F2412" s="6">
        <v>9433</v>
      </c>
    </row>
    <row r="2413" spans="1:6" x14ac:dyDescent="0.25">
      <c r="A2413" s="4" t="s">
        <v>22</v>
      </c>
      <c r="B2413" s="1" t="s">
        <v>3154</v>
      </c>
      <c r="C2413" s="5" t="s">
        <v>3237</v>
      </c>
      <c r="D2413" s="1" t="s">
        <v>11409</v>
      </c>
      <c r="E2413" s="5" t="s">
        <v>17838</v>
      </c>
      <c r="F2413" s="6">
        <v>9465</v>
      </c>
    </row>
    <row r="2414" spans="1:6" x14ac:dyDescent="0.25">
      <c r="A2414" s="4" t="s">
        <v>22</v>
      </c>
      <c r="B2414" s="1" t="s">
        <v>3154</v>
      </c>
      <c r="C2414" s="5" t="s">
        <v>3237</v>
      </c>
      <c r="D2414" s="1" t="s">
        <v>11450</v>
      </c>
      <c r="E2414" s="5" t="s">
        <v>17883</v>
      </c>
      <c r="F2414" s="6">
        <v>9512</v>
      </c>
    </row>
    <row r="2415" spans="1:6" x14ac:dyDescent="0.25">
      <c r="A2415" s="4" t="s">
        <v>22</v>
      </c>
      <c r="B2415" s="1" t="s">
        <v>3154</v>
      </c>
      <c r="C2415" s="5" t="s">
        <v>7265</v>
      </c>
      <c r="D2415" s="1" t="s">
        <v>11487</v>
      </c>
      <c r="E2415" s="5" t="s">
        <v>17944</v>
      </c>
      <c r="F2415" s="6">
        <v>9575</v>
      </c>
    </row>
    <row r="2416" spans="1:6" x14ac:dyDescent="0.25">
      <c r="A2416" s="4" t="s">
        <v>2193</v>
      </c>
      <c r="B2416" s="1" t="s">
        <v>3152</v>
      </c>
      <c r="C2416" s="5" t="s">
        <v>4192</v>
      </c>
      <c r="D2416" s="1" t="s">
        <v>2193</v>
      </c>
      <c r="E2416" s="5" t="s">
        <v>15236</v>
      </c>
      <c r="F2416" s="6">
        <v>3971</v>
      </c>
    </row>
    <row r="2417" spans="1:6" x14ac:dyDescent="0.25">
      <c r="A2417" s="4" t="s">
        <v>2308</v>
      </c>
      <c r="B2417" s="1" t="s">
        <v>3158</v>
      </c>
      <c r="C2417" s="5" t="s">
        <v>6073</v>
      </c>
      <c r="D2417" s="1" t="s">
        <v>2308</v>
      </c>
      <c r="E2417" s="5" t="s">
        <v>15502</v>
      </c>
      <c r="F2417" s="6">
        <v>4240</v>
      </c>
    </row>
    <row r="2418" spans="1:6" x14ac:dyDescent="0.25">
      <c r="A2418" s="4" t="s">
        <v>474</v>
      </c>
      <c r="B2418" s="1" t="s">
        <v>3150</v>
      </c>
      <c r="C2418" s="5" t="s">
        <v>4057</v>
      </c>
      <c r="D2418" s="1" t="s">
        <v>474</v>
      </c>
      <c r="E2418" s="5" t="s">
        <v>12639</v>
      </c>
      <c r="F2418" s="6">
        <v>1233</v>
      </c>
    </row>
    <row r="2419" spans="1:6" x14ac:dyDescent="0.25">
      <c r="A2419" s="4" t="s">
        <v>2448</v>
      </c>
      <c r="B2419" s="1" t="s">
        <v>3148</v>
      </c>
      <c r="C2419" s="5" t="s">
        <v>6323</v>
      </c>
      <c r="D2419" s="1" t="s">
        <v>9978</v>
      </c>
      <c r="E2419" s="5" t="s">
        <v>15940</v>
      </c>
      <c r="F2419" s="6">
        <v>4858</v>
      </c>
    </row>
    <row r="2420" spans="1:6" x14ac:dyDescent="0.25">
      <c r="A2420" s="4" t="s">
        <v>145</v>
      </c>
      <c r="B2420" s="1" t="s">
        <v>3164</v>
      </c>
      <c r="C2420" s="5" t="s">
        <v>3420</v>
      </c>
      <c r="D2420" s="1" t="s">
        <v>7547</v>
      </c>
      <c r="E2420" s="5" t="s">
        <v>11833</v>
      </c>
      <c r="F2420" s="6">
        <v>264</v>
      </c>
    </row>
    <row r="2421" spans="1:6" x14ac:dyDescent="0.25">
      <c r="A2421" s="4" t="s">
        <v>145</v>
      </c>
      <c r="B2421" s="1" t="s">
        <v>3164</v>
      </c>
      <c r="C2421" s="5" t="s">
        <v>3535</v>
      </c>
      <c r="D2421" s="1" t="s">
        <v>7674</v>
      </c>
      <c r="E2421" s="5" t="s">
        <v>11966</v>
      </c>
      <c r="F2421" s="6">
        <v>399</v>
      </c>
    </row>
    <row r="2422" spans="1:6" x14ac:dyDescent="0.25">
      <c r="A2422" s="4" t="s">
        <v>145</v>
      </c>
      <c r="B2422" s="1" t="s">
        <v>3164</v>
      </c>
      <c r="C2422" s="5" t="s">
        <v>3683</v>
      </c>
      <c r="D2422" s="1" t="s">
        <v>7854</v>
      </c>
      <c r="E2422" s="5" t="s">
        <v>12157</v>
      </c>
      <c r="F2422" s="6">
        <v>631</v>
      </c>
    </row>
    <row r="2423" spans="1:6" x14ac:dyDescent="0.25">
      <c r="A2423" s="4" t="s">
        <v>145</v>
      </c>
      <c r="B2423" s="1" t="s">
        <v>3164</v>
      </c>
      <c r="C2423" s="5" t="s">
        <v>3420</v>
      </c>
      <c r="D2423" s="1" t="s">
        <v>8433</v>
      </c>
      <c r="E2423" s="5" t="s">
        <v>12873</v>
      </c>
      <c r="F2423" s="6">
        <v>1474</v>
      </c>
    </row>
    <row r="2424" spans="1:6" x14ac:dyDescent="0.25">
      <c r="A2424" s="4" t="s">
        <v>145</v>
      </c>
      <c r="B2424" s="1" t="s">
        <v>3164</v>
      </c>
      <c r="C2424" s="5" t="s">
        <v>4811</v>
      </c>
      <c r="D2424" s="1" t="s">
        <v>8818</v>
      </c>
      <c r="E2424" s="5" t="s">
        <v>13638</v>
      </c>
      <c r="F2424" s="6">
        <v>2282</v>
      </c>
    </row>
    <row r="2425" spans="1:6" x14ac:dyDescent="0.25">
      <c r="A2425" s="4" t="s">
        <v>145</v>
      </c>
      <c r="B2425" s="1" t="s">
        <v>3164</v>
      </c>
      <c r="C2425" s="5" t="s">
        <v>5160</v>
      </c>
      <c r="D2425" s="1" t="s">
        <v>9016</v>
      </c>
      <c r="E2425" s="5" t="s">
        <v>14066</v>
      </c>
      <c r="F2425" s="6">
        <v>2721</v>
      </c>
    </row>
    <row r="2426" spans="1:6" x14ac:dyDescent="0.25">
      <c r="A2426" s="4" t="s">
        <v>145</v>
      </c>
      <c r="B2426" s="1" t="s">
        <v>3164</v>
      </c>
      <c r="C2426" s="5" t="s">
        <v>3683</v>
      </c>
      <c r="D2426" s="1" t="s">
        <v>9710</v>
      </c>
      <c r="E2426" s="5" t="s">
        <v>15602</v>
      </c>
      <c r="F2426" s="6">
        <v>4344</v>
      </c>
    </row>
    <row r="2427" spans="1:6" x14ac:dyDescent="0.25">
      <c r="A2427" s="4" t="s">
        <v>145</v>
      </c>
      <c r="B2427" s="1" t="s">
        <v>3164</v>
      </c>
      <c r="C2427" s="5" t="s">
        <v>3535</v>
      </c>
      <c r="D2427" s="1" t="s">
        <v>9847</v>
      </c>
      <c r="E2427" s="5" t="s">
        <v>15772</v>
      </c>
      <c r="F2427" s="6">
        <v>4678</v>
      </c>
    </row>
    <row r="2428" spans="1:6" x14ac:dyDescent="0.25">
      <c r="A2428" s="4" t="s">
        <v>145</v>
      </c>
      <c r="B2428" s="1" t="s">
        <v>3164</v>
      </c>
      <c r="C2428" s="5" t="s">
        <v>3535</v>
      </c>
      <c r="D2428" s="1" t="s">
        <v>9863</v>
      </c>
      <c r="E2428" s="5" t="s">
        <v>15795</v>
      </c>
      <c r="F2428" s="6">
        <v>4703</v>
      </c>
    </row>
    <row r="2429" spans="1:6" x14ac:dyDescent="0.25">
      <c r="A2429" s="4" t="s">
        <v>145</v>
      </c>
      <c r="B2429" s="1" t="s">
        <v>3164</v>
      </c>
      <c r="C2429" s="5" t="s">
        <v>3535</v>
      </c>
      <c r="D2429" s="1" t="s">
        <v>9867</v>
      </c>
      <c r="E2429" s="5" t="s">
        <v>15799</v>
      </c>
      <c r="F2429" s="6">
        <v>4707</v>
      </c>
    </row>
    <row r="2430" spans="1:6" x14ac:dyDescent="0.25">
      <c r="A2430" s="4" t="s">
        <v>145</v>
      </c>
      <c r="B2430" s="1" t="s">
        <v>3164</v>
      </c>
      <c r="C2430" s="5" t="s">
        <v>3771</v>
      </c>
      <c r="D2430" s="1" t="s">
        <v>10129</v>
      </c>
      <c r="E2430" s="5" t="s">
        <v>16134</v>
      </c>
      <c r="F2430" s="6">
        <v>5221</v>
      </c>
    </row>
    <row r="2431" spans="1:6" x14ac:dyDescent="0.25">
      <c r="A2431" s="4" t="s">
        <v>145</v>
      </c>
      <c r="B2431" s="1" t="s">
        <v>3164</v>
      </c>
      <c r="C2431" s="5" t="s">
        <v>6459</v>
      </c>
      <c r="D2431" s="1" t="s">
        <v>10229</v>
      </c>
      <c r="E2431" s="5" t="s">
        <v>16265</v>
      </c>
      <c r="F2431" s="6">
        <v>5520</v>
      </c>
    </row>
    <row r="2432" spans="1:6" x14ac:dyDescent="0.25">
      <c r="A2432" s="4" t="s">
        <v>145</v>
      </c>
      <c r="B2432" s="1" t="s">
        <v>3164</v>
      </c>
      <c r="C2432" s="5" t="s">
        <v>6509</v>
      </c>
      <c r="D2432" s="1" t="s">
        <v>10267</v>
      </c>
      <c r="E2432" s="5" t="s">
        <v>16332</v>
      </c>
      <c r="F2432" s="6">
        <v>5671</v>
      </c>
    </row>
    <row r="2433" spans="1:6" x14ac:dyDescent="0.25">
      <c r="A2433" s="4" t="s">
        <v>145</v>
      </c>
      <c r="B2433" s="1" t="s">
        <v>3164</v>
      </c>
      <c r="C2433" s="5">
        <v>781026</v>
      </c>
      <c r="D2433" s="1" t="s">
        <v>10855</v>
      </c>
      <c r="E2433" s="5" t="s">
        <v>17135</v>
      </c>
      <c r="F2433" s="6">
        <v>8019</v>
      </c>
    </row>
    <row r="2434" spans="1:6" x14ac:dyDescent="0.25">
      <c r="A2434" s="4" t="s">
        <v>145</v>
      </c>
      <c r="B2434" s="1" t="s">
        <v>3164</v>
      </c>
      <c r="C2434" s="5" t="s">
        <v>7124</v>
      </c>
      <c r="D2434" s="1" t="s">
        <v>11230</v>
      </c>
      <c r="E2434" s="5" t="s">
        <v>17624</v>
      </c>
      <c r="F2434" s="6">
        <v>9241</v>
      </c>
    </row>
    <row r="2435" spans="1:6" x14ac:dyDescent="0.25">
      <c r="A2435" s="4" t="s">
        <v>145</v>
      </c>
      <c r="B2435" s="1" t="s">
        <v>3164</v>
      </c>
      <c r="C2435" s="5" t="s">
        <v>7161</v>
      </c>
      <c r="D2435" s="1" t="s">
        <v>11281</v>
      </c>
      <c r="E2435" s="5" t="s">
        <v>17692</v>
      </c>
      <c r="F2435" s="6">
        <v>9310</v>
      </c>
    </row>
    <row r="2436" spans="1:6" x14ac:dyDescent="0.25">
      <c r="A2436" s="4" t="s">
        <v>145</v>
      </c>
      <c r="B2436" s="1" t="s">
        <v>3164</v>
      </c>
      <c r="C2436" s="5" t="s">
        <v>7210</v>
      </c>
      <c r="D2436" s="1" t="s">
        <v>11412</v>
      </c>
      <c r="E2436" s="5" t="s">
        <v>17841</v>
      </c>
      <c r="F2436" s="6">
        <v>9468</v>
      </c>
    </row>
    <row r="2437" spans="1:6" x14ac:dyDescent="0.25">
      <c r="A2437" s="4" t="s">
        <v>145</v>
      </c>
      <c r="B2437" s="1" t="s">
        <v>3164</v>
      </c>
      <c r="C2437" s="5" t="s">
        <v>3683</v>
      </c>
      <c r="D2437" s="1" t="s">
        <v>11493</v>
      </c>
      <c r="E2437" s="5" t="s">
        <v>17952</v>
      </c>
      <c r="F2437" s="6">
        <v>9584</v>
      </c>
    </row>
    <row r="2438" spans="1:6" x14ac:dyDescent="0.25">
      <c r="A2438" s="4" t="s">
        <v>105</v>
      </c>
      <c r="B2438" s="1" t="s">
        <v>3153</v>
      </c>
      <c r="C2438" s="5" t="s">
        <v>3363</v>
      </c>
      <c r="D2438" s="1" t="s">
        <v>7488</v>
      </c>
      <c r="E2438" s="5" t="s">
        <v>11771</v>
      </c>
      <c r="F2438" s="6">
        <v>192</v>
      </c>
    </row>
    <row r="2439" spans="1:6" x14ac:dyDescent="0.25">
      <c r="A2439" s="4" t="s">
        <v>105</v>
      </c>
      <c r="B2439" s="1" t="s">
        <v>3153</v>
      </c>
      <c r="C2439" s="5" t="s">
        <v>4183</v>
      </c>
      <c r="D2439" s="1" t="s">
        <v>8427</v>
      </c>
      <c r="E2439" s="5" t="s">
        <v>12867</v>
      </c>
      <c r="F2439" s="6">
        <v>1468</v>
      </c>
    </row>
    <row r="2440" spans="1:6" x14ac:dyDescent="0.25">
      <c r="A2440" s="4" t="s">
        <v>105</v>
      </c>
      <c r="B2440" s="1" t="s">
        <v>3153</v>
      </c>
      <c r="C2440" s="5" t="s">
        <v>5179</v>
      </c>
      <c r="D2440" s="1" t="s">
        <v>9025</v>
      </c>
      <c r="E2440" s="5" t="s">
        <v>14087</v>
      </c>
      <c r="F2440" s="6">
        <v>2744</v>
      </c>
    </row>
    <row r="2441" spans="1:6" x14ac:dyDescent="0.25">
      <c r="A2441" s="4" t="s">
        <v>105</v>
      </c>
      <c r="B2441" s="1" t="s">
        <v>3153</v>
      </c>
      <c r="C2441" s="5" t="s">
        <v>5754</v>
      </c>
      <c r="D2441" s="1" t="s">
        <v>9265</v>
      </c>
      <c r="E2441" s="5" t="s">
        <v>14939</v>
      </c>
      <c r="F2441" s="6">
        <v>3661</v>
      </c>
    </row>
    <row r="2442" spans="1:6" x14ac:dyDescent="0.25">
      <c r="A2442" s="4" t="s">
        <v>105</v>
      </c>
      <c r="B2442" s="1" t="s">
        <v>3153</v>
      </c>
      <c r="C2442" s="5" t="s">
        <v>5754</v>
      </c>
      <c r="D2442" s="1" t="s">
        <v>9301</v>
      </c>
      <c r="E2442" s="5" t="s">
        <v>14984</v>
      </c>
      <c r="F2442" s="6">
        <v>3707</v>
      </c>
    </row>
    <row r="2443" spans="1:6" x14ac:dyDescent="0.25">
      <c r="A2443" s="4" t="s">
        <v>105</v>
      </c>
      <c r="B2443" s="1" t="s">
        <v>3153</v>
      </c>
      <c r="C2443" s="5" t="s">
        <v>6226</v>
      </c>
      <c r="D2443" s="1" t="s">
        <v>9845</v>
      </c>
      <c r="E2443" s="5" t="s">
        <v>15770</v>
      </c>
      <c r="F2443" s="6">
        <v>4676</v>
      </c>
    </row>
    <row r="2444" spans="1:6" x14ac:dyDescent="0.25">
      <c r="A2444" s="4" t="s">
        <v>105</v>
      </c>
      <c r="B2444" s="1" t="s">
        <v>3153</v>
      </c>
      <c r="C2444" s="5">
        <v>474011</v>
      </c>
      <c r="D2444" s="1" t="s">
        <v>10417</v>
      </c>
      <c r="E2444" s="5" t="s">
        <v>16559</v>
      </c>
      <c r="F2444" s="6">
        <v>6228</v>
      </c>
    </row>
    <row r="2445" spans="1:6" x14ac:dyDescent="0.25">
      <c r="A2445" s="4" t="s">
        <v>105</v>
      </c>
      <c r="B2445" s="1" t="s">
        <v>3153</v>
      </c>
      <c r="C2445" s="5">
        <v>474011</v>
      </c>
      <c r="D2445" s="1" t="s">
        <v>10516</v>
      </c>
      <c r="E2445" s="5" t="s">
        <v>16687</v>
      </c>
      <c r="F2445" s="6">
        <v>6581</v>
      </c>
    </row>
    <row r="2446" spans="1:6" x14ac:dyDescent="0.25">
      <c r="A2446" s="4" t="s">
        <v>105</v>
      </c>
      <c r="B2446" s="1" t="s">
        <v>3153</v>
      </c>
      <c r="C2446" s="5" t="s">
        <v>7203</v>
      </c>
      <c r="D2446" s="1" t="s">
        <v>11385</v>
      </c>
      <c r="E2446" s="5" t="s">
        <v>17811</v>
      </c>
      <c r="F2446" s="6">
        <v>9437</v>
      </c>
    </row>
    <row r="2447" spans="1:6" x14ac:dyDescent="0.25">
      <c r="A2447" s="4" t="s">
        <v>105</v>
      </c>
      <c r="B2447" s="1" t="s">
        <v>3153</v>
      </c>
      <c r="C2447" s="5" t="s">
        <v>4183</v>
      </c>
      <c r="D2447" s="1" t="s">
        <v>11485</v>
      </c>
      <c r="E2447" s="5" t="s">
        <v>17941</v>
      </c>
      <c r="F2447" s="6">
        <v>9572</v>
      </c>
    </row>
    <row r="2448" spans="1:6" x14ac:dyDescent="0.25">
      <c r="A2448" s="4" t="s">
        <v>2999</v>
      </c>
      <c r="B2448" s="1" t="s">
        <v>3158</v>
      </c>
      <c r="C2448" s="5" t="s">
        <v>7057</v>
      </c>
      <c r="D2448" s="1" t="s">
        <v>2999</v>
      </c>
      <c r="E2448" s="5" t="s">
        <v>17523</v>
      </c>
      <c r="F2448" s="6">
        <v>9137</v>
      </c>
    </row>
    <row r="2449" spans="1:6" x14ac:dyDescent="0.25">
      <c r="A2449" s="4" t="s">
        <v>253</v>
      </c>
      <c r="B2449" s="1" t="s">
        <v>3148</v>
      </c>
      <c r="C2449" s="5" t="s">
        <v>3689</v>
      </c>
      <c r="D2449" s="1" t="s">
        <v>7859</v>
      </c>
      <c r="E2449" s="5" t="s">
        <v>12164</v>
      </c>
      <c r="F2449" s="6">
        <v>638</v>
      </c>
    </row>
    <row r="2450" spans="1:6" x14ac:dyDescent="0.25">
      <c r="A2450" s="4" t="s">
        <v>1642</v>
      </c>
      <c r="B2450" s="1" t="s">
        <v>3147</v>
      </c>
      <c r="C2450" s="5" t="s">
        <v>3646</v>
      </c>
      <c r="D2450" s="1" t="s">
        <v>1642</v>
      </c>
      <c r="E2450" s="5" t="s">
        <v>14431</v>
      </c>
      <c r="F2450" s="6">
        <v>3113</v>
      </c>
    </row>
    <row r="2451" spans="1:6" x14ac:dyDescent="0.25">
      <c r="A2451" s="4" t="s">
        <v>2021</v>
      </c>
      <c r="B2451" s="1" t="s">
        <v>3147</v>
      </c>
      <c r="C2451" s="5" t="s">
        <v>3541</v>
      </c>
      <c r="D2451" s="1" t="s">
        <v>2021</v>
      </c>
      <c r="E2451" s="5" t="s">
        <v>14860</v>
      </c>
      <c r="F2451" s="6">
        <v>3575</v>
      </c>
    </row>
    <row r="2452" spans="1:6" x14ac:dyDescent="0.25">
      <c r="A2452" s="4" t="s">
        <v>2555</v>
      </c>
      <c r="B2452" s="1" t="s">
        <v>3164</v>
      </c>
      <c r="C2452" s="5" t="s">
        <v>6463</v>
      </c>
      <c r="D2452" s="1" t="s">
        <v>10233</v>
      </c>
      <c r="E2452" s="5" t="s">
        <v>16271</v>
      </c>
      <c r="F2452" s="6">
        <v>5530</v>
      </c>
    </row>
    <row r="2453" spans="1:6" x14ac:dyDescent="0.25">
      <c r="A2453" s="4" t="s">
        <v>2767</v>
      </c>
      <c r="B2453" s="1" t="s">
        <v>3149</v>
      </c>
      <c r="C2453" s="5" t="s">
        <v>6727</v>
      </c>
      <c r="D2453" s="1" t="s">
        <v>2767</v>
      </c>
      <c r="E2453" s="5" t="s">
        <v>16764</v>
      </c>
      <c r="F2453" s="6">
        <v>6865</v>
      </c>
    </row>
    <row r="2454" spans="1:6" x14ac:dyDescent="0.25">
      <c r="A2454" s="4" t="s">
        <v>2393</v>
      </c>
      <c r="B2454" s="1" t="s">
        <v>3158</v>
      </c>
      <c r="C2454" s="5" t="s">
        <v>6214</v>
      </c>
      <c r="D2454" s="1" t="s">
        <v>2393</v>
      </c>
      <c r="E2454" s="5" t="s">
        <v>15755</v>
      </c>
      <c r="F2454" s="6">
        <v>4661</v>
      </c>
    </row>
    <row r="2455" spans="1:6" x14ac:dyDescent="0.25">
      <c r="A2455" s="4" t="s">
        <v>3084</v>
      </c>
      <c r="B2455" s="1" t="s">
        <v>3164</v>
      </c>
      <c r="C2455" s="5" t="s">
        <v>7238</v>
      </c>
      <c r="D2455" s="1" t="s">
        <v>3084</v>
      </c>
      <c r="E2455" s="5" t="s">
        <v>17909</v>
      </c>
      <c r="F2455" s="6">
        <v>9538</v>
      </c>
    </row>
    <row r="2456" spans="1:6" x14ac:dyDescent="0.25">
      <c r="A2456" s="4" t="s">
        <v>177</v>
      </c>
      <c r="B2456" s="1" t="s">
        <v>812</v>
      </c>
      <c r="C2456" s="5" t="s">
        <v>3490</v>
      </c>
      <c r="D2456" s="1" t="s">
        <v>7623</v>
      </c>
      <c r="E2456" s="5" t="s">
        <v>11912</v>
      </c>
      <c r="F2456" s="6">
        <v>345</v>
      </c>
    </row>
    <row r="2457" spans="1:6" x14ac:dyDescent="0.25">
      <c r="A2457" s="4" t="s">
        <v>177</v>
      </c>
      <c r="B2457" s="1" t="s">
        <v>812</v>
      </c>
      <c r="C2457" s="5" t="s">
        <v>3490</v>
      </c>
      <c r="D2457" s="1" t="s">
        <v>10590</v>
      </c>
      <c r="E2457" s="5" t="s">
        <v>16791</v>
      </c>
      <c r="F2457" s="6">
        <v>6952</v>
      </c>
    </row>
    <row r="2458" spans="1:6" x14ac:dyDescent="0.25">
      <c r="A2458" s="4" t="s">
        <v>1694</v>
      </c>
      <c r="B2458" s="1" t="s">
        <v>3152</v>
      </c>
      <c r="C2458" s="5" t="s">
        <v>5481</v>
      </c>
      <c r="D2458" s="1" t="s">
        <v>177</v>
      </c>
      <c r="E2458" s="5" t="s">
        <v>14487</v>
      </c>
      <c r="F2458" s="6">
        <v>3172</v>
      </c>
    </row>
    <row r="2459" spans="1:6" x14ac:dyDescent="0.25">
      <c r="A2459" s="4" t="s">
        <v>370</v>
      </c>
      <c r="B2459" s="1" t="s">
        <v>3147</v>
      </c>
      <c r="C2459" s="5" t="s">
        <v>3885</v>
      </c>
      <c r="D2459" s="1" t="s">
        <v>8053</v>
      </c>
      <c r="E2459" s="5" t="s">
        <v>12391</v>
      </c>
      <c r="F2459" s="6">
        <v>904</v>
      </c>
    </row>
    <row r="2460" spans="1:6" x14ac:dyDescent="0.25">
      <c r="A2460" s="4" t="s">
        <v>213</v>
      </c>
      <c r="B2460" s="1" t="s">
        <v>3148</v>
      </c>
      <c r="C2460" s="5" t="s">
        <v>3583</v>
      </c>
      <c r="D2460" s="1" t="s">
        <v>7723</v>
      </c>
      <c r="E2460" s="5" t="s">
        <v>12018</v>
      </c>
      <c r="F2460" s="6">
        <v>451</v>
      </c>
    </row>
    <row r="2461" spans="1:6" x14ac:dyDescent="0.25">
      <c r="A2461" s="4" t="s">
        <v>216</v>
      </c>
      <c r="B2461" s="1" t="s">
        <v>3162</v>
      </c>
      <c r="C2461" s="5" t="s">
        <v>3590</v>
      </c>
      <c r="D2461" s="1" t="s">
        <v>216</v>
      </c>
      <c r="E2461" s="5" t="s">
        <v>12025</v>
      </c>
      <c r="F2461" s="6">
        <v>458</v>
      </c>
    </row>
    <row r="2462" spans="1:6" x14ac:dyDescent="0.25">
      <c r="A2462" s="4" t="s">
        <v>216</v>
      </c>
      <c r="B2462" s="1" t="s">
        <v>3162</v>
      </c>
      <c r="C2462" s="5" t="s">
        <v>3590</v>
      </c>
      <c r="D2462" s="1" t="s">
        <v>10251</v>
      </c>
      <c r="E2462" s="5" t="s">
        <v>16308</v>
      </c>
      <c r="F2462" s="6">
        <v>5616</v>
      </c>
    </row>
    <row r="2463" spans="1:6" x14ac:dyDescent="0.25">
      <c r="A2463" s="4" t="s">
        <v>216</v>
      </c>
      <c r="B2463" s="1" t="s">
        <v>3162</v>
      </c>
      <c r="C2463" s="5" t="s">
        <v>3590</v>
      </c>
      <c r="D2463" s="1" t="s">
        <v>10667</v>
      </c>
      <c r="E2463" s="5" t="s">
        <v>16886</v>
      </c>
      <c r="F2463" s="6">
        <v>7172</v>
      </c>
    </row>
    <row r="2464" spans="1:6" x14ac:dyDescent="0.25">
      <c r="A2464" s="4" t="s">
        <v>216</v>
      </c>
      <c r="B2464" s="1" t="s">
        <v>3162</v>
      </c>
      <c r="C2464" s="5" t="s">
        <v>3590</v>
      </c>
      <c r="D2464" s="1" t="s">
        <v>10849</v>
      </c>
      <c r="E2464" s="5" t="s">
        <v>17129</v>
      </c>
      <c r="F2464" s="6">
        <v>8004</v>
      </c>
    </row>
    <row r="2465" spans="1:6" x14ac:dyDescent="0.25">
      <c r="A2465" s="4" t="s">
        <v>216</v>
      </c>
      <c r="B2465" s="1" t="s">
        <v>3162</v>
      </c>
      <c r="C2465" s="5" t="s">
        <v>3590</v>
      </c>
      <c r="D2465" s="1" t="s">
        <v>11431</v>
      </c>
      <c r="E2465" s="5" t="s">
        <v>17864</v>
      </c>
      <c r="F2465" s="6">
        <v>9493</v>
      </c>
    </row>
    <row r="2466" spans="1:6" x14ac:dyDescent="0.25">
      <c r="A2466" s="4" t="s">
        <v>1806</v>
      </c>
      <c r="B2466" s="1" t="s">
        <v>3154</v>
      </c>
      <c r="C2466" s="5" t="s">
        <v>5578</v>
      </c>
      <c r="D2466" s="1" t="s">
        <v>1806</v>
      </c>
      <c r="E2466" s="5" t="s">
        <v>14628</v>
      </c>
      <c r="F2466" s="6">
        <v>3324</v>
      </c>
    </row>
    <row r="2467" spans="1:6" x14ac:dyDescent="0.25">
      <c r="A2467" s="4" t="s">
        <v>402</v>
      </c>
      <c r="B2467" s="1" t="s">
        <v>3147</v>
      </c>
      <c r="C2467" s="5" t="s">
        <v>3919</v>
      </c>
      <c r="D2467" s="1" t="s">
        <v>402</v>
      </c>
      <c r="E2467" s="5" t="s">
        <v>12438</v>
      </c>
      <c r="F2467" s="6">
        <v>954</v>
      </c>
    </row>
    <row r="2468" spans="1:6" x14ac:dyDescent="0.25">
      <c r="A2468" s="4" t="s">
        <v>977</v>
      </c>
      <c r="B2468" s="1" t="s">
        <v>3147</v>
      </c>
      <c r="C2468" s="5" t="s">
        <v>4723</v>
      </c>
      <c r="D2468" s="1" t="s">
        <v>977</v>
      </c>
      <c r="E2468" s="5" t="s">
        <v>13544</v>
      </c>
      <c r="F2468" s="6">
        <v>2184</v>
      </c>
    </row>
    <row r="2469" spans="1:6" x14ac:dyDescent="0.25">
      <c r="A2469" s="4" t="s">
        <v>1213</v>
      </c>
      <c r="B2469" s="1" t="s">
        <v>3152</v>
      </c>
      <c r="C2469" s="5" t="s">
        <v>4972</v>
      </c>
      <c r="D2469" s="1" t="s">
        <v>1213</v>
      </c>
      <c r="E2469" s="5" t="s">
        <v>13824</v>
      </c>
      <c r="F2469" s="6">
        <v>2474</v>
      </c>
    </row>
    <row r="2470" spans="1:6" x14ac:dyDescent="0.25">
      <c r="A2470" s="4" t="s">
        <v>328</v>
      </c>
      <c r="B2470" s="1" t="s">
        <v>3165</v>
      </c>
      <c r="C2470" s="5" t="s">
        <v>3811</v>
      </c>
      <c r="D2470" s="1" t="s">
        <v>7988</v>
      </c>
      <c r="E2470" s="5" t="s">
        <v>12307</v>
      </c>
      <c r="F2470" s="6">
        <v>802</v>
      </c>
    </row>
    <row r="2471" spans="1:6" x14ac:dyDescent="0.25">
      <c r="A2471" s="4" t="s">
        <v>328</v>
      </c>
      <c r="B2471" s="1" t="s">
        <v>3165</v>
      </c>
      <c r="C2471" s="5" t="s">
        <v>6121</v>
      </c>
      <c r="D2471" s="1" t="s">
        <v>9689</v>
      </c>
      <c r="E2471" s="5" t="s">
        <v>15574</v>
      </c>
      <c r="F2471" s="6">
        <v>4316</v>
      </c>
    </row>
    <row r="2472" spans="1:6" x14ac:dyDescent="0.25">
      <c r="A2472" s="4" t="s">
        <v>328</v>
      </c>
      <c r="B2472" s="1" t="s">
        <v>3165</v>
      </c>
      <c r="C2472" s="5" t="s">
        <v>6122</v>
      </c>
      <c r="D2472" s="1" t="s">
        <v>9690</v>
      </c>
      <c r="E2472" s="5" t="s">
        <v>15575</v>
      </c>
      <c r="F2472" s="6">
        <v>4317</v>
      </c>
    </row>
    <row r="2473" spans="1:6" x14ac:dyDescent="0.25">
      <c r="A2473" s="4" t="s">
        <v>835</v>
      </c>
      <c r="B2473" s="1" t="s">
        <v>3158</v>
      </c>
      <c r="C2473" s="5" t="s">
        <v>4565</v>
      </c>
      <c r="D2473" s="1" t="s">
        <v>8720</v>
      </c>
      <c r="E2473" s="5" t="s">
        <v>13354</v>
      </c>
      <c r="F2473" s="6">
        <v>1987</v>
      </c>
    </row>
    <row r="2474" spans="1:6" x14ac:dyDescent="0.25">
      <c r="A2474" s="4" t="s">
        <v>2717</v>
      </c>
      <c r="B2474" s="1" t="s">
        <v>3151</v>
      </c>
      <c r="C2474" s="5">
        <v>506001</v>
      </c>
      <c r="D2474" s="1" t="s">
        <v>10465</v>
      </c>
      <c r="E2474" s="5" t="s">
        <v>16623</v>
      </c>
      <c r="F2474" s="6">
        <v>6399</v>
      </c>
    </row>
    <row r="2475" spans="1:6" x14ac:dyDescent="0.25">
      <c r="A2475" s="4" t="s">
        <v>2717</v>
      </c>
      <c r="B2475" s="1" t="s">
        <v>3151</v>
      </c>
      <c r="C2475" s="5">
        <v>506001</v>
      </c>
      <c r="D2475" s="1" t="s">
        <v>10707</v>
      </c>
      <c r="E2475" s="5" t="s">
        <v>16940</v>
      </c>
      <c r="F2475" s="6">
        <v>7357</v>
      </c>
    </row>
    <row r="2476" spans="1:6" x14ac:dyDescent="0.25">
      <c r="A2476" s="4" t="s">
        <v>2309</v>
      </c>
      <c r="B2476" s="1" t="s">
        <v>3158</v>
      </c>
      <c r="C2476" s="5" t="s">
        <v>6074</v>
      </c>
      <c r="D2476" s="1" t="s">
        <v>2309</v>
      </c>
      <c r="E2476" s="5" t="s">
        <v>15503</v>
      </c>
      <c r="F2476" s="6">
        <v>4241</v>
      </c>
    </row>
    <row r="2477" spans="1:6" x14ac:dyDescent="0.25">
      <c r="A2477" s="4" t="s">
        <v>1240</v>
      </c>
      <c r="B2477" s="1" t="s">
        <v>3163</v>
      </c>
      <c r="C2477" s="5" t="s">
        <v>5012</v>
      </c>
      <c r="D2477" s="1" t="s">
        <v>1240</v>
      </c>
      <c r="E2477" s="5" t="s">
        <v>13876</v>
      </c>
      <c r="F2477" s="6">
        <v>2527</v>
      </c>
    </row>
    <row r="2478" spans="1:6" x14ac:dyDescent="0.25">
      <c r="A2478" s="4" t="s">
        <v>662</v>
      </c>
      <c r="B2478" s="1" t="s">
        <v>3154</v>
      </c>
      <c r="C2478" s="5" t="s">
        <v>4358</v>
      </c>
      <c r="D2478" s="1" t="s">
        <v>662</v>
      </c>
      <c r="E2478" s="5" t="s">
        <v>13098</v>
      </c>
      <c r="F2478" s="6">
        <v>1731</v>
      </c>
    </row>
    <row r="2479" spans="1:6" x14ac:dyDescent="0.25">
      <c r="A2479" s="4" t="s">
        <v>2208</v>
      </c>
      <c r="B2479" s="1" t="s">
        <v>3155</v>
      </c>
      <c r="C2479" s="5" t="s">
        <v>5926</v>
      </c>
      <c r="D2479" s="1" t="s">
        <v>9498</v>
      </c>
      <c r="E2479" s="5" t="s">
        <v>15280</v>
      </c>
      <c r="F2479" s="6">
        <v>4015</v>
      </c>
    </row>
    <row r="2480" spans="1:6" x14ac:dyDescent="0.25">
      <c r="A2480" s="4" t="s">
        <v>541</v>
      </c>
      <c r="B2480" s="1" t="s">
        <v>3156</v>
      </c>
      <c r="C2480" s="5" t="s">
        <v>4187</v>
      </c>
      <c r="D2480" s="1" t="s">
        <v>8435</v>
      </c>
      <c r="E2480" s="5" t="s">
        <v>12875</v>
      </c>
      <c r="F2480" s="6">
        <v>1476</v>
      </c>
    </row>
    <row r="2481" spans="1:6" x14ac:dyDescent="0.25">
      <c r="A2481" s="4" t="s">
        <v>541</v>
      </c>
      <c r="B2481" s="1" t="s">
        <v>3156</v>
      </c>
      <c r="C2481" s="5" t="s">
        <v>6057</v>
      </c>
      <c r="D2481" s="1" t="s">
        <v>9621</v>
      </c>
      <c r="E2481" s="5" t="s">
        <v>15473</v>
      </c>
      <c r="F2481" s="6">
        <v>4211</v>
      </c>
    </row>
    <row r="2482" spans="1:6" x14ac:dyDescent="0.25">
      <c r="A2482" s="4" t="s">
        <v>541</v>
      </c>
      <c r="B2482" s="1" t="s">
        <v>3156</v>
      </c>
      <c r="C2482" s="5">
        <v>335512</v>
      </c>
      <c r="D2482" s="1" t="s">
        <v>10750</v>
      </c>
      <c r="E2482" s="5" t="s">
        <v>16998</v>
      </c>
      <c r="F2482" s="6">
        <v>7536</v>
      </c>
    </row>
    <row r="2483" spans="1:6" x14ac:dyDescent="0.25">
      <c r="A2483" s="4" t="s">
        <v>2874</v>
      </c>
      <c r="B2483" s="1" t="s">
        <v>3148</v>
      </c>
      <c r="C2483" s="5">
        <v>711103</v>
      </c>
      <c r="D2483" s="1" t="s">
        <v>10819</v>
      </c>
      <c r="E2483" s="5" t="s">
        <v>17090</v>
      </c>
      <c r="F2483" s="6">
        <v>7827</v>
      </c>
    </row>
    <row r="2484" spans="1:6" x14ac:dyDescent="0.25">
      <c r="A2484" s="4" t="s">
        <v>2526</v>
      </c>
      <c r="B2484" s="1" t="s">
        <v>3158</v>
      </c>
      <c r="C2484" s="5" t="s">
        <v>3714</v>
      </c>
      <c r="D2484" s="1" t="s">
        <v>10166</v>
      </c>
      <c r="E2484" s="5" t="s">
        <v>16180</v>
      </c>
      <c r="F2484" s="6">
        <v>5305</v>
      </c>
    </row>
    <row r="2485" spans="1:6" x14ac:dyDescent="0.25">
      <c r="A2485" s="4" t="s">
        <v>2807</v>
      </c>
      <c r="B2485" s="1" t="s">
        <v>3149</v>
      </c>
      <c r="C2485" s="5" t="s">
        <v>6802</v>
      </c>
      <c r="D2485" s="1" t="s">
        <v>10687</v>
      </c>
      <c r="E2485" s="5" t="s">
        <v>16911</v>
      </c>
      <c r="F2485" s="6">
        <v>7240</v>
      </c>
    </row>
    <row r="2486" spans="1:6" x14ac:dyDescent="0.25">
      <c r="A2486" s="4" t="s">
        <v>1797</v>
      </c>
      <c r="B2486" s="1" t="s">
        <v>3152</v>
      </c>
      <c r="C2486" s="5">
        <v>143527</v>
      </c>
      <c r="D2486" s="1" t="s">
        <v>1797</v>
      </c>
      <c r="E2486" s="5" t="s">
        <v>14618</v>
      </c>
      <c r="F2486" s="6">
        <v>3314</v>
      </c>
    </row>
    <row r="2487" spans="1:6" x14ac:dyDescent="0.25">
      <c r="A2487" s="4" t="s">
        <v>374</v>
      </c>
      <c r="B2487" s="1" t="s">
        <v>3153</v>
      </c>
      <c r="C2487" s="5" t="s">
        <v>3888</v>
      </c>
      <c r="D2487" s="1" t="s">
        <v>374</v>
      </c>
      <c r="E2487" s="5" t="s">
        <v>12396</v>
      </c>
      <c r="F2487" s="6">
        <v>909</v>
      </c>
    </row>
    <row r="2488" spans="1:6" x14ac:dyDescent="0.25">
      <c r="A2488" s="4" t="s">
        <v>264</v>
      </c>
      <c r="B2488" s="1" t="s">
        <v>3158</v>
      </c>
      <c r="C2488" s="5" t="s">
        <v>3706</v>
      </c>
      <c r="D2488" s="1" t="s">
        <v>7879</v>
      </c>
      <c r="E2488" s="5" t="s">
        <v>12185</v>
      </c>
      <c r="F2488" s="6">
        <v>659</v>
      </c>
    </row>
    <row r="2489" spans="1:6" x14ac:dyDescent="0.25">
      <c r="A2489" s="4" t="s">
        <v>264</v>
      </c>
      <c r="B2489" s="1" t="s">
        <v>3158</v>
      </c>
      <c r="C2489" s="5" t="s">
        <v>6766</v>
      </c>
      <c r="D2489" s="1" t="s">
        <v>10628</v>
      </c>
      <c r="E2489" s="5" t="s">
        <v>16838</v>
      </c>
      <c r="F2489" s="6">
        <v>7073</v>
      </c>
    </row>
    <row r="2490" spans="1:6" x14ac:dyDescent="0.25">
      <c r="A2490" s="4" t="s">
        <v>1518</v>
      </c>
      <c r="B2490" s="1" t="s">
        <v>3152</v>
      </c>
      <c r="C2490" s="5" t="s">
        <v>5338</v>
      </c>
      <c r="D2490" s="1" t="s">
        <v>1518</v>
      </c>
      <c r="E2490" s="5" t="s">
        <v>14297</v>
      </c>
      <c r="F2490" s="6">
        <v>2959</v>
      </c>
    </row>
    <row r="2491" spans="1:6" x14ac:dyDescent="0.25">
      <c r="A2491" s="4" t="s">
        <v>1453</v>
      </c>
      <c r="B2491" s="1" t="s">
        <v>3152</v>
      </c>
      <c r="C2491" s="5" t="s">
        <v>5267</v>
      </c>
      <c r="D2491" s="1" t="s">
        <v>1453</v>
      </c>
      <c r="E2491" s="5" t="s">
        <v>14223</v>
      </c>
      <c r="F2491" s="6">
        <v>2883</v>
      </c>
    </row>
    <row r="2492" spans="1:6" x14ac:dyDescent="0.25">
      <c r="A2492" s="4" t="s">
        <v>392</v>
      </c>
      <c r="B2492" s="1" t="s">
        <v>3162</v>
      </c>
      <c r="C2492" s="5" t="s">
        <v>3908</v>
      </c>
      <c r="D2492" s="1" t="s">
        <v>8070</v>
      </c>
      <c r="E2492" s="5" t="s">
        <v>12427</v>
      </c>
      <c r="F2492" s="6">
        <v>943</v>
      </c>
    </row>
    <row r="2493" spans="1:6" x14ac:dyDescent="0.25">
      <c r="A2493" s="4" t="s">
        <v>392</v>
      </c>
      <c r="B2493" s="1" t="s">
        <v>3162</v>
      </c>
      <c r="C2493" s="5" t="s">
        <v>6245</v>
      </c>
      <c r="D2493" s="1" t="s">
        <v>9872</v>
      </c>
      <c r="E2493" s="5" t="s">
        <v>15804</v>
      </c>
      <c r="F2493" s="6">
        <v>4713</v>
      </c>
    </row>
    <row r="2494" spans="1:6" x14ac:dyDescent="0.25">
      <c r="A2494" s="4" t="s">
        <v>392</v>
      </c>
      <c r="B2494" s="1" t="s">
        <v>3162</v>
      </c>
      <c r="C2494" s="5" t="s">
        <v>6453</v>
      </c>
      <c r="D2494" s="1" t="s">
        <v>10216</v>
      </c>
      <c r="E2494" s="5" t="s">
        <v>16248</v>
      </c>
      <c r="F2494" s="6">
        <v>5481</v>
      </c>
    </row>
    <row r="2495" spans="1:6" x14ac:dyDescent="0.25">
      <c r="A2495" s="4" t="s">
        <v>392</v>
      </c>
      <c r="B2495" s="1" t="s">
        <v>3162</v>
      </c>
      <c r="C2495" s="5" t="s">
        <v>6456</v>
      </c>
      <c r="D2495" s="1" t="s">
        <v>10221</v>
      </c>
      <c r="E2495" s="5" t="s">
        <v>16255</v>
      </c>
      <c r="F2495" s="6">
        <v>5496</v>
      </c>
    </row>
    <row r="2496" spans="1:6" x14ac:dyDescent="0.25">
      <c r="A2496" s="4" t="s">
        <v>392</v>
      </c>
      <c r="B2496" s="1" t="s">
        <v>3162</v>
      </c>
      <c r="C2496" s="5" t="s">
        <v>6728</v>
      </c>
      <c r="D2496" s="1" t="s">
        <v>10576</v>
      </c>
      <c r="E2496" s="5" t="s">
        <v>16769</v>
      </c>
      <c r="F2496" s="6">
        <v>6886</v>
      </c>
    </row>
    <row r="2497" spans="1:6" x14ac:dyDescent="0.25">
      <c r="A2497" s="4" t="s">
        <v>392</v>
      </c>
      <c r="B2497" s="1" t="s">
        <v>3190</v>
      </c>
      <c r="C2497" s="5">
        <v>249401</v>
      </c>
      <c r="D2497" s="1" t="s">
        <v>10948</v>
      </c>
      <c r="E2497" s="5" t="s">
        <v>17246</v>
      </c>
      <c r="F2497" s="6">
        <v>8302</v>
      </c>
    </row>
    <row r="2498" spans="1:6" x14ac:dyDescent="0.25">
      <c r="A2498" s="4" t="s">
        <v>392</v>
      </c>
      <c r="B2498" s="1" t="s">
        <v>3162</v>
      </c>
      <c r="C2498" s="5" t="s">
        <v>7017</v>
      </c>
      <c r="D2498" s="1" t="s">
        <v>11094</v>
      </c>
      <c r="E2498" s="5" t="s">
        <v>17442</v>
      </c>
      <c r="F2498" s="6">
        <v>9052</v>
      </c>
    </row>
    <row r="2499" spans="1:6" x14ac:dyDescent="0.25">
      <c r="A2499" s="4" t="s">
        <v>392</v>
      </c>
      <c r="B2499" s="1" t="s">
        <v>3162</v>
      </c>
      <c r="C2499" s="5" t="s">
        <v>7215</v>
      </c>
      <c r="D2499" s="1" t="s">
        <v>11420</v>
      </c>
      <c r="E2499" s="5" t="s">
        <v>17850</v>
      </c>
      <c r="F2499" s="6">
        <v>9477</v>
      </c>
    </row>
    <row r="2500" spans="1:6" x14ac:dyDescent="0.25">
      <c r="A2500" s="4" t="s">
        <v>3111</v>
      </c>
      <c r="B2500" s="1" t="s">
        <v>3149</v>
      </c>
      <c r="C2500" s="5" t="s">
        <v>7276</v>
      </c>
      <c r="D2500" s="1" t="s">
        <v>3111</v>
      </c>
      <c r="E2500" s="5" t="s">
        <v>17959</v>
      </c>
      <c r="F2500" s="6">
        <v>9591</v>
      </c>
    </row>
    <row r="2501" spans="1:6" x14ac:dyDescent="0.25">
      <c r="A2501" s="4" t="s">
        <v>1548</v>
      </c>
      <c r="B2501" s="1" t="s">
        <v>3147</v>
      </c>
      <c r="C2501" s="5" t="s">
        <v>5367</v>
      </c>
      <c r="D2501" s="1" t="s">
        <v>1548</v>
      </c>
      <c r="E2501" s="5" t="s">
        <v>14329</v>
      </c>
      <c r="F2501" s="6">
        <v>2991</v>
      </c>
    </row>
    <row r="2502" spans="1:6" x14ac:dyDescent="0.25">
      <c r="A2502" s="4" t="s">
        <v>3020</v>
      </c>
      <c r="B2502" s="1" t="s">
        <v>3150</v>
      </c>
      <c r="C2502" s="5" t="s">
        <v>7097</v>
      </c>
      <c r="D2502" s="1" t="s">
        <v>11198</v>
      </c>
      <c r="E2502" s="5" t="s">
        <v>17582</v>
      </c>
      <c r="F2502" s="6">
        <v>9197</v>
      </c>
    </row>
    <row r="2503" spans="1:6" x14ac:dyDescent="0.25">
      <c r="A2503" s="4" t="s">
        <v>2816</v>
      </c>
      <c r="B2503" s="1" t="s">
        <v>3148</v>
      </c>
      <c r="C2503" s="5" t="s">
        <v>6810</v>
      </c>
      <c r="D2503" s="1" t="s">
        <v>2816</v>
      </c>
      <c r="E2503" s="5" t="s">
        <v>16927</v>
      </c>
      <c r="F2503" s="6">
        <v>7308</v>
      </c>
    </row>
    <row r="2504" spans="1:6" x14ac:dyDescent="0.25">
      <c r="A2504" s="4" t="s">
        <v>1966</v>
      </c>
      <c r="B2504" s="1" t="s">
        <v>3147</v>
      </c>
      <c r="C2504" s="5" t="s">
        <v>3520</v>
      </c>
      <c r="D2504" s="1" t="s">
        <v>1966</v>
      </c>
      <c r="E2504" s="5" t="s">
        <v>14802</v>
      </c>
      <c r="F2504" s="6">
        <v>3513</v>
      </c>
    </row>
    <row r="2505" spans="1:6" x14ac:dyDescent="0.25">
      <c r="A2505" s="4" t="s">
        <v>2861</v>
      </c>
      <c r="B2505" s="1" t="s">
        <v>3152</v>
      </c>
      <c r="C2505" s="5" t="s">
        <v>5271</v>
      </c>
      <c r="D2505" s="1" t="s">
        <v>10792</v>
      </c>
      <c r="E2505" s="5" t="s">
        <v>17053</v>
      </c>
      <c r="F2505" s="6">
        <v>7683</v>
      </c>
    </row>
    <row r="2506" spans="1:6" x14ac:dyDescent="0.25">
      <c r="A2506" s="4" t="s">
        <v>2641</v>
      </c>
      <c r="B2506" s="1" t="s">
        <v>3146</v>
      </c>
      <c r="C2506" s="5" t="s">
        <v>6559</v>
      </c>
      <c r="D2506" s="1" t="s">
        <v>2641</v>
      </c>
      <c r="E2506" s="5" t="s">
        <v>16424</v>
      </c>
      <c r="F2506" s="6">
        <v>5881</v>
      </c>
    </row>
    <row r="2507" spans="1:6" x14ac:dyDescent="0.25">
      <c r="A2507" s="4" t="s">
        <v>2160</v>
      </c>
      <c r="B2507" s="1" t="s">
        <v>3152</v>
      </c>
      <c r="C2507" s="5" t="s">
        <v>5064</v>
      </c>
      <c r="D2507" s="1" t="s">
        <v>2160</v>
      </c>
      <c r="E2507" s="5" t="s">
        <v>15154</v>
      </c>
      <c r="F2507" s="6">
        <v>3885</v>
      </c>
    </row>
    <row r="2508" spans="1:6" x14ac:dyDescent="0.25">
      <c r="A2508" s="4" t="s">
        <v>1431</v>
      </c>
      <c r="B2508" s="1" t="s">
        <v>3158</v>
      </c>
      <c r="C2508" s="5" t="s">
        <v>5240</v>
      </c>
      <c r="D2508" s="1" t="s">
        <v>1431</v>
      </c>
      <c r="E2508" s="5" t="s">
        <v>14182</v>
      </c>
      <c r="F2508" s="6">
        <v>2839</v>
      </c>
    </row>
    <row r="2509" spans="1:6" x14ac:dyDescent="0.25">
      <c r="A2509" s="4" t="s">
        <v>436</v>
      </c>
      <c r="B2509" s="1" t="s">
        <v>3149</v>
      </c>
      <c r="C2509" s="5" t="s">
        <v>3979</v>
      </c>
      <c r="D2509" s="1" t="s">
        <v>436</v>
      </c>
      <c r="E2509" s="5" t="s">
        <v>12519</v>
      </c>
      <c r="F2509" s="6">
        <v>1044</v>
      </c>
    </row>
    <row r="2510" spans="1:6" x14ac:dyDescent="0.25">
      <c r="A2510" s="4" t="s">
        <v>436</v>
      </c>
      <c r="B2510" s="1" t="s">
        <v>3149</v>
      </c>
      <c r="C2510" s="5" t="s">
        <v>5373</v>
      </c>
      <c r="D2510" s="1" t="s">
        <v>9130</v>
      </c>
      <c r="E2510" s="5" t="s">
        <v>14336</v>
      </c>
      <c r="F2510" s="6">
        <v>2998</v>
      </c>
    </row>
    <row r="2511" spans="1:6" x14ac:dyDescent="0.25">
      <c r="A2511" s="4" t="s">
        <v>436</v>
      </c>
      <c r="B2511" s="1" t="s">
        <v>3149</v>
      </c>
      <c r="C2511" s="5" t="s">
        <v>3979</v>
      </c>
      <c r="D2511" s="1" t="s">
        <v>10304</v>
      </c>
      <c r="E2511" s="5" t="s">
        <v>16389</v>
      </c>
      <c r="F2511" s="6">
        <v>5806</v>
      </c>
    </row>
    <row r="2512" spans="1:6" x14ac:dyDescent="0.25">
      <c r="A2512" s="4" t="s">
        <v>436</v>
      </c>
      <c r="B2512" s="1" t="s">
        <v>3149</v>
      </c>
      <c r="C2512" s="5" t="s">
        <v>6584</v>
      </c>
      <c r="D2512" s="1" t="s">
        <v>10364</v>
      </c>
      <c r="E2512" s="5" t="s">
        <v>16484</v>
      </c>
      <c r="F2512" s="6">
        <v>6024</v>
      </c>
    </row>
    <row r="2513" spans="1:6" x14ac:dyDescent="0.25">
      <c r="A2513" s="4" t="s">
        <v>2376</v>
      </c>
      <c r="B2513" s="1" t="s">
        <v>3154</v>
      </c>
      <c r="C2513" s="5" t="s">
        <v>6181</v>
      </c>
      <c r="D2513" s="1" t="s">
        <v>2376</v>
      </c>
      <c r="E2513" s="5" t="s">
        <v>15698</v>
      </c>
      <c r="F2513" s="6">
        <v>4465</v>
      </c>
    </row>
    <row r="2514" spans="1:6" x14ac:dyDescent="0.25">
      <c r="A2514" s="4" t="s">
        <v>1233</v>
      </c>
      <c r="B2514" s="1" t="s">
        <v>3158</v>
      </c>
      <c r="C2514" s="5" t="s">
        <v>5000</v>
      </c>
      <c r="D2514" s="1" t="s">
        <v>1233</v>
      </c>
      <c r="E2514" s="5" t="s">
        <v>13859</v>
      </c>
      <c r="F2514" s="6">
        <v>2509</v>
      </c>
    </row>
    <row r="2515" spans="1:6" x14ac:dyDescent="0.25">
      <c r="A2515" s="4" t="s">
        <v>1967</v>
      </c>
      <c r="B2515" s="1" t="s">
        <v>3158</v>
      </c>
      <c r="C2515" s="5" t="s">
        <v>5693</v>
      </c>
      <c r="D2515" s="1" t="s">
        <v>1967</v>
      </c>
      <c r="E2515" s="5" t="s">
        <v>14803</v>
      </c>
      <c r="F2515" s="6">
        <v>3514</v>
      </c>
    </row>
    <row r="2516" spans="1:6" x14ac:dyDescent="0.25">
      <c r="A2516" s="4" t="s">
        <v>2178</v>
      </c>
      <c r="B2516" s="1" t="s">
        <v>3154</v>
      </c>
      <c r="C2516" s="5" t="s">
        <v>5886</v>
      </c>
      <c r="D2516" s="1" t="s">
        <v>2178</v>
      </c>
      <c r="E2516" s="5" t="s">
        <v>15195</v>
      </c>
      <c r="F2516" s="6">
        <v>3929</v>
      </c>
    </row>
    <row r="2517" spans="1:6" x14ac:dyDescent="0.25">
      <c r="A2517" s="4" t="s">
        <v>349</v>
      </c>
      <c r="B2517" s="1" t="s">
        <v>3158</v>
      </c>
      <c r="C2517" s="5" t="s">
        <v>3845</v>
      </c>
      <c r="D2517" s="1" t="s">
        <v>349</v>
      </c>
      <c r="E2517" s="5" t="s">
        <v>12346</v>
      </c>
      <c r="F2517" s="6">
        <v>851</v>
      </c>
    </row>
    <row r="2518" spans="1:6" x14ac:dyDescent="0.25">
      <c r="A2518" s="4" t="s">
        <v>349</v>
      </c>
      <c r="B2518" s="1" t="s">
        <v>3158</v>
      </c>
      <c r="C2518" s="5" t="s">
        <v>6362</v>
      </c>
      <c r="D2518" s="1" t="s">
        <v>10052</v>
      </c>
      <c r="E2518" s="5" t="s">
        <v>16041</v>
      </c>
      <c r="F2518" s="6">
        <v>5040</v>
      </c>
    </row>
    <row r="2519" spans="1:6" x14ac:dyDescent="0.25">
      <c r="A2519" s="4" t="s">
        <v>349</v>
      </c>
      <c r="B2519" s="1" t="s">
        <v>3158</v>
      </c>
      <c r="C2519" s="5" t="s">
        <v>3845</v>
      </c>
      <c r="D2519" s="1" t="s">
        <v>10547</v>
      </c>
      <c r="E2519" s="5" t="s">
        <v>16730</v>
      </c>
      <c r="F2519" s="6">
        <v>6723</v>
      </c>
    </row>
    <row r="2520" spans="1:6" x14ac:dyDescent="0.25">
      <c r="A2520" s="4" t="s">
        <v>2564</v>
      </c>
      <c r="B2520" s="1" t="s">
        <v>3153</v>
      </c>
      <c r="C2520" s="5" t="s">
        <v>6473</v>
      </c>
      <c r="D2520" s="1" t="s">
        <v>2564</v>
      </c>
      <c r="E2520" s="5" t="s">
        <v>16281</v>
      </c>
      <c r="F2520" s="6">
        <v>5560</v>
      </c>
    </row>
    <row r="2521" spans="1:6" x14ac:dyDescent="0.25">
      <c r="A2521" s="4" t="s">
        <v>681</v>
      </c>
      <c r="B2521" s="1" t="s">
        <v>3149</v>
      </c>
      <c r="C2521" s="5" t="s">
        <v>4382</v>
      </c>
      <c r="D2521" s="1" t="s">
        <v>681</v>
      </c>
      <c r="E2521" s="5" t="s">
        <v>13131</v>
      </c>
      <c r="F2521" s="6">
        <v>1764</v>
      </c>
    </row>
    <row r="2522" spans="1:6" x14ac:dyDescent="0.25">
      <c r="A2522" s="4" t="s">
        <v>681</v>
      </c>
      <c r="B2522" s="1" t="s">
        <v>3181</v>
      </c>
      <c r="C2522" s="5" t="s">
        <v>6349</v>
      </c>
      <c r="D2522" s="1" t="s">
        <v>10032</v>
      </c>
      <c r="E2522" s="5" t="s">
        <v>16013</v>
      </c>
      <c r="F2522" s="6">
        <v>4973</v>
      </c>
    </row>
    <row r="2523" spans="1:6" x14ac:dyDescent="0.25">
      <c r="A2523" s="4" t="s">
        <v>2046</v>
      </c>
      <c r="B2523" s="1" t="s">
        <v>3154</v>
      </c>
      <c r="C2523" s="5" t="s">
        <v>5718</v>
      </c>
      <c r="D2523" s="1" t="s">
        <v>2046</v>
      </c>
      <c r="E2523" s="5" t="s">
        <v>14886</v>
      </c>
      <c r="F2523" s="6">
        <v>3603</v>
      </c>
    </row>
    <row r="2524" spans="1:6" x14ac:dyDescent="0.25">
      <c r="A2524" s="4" t="s">
        <v>232</v>
      </c>
      <c r="B2524" s="1" t="s">
        <v>3159</v>
      </c>
      <c r="C2524" s="5" t="s">
        <v>3633</v>
      </c>
      <c r="D2524" s="1" t="s">
        <v>7779</v>
      </c>
      <c r="E2524" s="5" t="s">
        <v>12079</v>
      </c>
      <c r="F2524" s="6">
        <v>527</v>
      </c>
    </row>
    <row r="2525" spans="1:6" x14ac:dyDescent="0.25">
      <c r="A2525" s="4" t="s">
        <v>232</v>
      </c>
      <c r="B2525" s="1" t="s">
        <v>3159</v>
      </c>
      <c r="C2525" s="5" t="s">
        <v>3633</v>
      </c>
      <c r="D2525" s="1" t="s">
        <v>8899</v>
      </c>
      <c r="E2525" s="5" t="s">
        <v>13833</v>
      </c>
      <c r="F2525" s="6">
        <v>2483</v>
      </c>
    </row>
    <row r="2526" spans="1:6" x14ac:dyDescent="0.25">
      <c r="A2526" s="4" t="s">
        <v>232</v>
      </c>
      <c r="B2526" s="1" t="s">
        <v>3159</v>
      </c>
      <c r="C2526" s="5" t="s">
        <v>3633</v>
      </c>
      <c r="D2526" s="1" t="s">
        <v>9903</v>
      </c>
      <c r="E2526" s="5" t="s">
        <v>15840</v>
      </c>
      <c r="F2526" s="6">
        <v>4752</v>
      </c>
    </row>
    <row r="2527" spans="1:6" x14ac:dyDescent="0.25">
      <c r="A2527" s="4" t="s">
        <v>2932</v>
      </c>
      <c r="B2527" s="1" t="s">
        <v>3149</v>
      </c>
      <c r="C2527" s="5" t="s">
        <v>6950</v>
      </c>
      <c r="D2527" s="1" t="s">
        <v>10989</v>
      </c>
      <c r="E2527" s="5" t="s">
        <v>17299</v>
      </c>
      <c r="F2527" s="6">
        <v>8603</v>
      </c>
    </row>
    <row r="2528" spans="1:6" x14ac:dyDescent="0.25">
      <c r="A2528" s="4" t="s">
        <v>2545</v>
      </c>
      <c r="B2528" s="1" t="s">
        <v>3162</v>
      </c>
      <c r="C2528" s="5" t="s">
        <v>6450</v>
      </c>
      <c r="D2528" s="1" t="s">
        <v>2545</v>
      </c>
      <c r="E2528" s="5" t="s">
        <v>16243</v>
      </c>
      <c r="F2528" s="6">
        <v>5473</v>
      </c>
    </row>
    <row r="2529" spans="1:6" x14ac:dyDescent="0.25">
      <c r="A2529" s="4" t="s">
        <v>1385</v>
      </c>
      <c r="B2529" s="1" t="s">
        <v>812</v>
      </c>
      <c r="C2529" s="5" t="s">
        <v>5188</v>
      </c>
      <c r="D2529" s="1" t="s">
        <v>1385</v>
      </c>
      <c r="E2529" s="5" t="s">
        <v>14099</v>
      </c>
      <c r="F2529" s="6">
        <v>2756</v>
      </c>
    </row>
    <row r="2530" spans="1:6" x14ac:dyDescent="0.25">
      <c r="A2530" s="4" t="s">
        <v>198</v>
      </c>
      <c r="B2530" s="1" t="s">
        <v>3147</v>
      </c>
      <c r="C2530" s="5" t="s">
        <v>3541</v>
      </c>
      <c r="D2530" s="1" t="s">
        <v>7680</v>
      </c>
      <c r="E2530" s="5" t="s">
        <v>11972</v>
      </c>
      <c r="F2530" s="6">
        <v>405</v>
      </c>
    </row>
    <row r="2531" spans="1:6" x14ac:dyDescent="0.25">
      <c r="A2531" s="4" t="s">
        <v>198</v>
      </c>
      <c r="B2531" s="1" t="s">
        <v>3147</v>
      </c>
      <c r="C2531" s="5" t="s">
        <v>3541</v>
      </c>
      <c r="D2531" s="1" t="s">
        <v>9995</v>
      </c>
      <c r="E2531" s="5" t="s">
        <v>15961</v>
      </c>
      <c r="F2531" s="6">
        <v>4880</v>
      </c>
    </row>
    <row r="2532" spans="1:6" x14ac:dyDescent="0.25">
      <c r="A2532" s="4" t="s">
        <v>1273</v>
      </c>
      <c r="B2532" s="1" t="s">
        <v>3156</v>
      </c>
      <c r="C2532" s="5" t="s">
        <v>5057</v>
      </c>
      <c r="D2532" s="1" t="s">
        <v>1273</v>
      </c>
      <c r="E2532" s="5" t="s">
        <v>13937</v>
      </c>
      <c r="F2532" s="6">
        <v>2589</v>
      </c>
    </row>
    <row r="2533" spans="1:6" x14ac:dyDescent="0.25">
      <c r="A2533" s="4" t="s">
        <v>851</v>
      </c>
      <c r="B2533" s="1" t="s">
        <v>3144</v>
      </c>
      <c r="C2533" s="5" t="s">
        <v>4587</v>
      </c>
      <c r="D2533" s="1" t="s">
        <v>851</v>
      </c>
      <c r="E2533" s="5" t="s">
        <v>13385</v>
      </c>
      <c r="F2533" s="6">
        <v>2018</v>
      </c>
    </row>
    <row r="2534" spans="1:6" x14ac:dyDescent="0.25">
      <c r="A2534" s="4" t="s">
        <v>1648</v>
      </c>
      <c r="B2534" s="1" t="s">
        <v>3144</v>
      </c>
      <c r="C2534" s="5" t="s">
        <v>5449</v>
      </c>
      <c r="D2534" s="1" t="s">
        <v>1648</v>
      </c>
      <c r="E2534" s="5" t="s">
        <v>14437</v>
      </c>
      <c r="F2534" s="6">
        <v>3120</v>
      </c>
    </row>
    <row r="2535" spans="1:6" x14ac:dyDescent="0.25">
      <c r="A2535" s="4" t="s">
        <v>836</v>
      </c>
      <c r="B2535" s="1" t="s">
        <v>3144</v>
      </c>
      <c r="C2535" s="5" t="s">
        <v>4569</v>
      </c>
      <c r="D2535" s="1" t="s">
        <v>836</v>
      </c>
      <c r="E2535" s="5" t="s">
        <v>13358</v>
      </c>
      <c r="F2535" s="6">
        <v>1991</v>
      </c>
    </row>
    <row r="2536" spans="1:6" x14ac:dyDescent="0.25">
      <c r="A2536" s="4" t="s">
        <v>2882</v>
      </c>
      <c r="B2536" s="1" t="s">
        <v>3160</v>
      </c>
      <c r="C2536" s="5">
        <v>768016</v>
      </c>
      <c r="D2536" s="1" t="s">
        <v>2882</v>
      </c>
      <c r="E2536" s="5" t="s">
        <v>17127</v>
      </c>
      <c r="F2536" s="6">
        <v>8000</v>
      </c>
    </row>
    <row r="2537" spans="1:6" x14ac:dyDescent="0.25">
      <c r="A2537" s="4" t="s">
        <v>1731</v>
      </c>
      <c r="B2537" s="1" t="s">
        <v>3149</v>
      </c>
      <c r="C2537" s="5" t="s">
        <v>5516</v>
      </c>
      <c r="D2537" s="1" t="s">
        <v>1731</v>
      </c>
      <c r="E2537" s="5" t="s">
        <v>14535</v>
      </c>
      <c r="F2537" s="6">
        <v>3223</v>
      </c>
    </row>
    <row r="2538" spans="1:6" x14ac:dyDescent="0.25">
      <c r="A2538" s="4" t="s">
        <v>2022</v>
      </c>
      <c r="B2538" s="1" t="s">
        <v>3147</v>
      </c>
      <c r="C2538" s="5" t="s">
        <v>3924</v>
      </c>
      <c r="D2538" s="1" t="s">
        <v>2022</v>
      </c>
      <c r="E2538" s="5" t="s">
        <v>14861</v>
      </c>
      <c r="F2538" s="6">
        <v>3576</v>
      </c>
    </row>
    <row r="2539" spans="1:6" x14ac:dyDescent="0.25">
      <c r="A2539" s="4" t="s">
        <v>76</v>
      </c>
      <c r="B2539" s="1" t="s">
        <v>3154</v>
      </c>
      <c r="C2539" s="5" t="s">
        <v>3327</v>
      </c>
      <c r="D2539" s="1" t="s">
        <v>7454</v>
      </c>
      <c r="E2539" s="5" t="s">
        <v>11734</v>
      </c>
      <c r="F2539" s="6">
        <v>155</v>
      </c>
    </row>
    <row r="2540" spans="1:6" x14ac:dyDescent="0.25">
      <c r="A2540" s="4" t="s">
        <v>76</v>
      </c>
      <c r="B2540" s="1" t="s">
        <v>3154</v>
      </c>
      <c r="C2540" s="5" t="s">
        <v>3327</v>
      </c>
      <c r="D2540" s="1" t="s">
        <v>8397</v>
      </c>
      <c r="E2540" s="5" t="s">
        <v>12833</v>
      </c>
      <c r="F2540" s="6">
        <v>1433</v>
      </c>
    </row>
    <row r="2541" spans="1:6" x14ac:dyDescent="0.25">
      <c r="A2541" s="4" t="s">
        <v>76</v>
      </c>
      <c r="B2541" s="1" t="s">
        <v>3154</v>
      </c>
      <c r="C2541" s="5" t="s">
        <v>3327</v>
      </c>
      <c r="D2541" s="1" t="s">
        <v>9035</v>
      </c>
      <c r="E2541" s="5" t="s">
        <v>14105</v>
      </c>
      <c r="F2541" s="6">
        <v>2762</v>
      </c>
    </row>
    <row r="2542" spans="1:6" x14ac:dyDescent="0.25">
      <c r="A2542" s="4" t="s">
        <v>76</v>
      </c>
      <c r="B2542" s="1" t="s">
        <v>3154</v>
      </c>
      <c r="C2542" s="5" t="s">
        <v>3327</v>
      </c>
      <c r="D2542" s="1" t="s">
        <v>9947</v>
      </c>
      <c r="E2542" s="5" t="s">
        <v>15899</v>
      </c>
      <c r="F2542" s="6">
        <v>4815</v>
      </c>
    </row>
    <row r="2543" spans="1:6" x14ac:dyDescent="0.25">
      <c r="A2543" s="4" t="s">
        <v>664</v>
      </c>
      <c r="B2543" s="1" t="s">
        <v>3154</v>
      </c>
      <c r="C2543" s="5" t="s">
        <v>4361</v>
      </c>
      <c r="D2543" s="1" t="s">
        <v>664</v>
      </c>
      <c r="E2543" s="5" t="s">
        <v>13101</v>
      </c>
      <c r="F2543" s="6">
        <v>1734</v>
      </c>
    </row>
    <row r="2544" spans="1:6" x14ac:dyDescent="0.25">
      <c r="A2544" s="4" t="s">
        <v>837</v>
      </c>
      <c r="B2544" s="1" t="s">
        <v>3164</v>
      </c>
      <c r="C2544" s="5" t="s">
        <v>4570</v>
      </c>
      <c r="D2544" s="1" t="s">
        <v>837</v>
      </c>
      <c r="E2544" s="5" t="s">
        <v>13359</v>
      </c>
      <c r="F2544" s="6">
        <v>1992</v>
      </c>
    </row>
    <row r="2545" spans="1:6" x14ac:dyDescent="0.25">
      <c r="A2545" s="4" t="s">
        <v>1172</v>
      </c>
      <c r="B2545" s="1" t="s">
        <v>3149</v>
      </c>
      <c r="C2545" s="5" t="s">
        <v>4921</v>
      </c>
      <c r="D2545" s="1" t="s">
        <v>8861</v>
      </c>
      <c r="E2545" s="5" t="s">
        <v>13762</v>
      </c>
      <c r="F2545" s="6">
        <v>2411</v>
      </c>
    </row>
    <row r="2546" spans="1:6" x14ac:dyDescent="0.25">
      <c r="A2546" s="4" t="s">
        <v>2275</v>
      </c>
      <c r="B2546" s="1" t="s">
        <v>3149</v>
      </c>
      <c r="C2546" s="5" t="s">
        <v>6018</v>
      </c>
      <c r="D2546" s="1" t="s">
        <v>2275</v>
      </c>
      <c r="E2546" s="5" t="s">
        <v>15418</v>
      </c>
      <c r="F2546" s="6">
        <v>4156</v>
      </c>
    </row>
    <row r="2547" spans="1:6" x14ac:dyDescent="0.25">
      <c r="A2547" s="4" t="s">
        <v>2722</v>
      </c>
      <c r="B2547" s="1" t="s">
        <v>3149</v>
      </c>
      <c r="C2547" s="5" t="s">
        <v>6663</v>
      </c>
      <c r="D2547" s="1" t="s">
        <v>10477</v>
      </c>
      <c r="E2547" s="5" t="s">
        <v>16638</v>
      </c>
      <c r="F2547" s="6">
        <v>6445</v>
      </c>
    </row>
    <row r="2548" spans="1:6" x14ac:dyDescent="0.25">
      <c r="A2548" s="4" t="s">
        <v>126</v>
      </c>
      <c r="B2548" s="1" t="s">
        <v>3152</v>
      </c>
      <c r="C2548" s="5" t="s">
        <v>3393</v>
      </c>
      <c r="D2548" s="1" t="s">
        <v>7518</v>
      </c>
      <c r="E2548" s="5" t="s">
        <v>11802</v>
      </c>
      <c r="F2548" s="6">
        <v>229</v>
      </c>
    </row>
    <row r="2549" spans="1:6" x14ac:dyDescent="0.25">
      <c r="A2549" s="4" t="s">
        <v>126</v>
      </c>
      <c r="B2549" s="1" t="s">
        <v>3152</v>
      </c>
      <c r="C2549" s="5" t="s">
        <v>3393</v>
      </c>
      <c r="D2549" s="1" t="s">
        <v>8345</v>
      </c>
      <c r="E2549" s="5" t="s">
        <v>12765</v>
      </c>
      <c r="F2549" s="6">
        <v>1362</v>
      </c>
    </row>
    <row r="2550" spans="1:6" x14ac:dyDescent="0.25">
      <c r="A2550" s="4" t="s">
        <v>126</v>
      </c>
      <c r="B2550" s="1" t="s">
        <v>3152</v>
      </c>
      <c r="C2550" s="5" t="s">
        <v>3393</v>
      </c>
      <c r="D2550" s="1" t="s">
        <v>11290</v>
      </c>
      <c r="E2550" s="5" t="s">
        <v>17702</v>
      </c>
      <c r="F2550" s="6">
        <v>9322</v>
      </c>
    </row>
    <row r="2551" spans="1:6" x14ac:dyDescent="0.25">
      <c r="A2551" s="4" t="s">
        <v>678</v>
      </c>
      <c r="B2551" s="1" t="s">
        <v>3149</v>
      </c>
      <c r="C2551" s="5" t="s">
        <v>4379</v>
      </c>
      <c r="D2551" s="1" t="s">
        <v>678</v>
      </c>
      <c r="E2551" s="5" t="s">
        <v>13128</v>
      </c>
      <c r="F2551" s="6">
        <v>1761</v>
      </c>
    </row>
    <row r="2552" spans="1:6" x14ac:dyDescent="0.25">
      <c r="A2552" s="4" t="s">
        <v>678</v>
      </c>
      <c r="B2552" s="1" t="s">
        <v>3149</v>
      </c>
      <c r="C2552" s="5">
        <v>583201</v>
      </c>
      <c r="D2552" s="1" t="s">
        <v>10869</v>
      </c>
      <c r="E2552" s="5" t="s">
        <v>17152</v>
      </c>
      <c r="F2552" s="6">
        <v>8057</v>
      </c>
    </row>
    <row r="2553" spans="1:6" x14ac:dyDescent="0.25">
      <c r="A2553" s="4" t="s">
        <v>181</v>
      </c>
      <c r="B2553" s="1" t="s">
        <v>3146</v>
      </c>
      <c r="C2553" s="5" t="s">
        <v>3496</v>
      </c>
      <c r="D2553" s="1" t="s">
        <v>7629</v>
      </c>
      <c r="E2553" s="5" t="s">
        <v>11918</v>
      </c>
      <c r="F2553" s="6">
        <v>351</v>
      </c>
    </row>
    <row r="2554" spans="1:6" x14ac:dyDescent="0.25">
      <c r="A2554" s="4" t="s">
        <v>181</v>
      </c>
      <c r="B2554" s="1" t="s">
        <v>3146</v>
      </c>
      <c r="C2554" s="5" t="s">
        <v>3496</v>
      </c>
      <c r="D2554" s="1" t="s">
        <v>9560</v>
      </c>
      <c r="E2554" s="5" t="s">
        <v>15386</v>
      </c>
      <c r="F2554" s="6">
        <v>4123</v>
      </c>
    </row>
    <row r="2555" spans="1:6" x14ac:dyDescent="0.25">
      <c r="A2555" s="4" t="s">
        <v>181</v>
      </c>
      <c r="B2555" s="1" t="s">
        <v>3146</v>
      </c>
      <c r="C2555" s="5" t="s">
        <v>3496</v>
      </c>
      <c r="D2555" s="1" t="s">
        <v>181</v>
      </c>
      <c r="E2555" s="5" t="s">
        <v>16166</v>
      </c>
      <c r="F2555" s="6">
        <v>5286</v>
      </c>
    </row>
    <row r="2556" spans="1:6" x14ac:dyDescent="0.25">
      <c r="A2556" s="4" t="s">
        <v>181</v>
      </c>
      <c r="B2556" s="1" t="s">
        <v>3170</v>
      </c>
      <c r="C2556" s="5">
        <v>635126</v>
      </c>
      <c r="D2556" s="1" t="s">
        <v>10818</v>
      </c>
      <c r="E2556" s="5" t="s">
        <v>17089</v>
      </c>
      <c r="F2556" s="6">
        <v>7825</v>
      </c>
    </row>
    <row r="2557" spans="1:6" x14ac:dyDescent="0.25">
      <c r="A2557" s="4" t="s">
        <v>113</v>
      </c>
      <c r="B2557" s="1" t="s">
        <v>3148</v>
      </c>
      <c r="C2557" s="5" t="s">
        <v>3373</v>
      </c>
      <c r="D2557" s="1" t="s">
        <v>7498</v>
      </c>
      <c r="E2557" s="5" t="s">
        <v>11782</v>
      </c>
      <c r="F2557" s="6">
        <v>208</v>
      </c>
    </row>
    <row r="2558" spans="1:6" x14ac:dyDescent="0.25">
      <c r="A2558" s="4" t="s">
        <v>113</v>
      </c>
      <c r="B2558" s="1" t="s">
        <v>3148</v>
      </c>
      <c r="C2558" s="5" t="s">
        <v>3636</v>
      </c>
      <c r="D2558" s="1" t="s">
        <v>7783</v>
      </c>
      <c r="E2558" s="5" t="s">
        <v>12083</v>
      </c>
      <c r="F2558" s="6">
        <v>531</v>
      </c>
    </row>
    <row r="2559" spans="1:6" x14ac:dyDescent="0.25">
      <c r="A2559" s="4" t="s">
        <v>113</v>
      </c>
      <c r="B2559" s="1" t="s">
        <v>3148</v>
      </c>
      <c r="C2559" s="5" t="s">
        <v>4566</v>
      </c>
      <c r="D2559" s="1" t="s">
        <v>8721</v>
      </c>
      <c r="E2559" s="5" t="s">
        <v>13355</v>
      </c>
      <c r="F2559" s="6">
        <v>1988</v>
      </c>
    </row>
    <row r="2560" spans="1:6" x14ac:dyDescent="0.25">
      <c r="A2560" s="4" t="s">
        <v>113</v>
      </c>
      <c r="B2560" s="1" t="s">
        <v>3148</v>
      </c>
      <c r="C2560" s="5" t="s">
        <v>4566</v>
      </c>
      <c r="D2560" s="1" t="s">
        <v>9707</v>
      </c>
      <c r="E2560" s="5" t="s">
        <v>15598</v>
      </c>
      <c r="F2560" s="6">
        <v>4340</v>
      </c>
    </row>
    <row r="2561" spans="1:6" x14ac:dyDescent="0.25">
      <c r="A2561" s="4" t="s">
        <v>113</v>
      </c>
      <c r="B2561" s="1" t="s">
        <v>3148</v>
      </c>
      <c r="C2561" s="5" t="s">
        <v>3373</v>
      </c>
      <c r="D2561" s="1" t="s">
        <v>10427</v>
      </c>
      <c r="E2561" s="5" t="s">
        <v>16573</v>
      </c>
      <c r="F2561" s="6">
        <v>6268</v>
      </c>
    </row>
    <row r="2562" spans="1:6" x14ac:dyDescent="0.25">
      <c r="A2562" s="4" t="s">
        <v>139</v>
      </c>
      <c r="B2562" s="1" t="s">
        <v>3149</v>
      </c>
      <c r="C2562" s="5" t="s">
        <v>3411</v>
      </c>
      <c r="D2562" s="1" t="s">
        <v>7537</v>
      </c>
      <c r="E2562" s="5" t="s">
        <v>11823</v>
      </c>
      <c r="F2562" s="6">
        <v>254</v>
      </c>
    </row>
    <row r="2563" spans="1:6" x14ac:dyDescent="0.25">
      <c r="A2563" s="4" t="s">
        <v>139</v>
      </c>
      <c r="B2563" s="1" t="s">
        <v>3149</v>
      </c>
      <c r="C2563" s="5" t="s">
        <v>4095</v>
      </c>
      <c r="D2563" s="1" t="s">
        <v>2823</v>
      </c>
      <c r="E2563" s="5" t="s">
        <v>12693</v>
      </c>
      <c r="F2563" s="6">
        <v>1289</v>
      </c>
    </row>
    <row r="2564" spans="1:6" x14ac:dyDescent="0.25">
      <c r="A2564" s="4" t="s">
        <v>139</v>
      </c>
      <c r="B2564" s="1" t="s">
        <v>3149</v>
      </c>
      <c r="C2564" s="5" t="s">
        <v>4258</v>
      </c>
      <c r="D2564" s="1" t="s">
        <v>8497</v>
      </c>
      <c r="E2564" s="5" t="s">
        <v>12961</v>
      </c>
      <c r="F2564" s="6">
        <v>1570</v>
      </c>
    </row>
    <row r="2565" spans="1:6" x14ac:dyDescent="0.25">
      <c r="A2565" s="4" t="s">
        <v>139</v>
      </c>
      <c r="B2565" s="1" t="s">
        <v>3149</v>
      </c>
      <c r="C2565" s="5" t="s">
        <v>6595</v>
      </c>
      <c r="D2565" s="1" t="s">
        <v>10380</v>
      </c>
      <c r="E2565" s="5" t="s">
        <v>16507</v>
      </c>
      <c r="F2565" s="6">
        <v>6090</v>
      </c>
    </row>
    <row r="2566" spans="1:6" x14ac:dyDescent="0.25">
      <c r="A2566" s="4" t="s">
        <v>139</v>
      </c>
      <c r="B2566" s="1" t="s">
        <v>3149</v>
      </c>
      <c r="C2566" s="5" t="s">
        <v>6620</v>
      </c>
      <c r="D2566" s="1" t="s">
        <v>10411</v>
      </c>
      <c r="E2566" s="5" t="s">
        <v>16552</v>
      </c>
      <c r="F2566" s="6">
        <v>6211</v>
      </c>
    </row>
    <row r="2567" spans="1:6" x14ac:dyDescent="0.25">
      <c r="A2567" s="4" t="s">
        <v>139</v>
      </c>
      <c r="B2567" s="1" t="s">
        <v>3149</v>
      </c>
      <c r="C2567" s="5">
        <v>580025</v>
      </c>
      <c r="D2567" s="1" t="s">
        <v>11011</v>
      </c>
      <c r="E2567" s="5" t="s">
        <v>17329</v>
      </c>
      <c r="F2567" s="6">
        <v>8742</v>
      </c>
    </row>
    <row r="2568" spans="1:6" x14ac:dyDescent="0.25">
      <c r="A2568" s="4" t="s">
        <v>670</v>
      </c>
      <c r="B2568" s="1" t="s">
        <v>3148</v>
      </c>
      <c r="C2568" s="5" t="s">
        <v>4368</v>
      </c>
      <c r="D2568" s="1" t="s">
        <v>8591</v>
      </c>
      <c r="E2568" s="5" t="s">
        <v>13108</v>
      </c>
      <c r="F2568" s="6">
        <v>1741</v>
      </c>
    </row>
    <row r="2569" spans="1:6" x14ac:dyDescent="0.25">
      <c r="A2569" s="4" t="s">
        <v>670</v>
      </c>
      <c r="B2569" s="1" t="s">
        <v>3148</v>
      </c>
      <c r="C2569" s="5" t="s">
        <v>6136</v>
      </c>
      <c r="D2569" s="1" t="s">
        <v>9702</v>
      </c>
      <c r="E2569" s="5" t="s">
        <v>15593</v>
      </c>
      <c r="F2569" s="6">
        <v>4335</v>
      </c>
    </row>
    <row r="2570" spans="1:6" x14ac:dyDescent="0.25">
      <c r="A2570" s="4" t="s">
        <v>670</v>
      </c>
      <c r="B2570" s="1" t="s">
        <v>3148</v>
      </c>
      <c r="C2570" s="5" t="s">
        <v>6163</v>
      </c>
      <c r="D2570" s="1" t="s">
        <v>9741</v>
      </c>
      <c r="E2570" s="5" t="s">
        <v>15647</v>
      </c>
      <c r="F2570" s="6">
        <v>4390</v>
      </c>
    </row>
    <row r="2571" spans="1:6" x14ac:dyDescent="0.25">
      <c r="A2571" s="4" t="s">
        <v>670</v>
      </c>
      <c r="B2571" s="1" t="s">
        <v>3148</v>
      </c>
      <c r="C2571" s="5" t="s">
        <v>7122</v>
      </c>
      <c r="D2571" s="1" t="s">
        <v>11225</v>
      </c>
      <c r="E2571" s="5" t="s">
        <v>17618</v>
      </c>
      <c r="F2571" s="6">
        <v>9235</v>
      </c>
    </row>
    <row r="2572" spans="1:6" x14ac:dyDescent="0.25">
      <c r="A2572" s="4" t="s">
        <v>3139</v>
      </c>
      <c r="B2572" s="1" t="s">
        <v>3148</v>
      </c>
      <c r="C2572" s="5" t="s">
        <v>7315</v>
      </c>
      <c r="D2572" s="1" t="s">
        <v>11578</v>
      </c>
      <c r="E2572" s="5" t="s">
        <v>18054</v>
      </c>
      <c r="F2572" s="6">
        <v>9688</v>
      </c>
    </row>
    <row r="2573" spans="1:6" x14ac:dyDescent="0.25">
      <c r="A2573" s="4" t="s">
        <v>675</v>
      </c>
      <c r="B2573" s="1" t="s">
        <v>3149</v>
      </c>
      <c r="C2573" s="5" t="s">
        <v>4372</v>
      </c>
      <c r="D2573" s="1" t="s">
        <v>8594</v>
      </c>
      <c r="E2573" s="5" t="s">
        <v>13113</v>
      </c>
      <c r="F2573" s="6">
        <v>1746</v>
      </c>
    </row>
    <row r="2574" spans="1:6" x14ac:dyDescent="0.25">
      <c r="A2574" s="4" t="s">
        <v>1601</v>
      </c>
      <c r="B2574" s="1" t="s">
        <v>3151</v>
      </c>
      <c r="C2574" s="5" t="s">
        <v>5114</v>
      </c>
      <c r="D2574" s="1" t="s">
        <v>1601</v>
      </c>
      <c r="E2574" s="5" t="s">
        <v>14387</v>
      </c>
      <c r="F2574" s="6">
        <v>3053</v>
      </c>
    </row>
    <row r="2575" spans="1:6" x14ac:dyDescent="0.25">
      <c r="A2575" s="4" t="s">
        <v>1816</v>
      </c>
      <c r="B2575" s="1" t="s">
        <v>3149</v>
      </c>
      <c r="C2575" s="5" t="s">
        <v>5589</v>
      </c>
      <c r="D2575" s="1" t="s">
        <v>1816</v>
      </c>
      <c r="E2575" s="5" t="s">
        <v>14640</v>
      </c>
      <c r="F2575" s="6">
        <v>3336</v>
      </c>
    </row>
    <row r="2576" spans="1:6" x14ac:dyDescent="0.25">
      <c r="A2576" s="4" t="s">
        <v>1232</v>
      </c>
      <c r="B2576" s="1" t="s">
        <v>3144</v>
      </c>
      <c r="C2576" s="5" t="s">
        <v>4999</v>
      </c>
      <c r="D2576" s="1" t="s">
        <v>1232</v>
      </c>
      <c r="E2576" s="5" t="s">
        <v>13858</v>
      </c>
      <c r="F2576" s="6">
        <v>2508</v>
      </c>
    </row>
    <row r="2577" spans="1:6" x14ac:dyDescent="0.25">
      <c r="A2577" s="4" t="s">
        <v>2281</v>
      </c>
      <c r="B2577" s="1" t="s">
        <v>3151</v>
      </c>
      <c r="C2577" s="5" t="s">
        <v>6029</v>
      </c>
      <c r="D2577" s="1" t="s">
        <v>2281</v>
      </c>
      <c r="E2577" s="5" t="s">
        <v>15432</v>
      </c>
      <c r="F2577" s="6">
        <v>4170</v>
      </c>
    </row>
    <row r="2578" spans="1:6" x14ac:dyDescent="0.25">
      <c r="A2578" s="4" t="s">
        <v>1028</v>
      </c>
      <c r="B2578" s="1" t="s">
        <v>3151</v>
      </c>
      <c r="C2578" s="5" t="s">
        <v>4771</v>
      </c>
      <c r="D2578" s="1" t="s">
        <v>1028</v>
      </c>
      <c r="E2578" s="5" t="s">
        <v>13595</v>
      </c>
      <c r="F2578" s="6">
        <v>2236</v>
      </c>
    </row>
    <row r="2579" spans="1:6" x14ac:dyDescent="0.25">
      <c r="A2579" s="4" t="s">
        <v>10</v>
      </c>
      <c r="B2579" s="1" t="s">
        <v>3151</v>
      </c>
      <c r="C2579" s="5" t="s">
        <v>3214</v>
      </c>
      <c r="D2579" s="1" t="s">
        <v>7342</v>
      </c>
      <c r="E2579" s="5" t="s">
        <v>11613</v>
      </c>
      <c r="F2579" s="6">
        <v>21</v>
      </c>
    </row>
    <row r="2580" spans="1:6" x14ac:dyDescent="0.25">
      <c r="A2580" s="4" t="s">
        <v>10</v>
      </c>
      <c r="B2580" s="1" t="s">
        <v>3151</v>
      </c>
      <c r="C2580" s="5" t="s">
        <v>3238</v>
      </c>
      <c r="D2580" s="1" t="s">
        <v>7364</v>
      </c>
      <c r="E2580" s="5" t="s">
        <v>11637</v>
      </c>
      <c r="F2580" s="6">
        <v>45</v>
      </c>
    </row>
    <row r="2581" spans="1:6" x14ac:dyDescent="0.25">
      <c r="A2581" s="4" t="s">
        <v>10</v>
      </c>
      <c r="B2581" s="1" t="s">
        <v>3151</v>
      </c>
      <c r="C2581" s="5" t="s">
        <v>3267</v>
      </c>
      <c r="D2581" s="1" t="s">
        <v>7394</v>
      </c>
      <c r="E2581" s="5" t="s">
        <v>11669</v>
      </c>
      <c r="F2581" s="6">
        <v>81</v>
      </c>
    </row>
    <row r="2582" spans="1:6" x14ac:dyDescent="0.25">
      <c r="A2582" s="4" t="s">
        <v>10</v>
      </c>
      <c r="B2582" s="1" t="s">
        <v>3151</v>
      </c>
      <c r="C2582" s="5" t="s">
        <v>3302</v>
      </c>
      <c r="D2582" s="1" t="s">
        <v>7429</v>
      </c>
      <c r="E2582" s="5" t="s">
        <v>11706</v>
      </c>
      <c r="F2582" s="6">
        <v>126</v>
      </c>
    </row>
    <row r="2583" spans="1:6" x14ac:dyDescent="0.25">
      <c r="A2583" s="4" t="s">
        <v>10</v>
      </c>
      <c r="B2583" s="1" t="s">
        <v>3151</v>
      </c>
      <c r="C2583" s="5" t="s">
        <v>3383</v>
      </c>
      <c r="D2583" s="1" t="s">
        <v>7508</v>
      </c>
      <c r="E2583" s="5" t="s">
        <v>11792</v>
      </c>
      <c r="F2583" s="6">
        <v>218</v>
      </c>
    </row>
    <row r="2584" spans="1:6" x14ac:dyDescent="0.25">
      <c r="A2584" s="4" t="s">
        <v>10</v>
      </c>
      <c r="B2584" s="1" t="s">
        <v>3151</v>
      </c>
      <c r="C2584" s="5" t="s">
        <v>3465</v>
      </c>
      <c r="D2584" s="1" t="s">
        <v>7596</v>
      </c>
      <c r="E2584" s="5" t="s">
        <v>11885</v>
      </c>
      <c r="F2584" s="6">
        <v>317</v>
      </c>
    </row>
    <row r="2585" spans="1:6" x14ac:dyDescent="0.25">
      <c r="A2585" s="4" t="s">
        <v>10</v>
      </c>
      <c r="B2585" s="1" t="s">
        <v>3151</v>
      </c>
      <c r="C2585" s="5" t="s">
        <v>3466</v>
      </c>
      <c r="D2585" s="1" t="s">
        <v>7597</v>
      </c>
      <c r="E2585" s="5" t="s">
        <v>11886</v>
      </c>
      <c r="F2585" s="6">
        <v>318</v>
      </c>
    </row>
    <row r="2586" spans="1:6" x14ac:dyDescent="0.25">
      <c r="A2586" s="4" t="s">
        <v>10</v>
      </c>
      <c r="B2586" s="1" t="s">
        <v>3151</v>
      </c>
      <c r="C2586" s="5" t="s">
        <v>3508</v>
      </c>
      <c r="D2586" s="1" t="s">
        <v>7642</v>
      </c>
      <c r="E2586" s="5" t="s">
        <v>11931</v>
      </c>
      <c r="F2586" s="6">
        <v>364</v>
      </c>
    </row>
    <row r="2587" spans="1:6" x14ac:dyDescent="0.25">
      <c r="A2587" s="4" t="s">
        <v>10</v>
      </c>
      <c r="B2587" s="1" t="s">
        <v>3151</v>
      </c>
      <c r="C2587" s="5" t="s">
        <v>3509</v>
      </c>
      <c r="D2587" s="1" t="s">
        <v>7643</v>
      </c>
      <c r="E2587" s="5" t="s">
        <v>11932</v>
      </c>
      <c r="F2587" s="6">
        <v>365</v>
      </c>
    </row>
    <row r="2588" spans="1:6" x14ac:dyDescent="0.25">
      <c r="A2588" s="4" t="s">
        <v>10</v>
      </c>
      <c r="B2588" s="1" t="s">
        <v>3151</v>
      </c>
      <c r="C2588" s="5" t="s">
        <v>3512</v>
      </c>
      <c r="D2588" s="1" t="s">
        <v>7646</v>
      </c>
      <c r="E2588" s="5" t="s">
        <v>11935</v>
      </c>
      <c r="F2588" s="6">
        <v>368</v>
      </c>
    </row>
    <row r="2589" spans="1:6" x14ac:dyDescent="0.25">
      <c r="A2589" s="4" t="s">
        <v>10</v>
      </c>
      <c r="B2589" s="1" t="s">
        <v>3151</v>
      </c>
      <c r="C2589" s="5" t="s">
        <v>3553</v>
      </c>
      <c r="D2589" s="1" t="s">
        <v>7693</v>
      </c>
      <c r="E2589" s="5" t="s">
        <v>11985</v>
      </c>
      <c r="F2589" s="6">
        <v>418</v>
      </c>
    </row>
    <row r="2590" spans="1:6" x14ac:dyDescent="0.25">
      <c r="A2590" s="4" t="s">
        <v>10</v>
      </c>
      <c r="B2590" s="1" t="s">
        <v>3151</v>
      </c>
      <c r="C2590" s="5" t="s">
        <v>3601</v>
      </c>
      <c r="D2590" s="1" t="s">
        <v>7739</v>
      </c>
      <c r="E2590" s="5" t="s">
        <v>12038</v>
      </c>
      <c r="F2590" s="6">
        <v>472</v>
      </c>
    </row>
    <row r="2591" spans="1:6" x14ac:dyDescent="0.25">
      <c r="A2591" s="4" t="s">
        <v>10</v>
      </c>
      <c r="B2591" s="1" t="s">
        <v>3151</v>
      </c>
      <c r="C2591" s="5" t="s">
        <v>3623</v>
      </c>
      <c r="D2591" s="1" t="s">
        <v>7768</v>
      </c>
      <c r="E2591" s="5" t="s">
        <v>12067</v>
      </c>
      <c r="F2591" s="6">
        <v>512</v>
      </c>
    </row>
    <row r="2592" spans="1:6" x14ac:dyDescent="0.25">
      <c r="A2592" s="4" t="s">
        <v>10</v>
      </c>
      <c r="B2592" s="1" t="s">
        <v>3151</v>
      </c>
      <c r="C2592" s="5" t="s">
        <v>3628</v>
      </c>
      <c r="D2592" s="1" t="s">
        <v>7774</v>
      </c>
      <c r="E2592" s="5" t="s">
        <v>12074</v>
      </c>
      <c r="F2592" s="6">
        <v>521</v>
      </c>
    </row>
    <row r="2593" spans="1:6" x14ac:dyDescent="0.25">
      <c r="A2593" s="4" t="s">
        <v>10</v>
      </c>
      <c r="B2593" s="1" t="s">
        <v>3151</v>
      </c>
      <c r="C2593" s="5" t="s">
        <v>3643</v>
      </c>
      <c r="D2593" s="1" t="s">
        <v>7791</v>
      </c>
      <c r="E2593" s="5" t="s">
        <v>12092</v>
      </c>
      <c r="F2593" s="6">
        <v>545</v>
      </c>
    </row>
    <row r="2594" spans="1:6" x14ac:dyDescent="0.25">
      <c r="A2594" s="4" t="s">
        <v>10</v>
      </c>
      <c r="B2594" s="1" t="s">
        <v>3151</v>
      </c>
      <c r="C2594" s="5" t="s">
        <v>3649</v>
      </c>
      <c r="D2594" s="1" t="s">
        <v>7801</v>
      </c>
      <c r="E2594" s="5" t="s">
        <v>12102</v>
      </c>
      <c r="F2594" s="6">
        <v>562</v>
      </c>
    </row>
    <row r="2595" spans="1:6" x14ac:dyDescent="0.25">
      <c r="A2595" s="4" t="s">
        <v>10</v>
      </c>
      <c r="B2595" s="1" t="s">
        <v>3151</v>
      </c>
      <c r="C2595" s="5" t="s">
        <v>3675</v>
      </c>
      <c r="D2595" s="1" t="s">
        <v>7844</v>
      </c>
      <c r="E2595" s="5" t="s">
        <v>12147</v>
      </c>
      <c r="F2595" s="6">
        <v>621</v>
      </c>
    </row>
    <row r="2596" spans="1:6" x14ac:dyDescent="0.25">
      <c r="A2596" s="4" t="s">
        <v>10</v>
      </c>
      <c r="B2596" s="1" t="s">
        <v>3151</v>
      </c>
      <c r="C2596" s="5" t="s">
        <v>3684</v>
      </c>
      <c r="D2596" s="1" t="s">
        <v>7855</v>
      </c>
      <c r="E2596" s="5" t="s">
        <v>12158</v>
      </c>
      <c r="F2596" s="6">
        <v>632</v>
      </c>
    </row>
    <row r="2597" spans="1:6" x14ac:dyDescent="0.25">
      <c r="A2597" s="4" t="s">
        <v>10</v>
      </c>
      <c r="B2597" s="1" t="s">
        <v>3151</v>
      </c>
      <c r="C2597" s="5" t="s">
        <v>3693</v>
      </c>
      <c r="D2597" s="1" t="s">
        <v>7863</v>
      </c>
      <c r="E2597" s="5" t="s">
        <v>12168</v>
      </c>
      <c r="F2597" s="6">
        <v>642</v>
      </c>
    </row>
    <row r="2598" spans="1:6" x14ac:dyDescent="0.25">
      <c r="A2598" s="4" t="s">
        <v>10</v>
      </c>
      <c r="B2598" s="1" t="s">
        <v>3151</v>
      </c>
      <c r="C2598" s="5" t="s">
        <v>3734</v>
      </c>
      <c r="D2598" s="1" t="s">
        <v>7909</v>
      </c>
      <c r="E2598" s="5" t="s">
        <v>12218</v>
      </c>
      <c r="F2598" s="6">
        <v>700</v>
      </c>
    </row>
    <row r="2599" spans="1:6" x14ac:dyDescent="0.25">
      <c r="A2599" s="4" t="s">
        <v>10</v>
      </c>
      <c r="B2599" s="1" t="s">
        <v>3151</v>
      </c>
      <c r="C2599" s="5" t="s">
        <v>3819</v>
      </c>
      <c r="D2599" s="1" t="s">
        <v>7996</v>
      </c>
      <c r="E2599" s="5" t="s">
        <v>12315</v>
      </c>
      <c r="F2599" s="6">
        <v>811</v>
      </c>
    </row>
    <row r="2600" spans="1:6" x14ac:dyDescent="0.25">
      <c r="A2600" s="4" t="s">
        <v>10</v>
      </c>
      <c r="B2600" s="1" t="s">
        <v>3151</v>
      </c>
      <c r="C2600" s="5" t="s">
        <v>3821</v>
      </c>
      <c r="D2600" s="1" t="s">
        <v>2469</v>
      </c>
      <c r="E2600" s="5" t="s">
        <v>12317</v>
      </c>
      <c r="F2600" s="6">
        <v>813</v>
      </c>
    </row>
    <row r="2601" spans="1:6" x14ac:dyDescent="0.25">
      <c r="A2601" s="4" t="s">
        <v>10</v>
      </c>
      <c r="B2601" s="1" t="s">
        <v>3151</v>
      </c>
      <c r="C2601" s="5" t="s">
        <v>3932</v>
      </c>
      <c r="D2601" s="1" t="s">
        <v>8082</v>
      </c>
      <c r="E2601" s="5" t="s">
        <v>12452</v>
      </c>
      <c r="F2601" s="6">
        <v>968</v>
      </c>
    </row>
    <row r="2602" spans="1:6" x14ac:dyDescent="0.25">
      <c r="A2602" s="4" t="s">
        <v>10</v>
      </c>
      <c r="B2602" s="1" t="s">
        <v>3151</v>
      </c>
      <c r="C2602" s="5">
        <v>502032</v>
      </c>
      <c r="D2602" s="1" t="s">
        <v>8083</v>
      </c>
      <c r="E2602" s="5" t="s">
        <v>12453</v>
      </c>
      <c r="F2602" s="6">
        <v>969</v>
      </c>
    </row>
    <row r="2603" spans="1:6" x14ac:dyDescent="0.25">
      <c r="A2603" s="4" t="s">
        <v>10</v>
      </c>
      <c r="B2603" s="1" t="s">
        <v>3151</v>
      </c>
      <c r="C2603" s="5" t="s">
        <v>3963</v>
      </c>
      <c r="D2603" s="1" t="s">
        <v>8113</v>
      </c>
      <c r="E2603" s="5" t="s">
        <v>12497</v>
      </c>
      <c r="F2603" s="6">
        <v>1021</v>
      </c>
    </row>
    <row r="2604" spans="1:6" x14ac:dyDescent="0.25">
      <c r="A2604" s="4" t="s">
        <v>10</v>
      </c>
      <c r="B2604" s="1" t="s">
        <v>3151</v>
      </c>
      <c r="C2604" s="5" t="s">
        <v>3964</v>
      </c>
      <c r="D2604" s="1" t="s">
        <v>8114</v>
      </c>
      <c r="E2604" s="5" t="s">
        <v>12498</v>
      </c>
      <c r="F2604" s="6">
        <v>1022</v>
      </c>
    </row>
    <row r="2605" spans="1:6" x14ac:dyDescent="0.25">
      <c r="A2605" s="4" t="s">
        <v>10</v>
      </c>
      <c r="B2605" s="1" t="s">
        <v>3151</v>
      </c>
      <c r="C2605" s="5" t="s">
        <v>3967</v>
      </c>
      <c r="D2605" s="1" t="s">
        <v>8122</v>
      </c>
      <c r="E2605" s="5" t="s">
        <v>12506</v>
      </c>
      <c r="F2605" s="6">
        <v>1031</v>
      </c>
    </row>
    <row r="2606" spans="1:6" x14ac:dyDescent="0.25">
      <c r="A2606" s="4" t="s">
        <v>10</v>
      </c>
      <c r="B2606" s="1" t="s">
        <v>3151</v>
      </c>
      <c r="C2606" s="5">
        <v>500054</v>
      </c>
      <c r="D2606" s="1" t="s">
        <v>8131</v>
      </c>
      <c r="E2606" s="5" t="s">
        <v>12516</v>
      </c>
      <c r="F2606" s="6">
        <v>1041</v>
      </c>
    </row>
    <row r="2607" spans="1:6" x14ac:dyDescent="0.25">
      <c r="A2607" s="4" t="s">
        <v>10</v>
      </c>
      <c r="B2607" s="1" t="s">
        <v>3151</v>
      </c>
      <c r="C2607" s="5" t="s">
        <v>3977</v>
      </c>
      <c r="D2607" s="1" t="s">
        <v>8132</v>
      </c>
      <c r="E2607" s="5" t="s">
        <v>12517</v>
      </c>
      <c r="F2607" s="6">
        <v>1042</v>
      </c>
    </row>
    <row r="2608" spans="1:6" x14ac:dyDescent="0.25">
      <c r="A2608" s="4" t="s">
        <v>10</v>
      </c>
      <c r="B2608" s="1" t="s">
        <v>3151</v>
      </c>
      <c r="C2608" s="5" t="s">
        <v>3978</v>
      </c>
      <c r="D2608" s="1" t="s">
        <v>8133</v>
      </c>
      <c r="E2608" s="5" t="s">
        <v>12518</v>
      </c>
      <c r="F2608" s="6">
        <v>1043</v>
      </c>
    </row>
    <row r="2609" spans="1:6" x14ac:dyDescent="0.25">
      <c r="A2609" s="4" t="s">
        <v>10</v>
      </c>
      <c r="B2609" s="1" t="s">
        <v>3151</v>
      </c>
      <c r="C2609" s="5" t="s">
        <v>3623</v>
      </c>
      <c r="D2609" s="1" t="s">
        <v>8229</v>
      </c>
      <c r="E2609" s="5" t="s">
        <v>12634</v>
      </c>
      <c r="F2609" s="6">
        <v>1228</v>
      </c>
    </row>
    <row r="2610" spans="1:6" x14ac:dyDescent="0.25">
      <c r="A2610" s="4" t="s">
        <v>10</v>
      </c>
      <c r="B2610" s="1" t="s">
        <v>3151</v>
      </c>
      <c r="C2610" s="5" t="s">
        <v>4253</v>
      </c>
      <c r="D2610" s="1" t="s">
        <v>8482</v>
      </c>
      <c r="E2610" s="5" t="s">
        <v>12946</v>
      </c>
      <c r="F2610" s="6">
        <v>1554</v>
      </c>
    </row>
    <row r="2611" spans="1:6" x14ac:dyDescent="0.25">
      <c r="A2611" s="4" t="s">
        <v>10</v>
      </c>
      <c r="B2611" s="1" t="s">
        <v>3151</v>
      </c>
      <c r="C2611" s="5" t="s">
        <v>4285</v>
      </c>
      <c r="D2611" s="1" t="s">
        <v>8529</v>
      </c>
      <c r="E2611" s="5" t="s">
        <v>12998</v>
      </c>
      <c r="F2611" s="6">
        <v>1625</v>
      </c>
    </row>
    <row r="2612" spans="1:6" x14ac:dyDescent="0.25">
      <c r="A2612" s="4" t="s">
        <v>10</v>
      </c>
      <c r="B2612" s="1" t="s">
        <v>3151</v>
      </c>
      <c r="C2612" s="5" t="s">
        <v>4286</v>
      </c>
      <c r="D2612" s="1" t="s">
        <v>8530</v>
      </c>
      <c r="E2612" s="5" t="s">
        <v>12999</v>
      </c>
      <c r="F2612" s="6">
        <v>1626</v>
      </c>
    </row>
    <row r="2613" spans="1:6" x14ac:dyDescent="0.25">
      <c r="A2613" s="4" t="s">
        <v>10</v>
      </c>
      <c r="B2613" s="1" t="s">
        <v>3151</v>
      </c>
      <c r="C2613" s="5" t="s">
        <v>3675</v>
      </c>
      <c r="D2613" s="1" t="s">
        <v>8531</v>
      </c>
      <c r="E2613" s="5" t="s">
        <v>13000</v>
      </c>
      <c r="F2613" s="6">
        <v>1627</v>
      </c>
    </row>
    <row r="2614" spans="1:6" x14ac:dyDescent="0.25">
      <c r="A2614" s="4" t="s">
        <v>10</v>
      </c>
      <c r="B2614" s="1" t="s">
        <v>3151</v>
      </c>
      <c r="C2614" s="5" t="s">
        <v>4287</v>
      </c>
      <c r="D2614" s="1" t="s">
        <v>8532</v>
      </c>
      <c r="E2614" s="5" t="s">
        <v>13001</v>
      </c>
      <c r="F2614" s="6">
        <v>1628</v>
      </c>
    </row>
    <row r="2615" spans="1:6" x14ac:dyDescent="0.25">
      <c r="A2615" s="4" t="s">
        <v>10</v>
      </c>
      <c r="B2615" s="1" t="s">
        <v>3151</v>
      </c>
      <c r="C2615" s="5" t="s">
        <v>4288</v>
      </c>
      <c r="D2615" s="1" t="s">
        <v>8533</v>
      </c>
      <c r="E2615" s="5" t="s">
        <v>13002</v>
      </c>
      <c r="F2615" s="6">
        <v>1629</v>
      </c>
    </row>
    <row r="2616" spans="1:6" x14ac:dyDescent="0.25">
      <c r="A2616" s="4" t="s">
        <v>10</v>
      </c>
      <c r="B2616" s="1" t="s">
        <v>3151</v>
      </c>
      <c r="C2616" s="5" t="s">
        <v>3508</v>
      </c>
      <c r="D2616" s="1" t="s">
        <v>8534</v>
      </c>
      <c r="E2616" s="5" t="s">
        <v>13012</v>
      </c>
      <c r="F2616" s="6">
        <v>1639</v>
      </c>
    </row>
    <row r="2617" spans="1:6" x14ac:dyDescent="0.25">
      <c r="A2617" s="4" t="s">
        <v>10</v>
      </c>
      <c r="B2617" s="1" t="s">
        <v>3151</v>
      </c>
      <c r="C2617" s="5" t="s">
        <v>4568</v>
      </c>
      <c r="D2617" s="1" t="s">
        <v>8723</v>
      </c>
      <c r="E2617" s="5" t="s">
        <v>13357</v>
      </c>
      <c r="F2617" s="6">
        <v>1990</v>
      </c>
    </row>
    <row r="2618" spans="1:6" x14ac:dyDescent="0.25">
      <c r="A2618" s="4" t="s">
        <v>10</v>
      </c>
      <c r="B2618" s="1" t="s">
        <v>3151</v>
      </c>
      <c r="C2618" s="5" t="s">
        <v>3628</v>
      </c>
      <c r="D2618" s="1" t="s">
        <v>8726</v>
      </c>
      <c r="E2618" s="5" t="s">
        <v>13362</v>
      </c>
      <c r="F2618" s="6">
        <v>1995</v>
      </c>
    </row>
    <row r="2619" spans="1:6" x14ac:dyDescent="0.25">
      <c r="A2619" s="4" t="s">
        <v>10</v>
      </c>
      <c r="B2619" s="1" t="s">
        <v>3151</v>
      </c>
      <c r="C2619" s="5" t="s">
        <v>3267</v>
      </c>
      <c r="D2619" s="1" t="s">
        <v>8727</v>
      </c>
      <c r="E2619" s="5" t="s">
        <v>13363</v>
      </c>
      <c r="F2619" s="6">
        <v>1996</v>
      </c>
    </row>
    <row r="2620" spans="1:6" x14ac:dyDescent="0.25">
      <c r="A2620" s="4" t="s">
        <v>10</v>
      </c>
      <c r="B2620" s="1" t="s">
        <v>3151</v>
      </c>
      <c r="C2620" s="5" t="s">
        <v>4572</v>
      </c>
      <c r="D2620" s="1" t="s">
        <v>8728</v>
      </c>
      <c r="E2620" s="5" t="s">
        <v>13364</v>
      </c>
      <c r="F2620" s="6">
        <v>1997</v>
      </c>
    </row>
    <row r="2621" spans="1:6" x14ac:dyDescent="0.25">
      <c r="A2621" s="4" t="s">
        <v>10</v>
      </c>
      <c r="B2621" s="1" t="s">
        <v>3151</v>
      </c>
      <c r="C2621" s="5" t="s">
        <v>4573</v>
      </c>
      <c r="D2621" s="1" t="s">
        <v>8729</v>
      </c>
      <c r="E2621" s="5" t="s">
        <v>13365</v>
      </c>
      <c r="F2621" s="6">
        <v>1998</v>
      </c>
    </row>
    <row r="2622" spans="1:6" x14ac:dyDescent="0.25">
      <c r="A2622" s="4" t="s">
        <v>10</v>
      </c>
      <c r="B2622" s="1" t="s">
        <v>3151</v>
      </c>
      <c r="C2622" s="5" t="s">
        <v>4588</v>
      </c>
      <c r="D2622" s="1" t="s">
        <v>8740</v>
      </c>
      <c r="E2622" s="5" t="s">
        <v>13386</v>
      </c>
      <c r="F2622" s="6">
        <v>2019</v>
      </c>
    </row>
    <row r="2623" spans="1:6" x14ac:dyDescent="0.25">
      <c r="A2623" s="4" t="s">
        <v>10</v>
      </c>
      <c r="B2623" s="1" t="s">
        <v>3151</v>
      </c>
      <c r="C2623" s="5" t="s">
        <v>3302</v>
      </c>
      <c r="D2623" s="1" t="s">
        <v>8742</v>
      </c>
      <c r="E2623" s="5" t="s">
        <v>13390</v>
      </c>
      <c r="F2623" s="6">
        <v>2023</v>
      </c>
    </row>
    <row r="2624" spans="1:6" x14ac:dyDescent="0.25">
      <c r="A2624" s="4" t="s">
        <v>10</v>
      </c>
      <c r="B2624" s="1" t="s">
        <v>3151</v>
      </c>
      <c r="C2624" s="5" t="s">
        <v>4628</v>
      </c>
      <c r="D2624" s="1" t="s">
        <v>8766</v>
      </c>
      <c r="E2624" s="5" t="s">
        <v>13437</v>
      </c>
      <c r="F2624" s="6">
        <v>2073</v>
      </c>
    </row>
    <row r="2625" spans="1:6" x14ac:dyDescent="0.25">
      <c r="A2625" s="4" t="s">
        <v>10</v>
      </c>
      <c r="B2625" s="1" t="s">
        <v>3151</v>
      </c>
      <c r="C2625" s="5" t="s">
        <v>3465</v>
      </c>
      <c r="D2625" s="1" t="s">
        <v>8774</v>
      </c>
      <c r="E2625" s="5" t="s">
        <v>13447</v>
      </c>
      <c r="F2625" s="6">
        <v>2083</v>
      </c>
    </row>
    <row r="2626" spans="1:6" x14ac:dyDescent="0.25">
      <c r="A2626" s="4" t="s">
        <v>10</v>
      </c>
      <c r="B2626" s="1" t="s">
        <v>3151</v>
      </c>
      <c r="C2626" s="5" t="s">
        <v>3238</v>
      </c>
      <c r="D2626" s="1" t="s">
        <v>8845</v>
      </c>
      <c r="E2626" s="5" t="s">
        <v>13742</v>
      </c>
      <c r="F2626" s="6">
        <v>2390</v>
      </c>
    </row>
    <row r="2627" spans="1:6" x14ac:dyDescent="0.25">
      <c r="A2627" s="4" t="s">
        <v>10</v>
      </c>
      <c r="B2627" s="1" t="s">
        <v>3151</v>
      </c>
      <c r="C2627" s="5" t="s">
        <v>3628</v>
      </c>
      <c r="D2627" s="1" t="s">
        <v>8846</v>
      </c>
      <c r="E2627" s="5" t="s">
        <v>13743</v>
      </c>
      <c r="F2627" s="6">
        <v>2391</v>
      </c>
    </row>
    <row r="2628" spans="1:6" x14ac:dyDescent="0.25">
      <c r="A2628" s="4" t="s">
        <v>10</v>
      </c>
      <c r="B2628" s="1" t="s">
        <v>3151</v>
      </c>
      <c r="C2628" s="5" t="s">
        <v>4286</v>
      </c>
      <c r="D2628" s="1" t="s">
        <v>8850</v>
      </c>
      <c r="E2628" s="5" t="s">
        <v>13750</v>
      </c>
      <c r="F2628" s="6">
        <v>2398</v>
      </c>
    </row>
    <row r="2629" spans="1:6" x14ac:dyDescent="0.25">
      <c r="A2629" s="4" t="s">
        <v>10</v>
      </c>
      <c r="B2629" s="1" t="s">
        <v>3151</v>
      </c>
      <c r="C2629" s="5" t="s">
        <v>4977</v>
      </c>
      <c r="D2629" s="1" t="s">
        <v>8895</v>
      </c>
      <c r="E2629" s="5" t="s">
        <v>13829</v>
      </c>
      <c r="F2629" s="6">
        <v>2479</v>
      </c>
    </row>
    <row r="2630" spans="1:6" x14ac:dyDescent="0.25">
      <c r="A2630" s="4" t="s">
        <v>10</v>
      </c>
      <c r="B2630" s="1" t="s">
        <v>3151</v>
      </c>
      <c r="C2630" s="5" t="s">
        <v>5071</v>
      </c>
      <c r="D2630" s="1" t="s">
        <v>8962</v>
      </c>
      <c r="E2630" s="5" t="s">
        <v>13952</v>
      </c>
      <c r="F2630" s="6">
        <v>2604</v>
      </c>
    </row>
    <row r="2631" spans="1:6" x14ac:dyDescent="0.25">
      <c r="A2631" s="4" t="s">
        <v>10</v>
      </c>
      <c r="B2631" s="1" t="s">
        <v>3151</v>
      </c>
      <c r="C2631" s="5" t="s">
        <v>3628</v>
      </c>
      <c r="D2631" s="1" t="s">
        <v>9068</v>
      </c>
      <c r="E2631" s="5" t="s">
        <v>14169</v>
      </c>
      <c r="F2631" s="6">
        <v>2826</v>
      </c>
    </row>
    <row r="2632" spans="1:6" x14ac:dyDescent="0.25">
      <c r="A2632" s="4" t="s">
        <v>10</v>
      </c>
      <c r="B2632" s="1" t="s">
        <v>3151</v>
      </c>
      <c r="C2632" s="5" t="s">
        <v>5731</v>
      </c>
      <c r="D2632" s="1" t="s">
        <v>9239</v>
      </c>
      <c r="E2632" s="5" t="s">
        <v>14894</v>
      </c>
      <c r="F2632" s="6">
        <v>3611</v>
      </c>
    </row>
    <row r="2633" spans="1:6" x14ac:dyDescent="0.25">
      <c r="A2633" s="4" t="s">
        <v>10</v>
      </c>
      <c r="B2633" s="1" t="s">
        <v>3151</v>
      </c>
      <c r="C2633" s="5" t="s">
        <v>3643</v>
      </c>
      <c r="D2633" s="1" t="s">
        <v>9319</v>
      </c>
      <c r="E2633" s="5" t="s">
        <v>15012</v>
      </c>
      <c r="F2633" s="6">
        <v>3739</v>
      </c>
    </row>
    <row r="2634" spans="1:6" x14ac:dyDescent="0.25">
      <c r="A2634" s="4" t="s">
        <v>10</v>
      </c>
      <c r="B2634" s="1" t="s">
        <v>3151</v>
      </c>
      <c r="C2634" s="5" t="s">
        <v>3508</v>
      </c>
      <c r="D2634" s="1" t="s">
        <v>9339</v>
      </c>
      <c r="E2634" s="5" t="s">
        <v>15049</v>
      </c>
      <c r="F2634" s="6">
        <v>3777</v>
      </c>
    </row>
    <row r="2635" spans="1:6" x14ac:dyDescent="0.25">
      <c r="A2635" s="4" t="s">
        <v>10</v>
      </c>
      <c r="B2635" s="1" t="s">
        <v>3151</v>
      </c>
      <c r="C2635" s="5" t="s">
        <v>3932</v>
      </c>
      <c r="D2635" s="1" t="s">
        <v>9348</v>
      </c>
      <c r="E2635" s="5" t="s">
        <v>15060</v>
      </c>
      <c r="F2635" s="6">
        <v>3788</v>
      </c>
    </row>
    <row r="2636" spans="1:6" x14ac:dyDescent="0.25">
      <c r="A2636" s="4" t="s">
        <v>10</v>
      </c>
      <c r="B2636" s="1" t="s">
        <v>3151</v>
      </c>
      <c r="C2636" s="5" t="s">
        <v>5827</v>
      </c>
      <c r="D2636" s="1" t="s">
        <v>9354</v>
      </c>
      <c r="E2636" s="5" t="s">
        <v>15068</v>
      </c>
      <c r="F2636" s="6">
        <v>3796</v>
      </c>
    </row>
    <row r="2637" spans="1:6" x14ac:dyDescent="0.25">
      <c r="A2637" s="4" t="s">
        <v>10</v>
      </c>
      <c r="B2637" s="1" t="s">
        <v>3151</v>
      </c>
      <c r="C2637" s="5" t="s">
        <v>3465</v>
      </c>
      <c r="D2637" s="1" t="s">
        <v>9367</v>
      </c>
      <c r="E2637" s="5" t="s">
        <v>15089</v>
      </c>
      <c r="F2637" s="6">
        <v>3817</v>
      </c>
    </row>
    <row r="2638" spans="1:6" x14ac:dyDescent="0.25">
      <c r="A2638" s="4" t="s">
        <v>10</v>
      </c>
      <c r="B2638" s="1" t="s">
        <v>3151</v>
      </c>
      <c r="C2638" s="5" t="s">
        <v>3628</v>
      </c>
      <c r="D2638" s="1" t="s">
        <v>9390</v>
      </c>
      <c r="E2638" s="5" t="s">
        <v>15129</v>
      </c>
      <c r="F2638" s="6">
        <v>3860</v>
      </c>
    </row>
    <row r="2639" spans="1:6" x14ac:dyDescent="0.25">
      <c r="A2639" s="4" t="s">
        <v>10</v>
      </c>
      <c r="B2639" s="1" t="s">
        <v>3151</v>
      </c>
      <c r="C2639" s="5" t="s">
        <v>3465</v>
      </c>
      <c r="D2639" s="1" t="s">
        <v>9439</v>
      </c>
      <c r="E2639" s="5" t="s">
        <v>15203</v>
      </c>
      <c r="F2639" s="6">
        <v>3937</v>
      </c>
    </row>
    <row r="2640" spans="1:6" x14ac:dyDescent="0.25">
      <c r="A2640" s="4" t="s">
        <v>10</v>
      </c>
      <c r="B2640" s="1" t="s">
        <v>3151</v>
      </c>
      <c r="C2640" s="5" t="s">
        <v>3932</v>
      </c>
      <c r="D2640" s="1" t="s">
        <v>9447</v>
      </c>
      <c r="E2640" s="5" t="s">
        <v>15213</v>
      </c>
      <c r="F2640" s="6">
        <v>3947</v>
      </c>
    </row>
    <row r="2641" spans="1:6" x14ac:dyDescent="0.25">
      <c r="A2641" s="4" t="s">
        <v>10</v>
      </c>
      <c r="B2641" s="1" t="s">
        <v>3151</v>
      </c>
      <c r="C2641" s="5" t="s">
        <v>5898</v>
      </c>
      <c r="D2641" s="1" t="s">
        <v>9449</v>
      </c>
      <c r="E2641" s="5" t="s">
        <v>15215</v>
      </c>
      <c r="F2641" s="6">
        <v>3949</v>
      </c>
    </row>
    <row r="2642" spans="1:6" x14ac:dyDescent="0.25">
      <c r="A2642" s="4" t="s">
        <v>10</v>
      </c>
      <c r="B2642" s="1" t="s">
        <v>3151</v>
      </c>
      <c r="C2642" s="5" t="s">
        <v>3465</v>
      </c>
      <c r="D2642" s="1" t="s">
        <v>9466</v>
      </c>
      <c r="E2642" s="5" t="s">
        <v>15239</v>
      </c>
      <c r="F2642" s="6">
        <v>3974</v>
      </c>
    </row>
    <row r="2643" spans="1:6" x14ac:dyDescent="0.25">
      <c r="A2643" s="4" t="s">
        <v>10</v>
      </c>
      <c r="B2643" s="1" t="s">
        <v>3151</v>
      </c>
      <c r="C2643" s="5" t="s">
        <v>3508</v>
      </c>
      <c r="D2643" s="1" t="s">
        <v>9485</v>
      </c>
      <c r="E2643" s="5" t="s">
        <v>15260</v>
      </c>
      <c r="F2643" s="6">
        <v>3995</v>
      </c>
    </row>
    <row r="2644" spans="1:6" x14ac:dyDescent="0.25">
      <c r="A2644" s="4" t="s">
        <v>10</v>
      </c>
      <c r="B2644" s="1" t="s">
        <v>3151</v>
      </c>
      <c r="C2644" s="5" t="s">
        <v>4588</v>
      </c>
      <c r="D2644" s="1" t="s">
        <v>9528</v>
      </c>
      <c r="E2644" s="5" t="s">
        <v>15327</v>
      </c>
      <c r="F2644" s="6">
        <v>4064</v>
      </c>
    </row>
    <row r="2645" spans="1:6" x14ac:dyDescent="0.25">
      <c r="A2645" s="4" t="s">
        <v>10</v>
      </c>
      <c r="B2645" s="1" t="s">
        <v>3151</v>
      </c>
      <c r="C2645" s="5" t="s">
        <v>5969</v>
      </c>
      <c r="D2645" s="1" t="s">
        <v>9537</v>
      </c>
      <c r="E2645" s="5" t="s">
        <v>15341</v>
      </c>
      <c r="F2645" s="6">
        <v>4078</v>
      </c>
    </row>
    <row r="2646" spans="1:6" x14ac:dyDescent="0.25">
      <c r="A2646" s="4" t="s">
        <v>10</v>
      </c>
      <c r="B2646" s="1" t="s">
        <v>3151</v>
      </c>
      <c r="C2646" s="5" t="s">
        <v>5984</v>
      </c>
      <c r="D2646" s="1" t="s">
        <v>9543</v>
      </c>
      <c r="E2646" s="5" t="s">
        <v>15358</v>
      </c>
      <c r="F2646" s="6">
        <v>4095</v>
      </c>
    </row>
    <row r="2647" spans="1:6" x14ac:dyDescent="0.25">
      <c r="A2647" s="4" t="s">
        <v>10</v>
      </c>
      <c r="B2647" s="1" t="s">
        <v>3151</v>
      </c>
      <c r="C2647" s="5" t="s">
        <v>3978</v>
      </c>
      <c r="D2647" s="1" t="s">
        <v>9552</v>
      </c>
      <c r="E2647" s="5" t="s">
        <v>15374</v>
      </c>
      <c r="F2647" s="6">
        <v>4111</v>
      </c>
    </row>
    <row r="2648" spans="1:6" x14ac:dyDescent="0.25">
      <c r="A2648" s="4" t="s">
        <v>10</v>
      </c>
      <c r="B2648" s="1" t="s">
        <v>3151</v>
      </c>
      <c r="C2648" s="5" t="s">
        <v>4572</v>
      </c>
      <c r="D2648" s="1" t="s">
        <v>9562</v>
      </c>
      <c r="E2648" s="5" t="s">
        <v>15388</v>
      </c>
      <c r="F2648" s="6">
        <v>4125</v>
      </c>
    </row>
    <row r="2649" spans="1:6" x14ac:dyDescent="0.25">
      <c r="A2649" s="4" t="s">
        <v>10</v>
      </c>
      <c r="B2649" s="1" t="s">
        <v>3151</v>
      </c>
      <c r="C2649" s="5" t="s">
        <v>3508</v>
      </c>
      <c r="D2649" s="1" t="s">
        <v>9591</v>
      </c>
      <c r="E2649" s="5" t="s">
        <v>15435</v>
      </c>
      <c r="F2649" s="6">
        <v>4173</v>
      </c>
    </row>
    <row r="2650" spans="1:6" x14ac:dyDescent="0.25">
      <c r="A2650" s="4" t="s">
        <v>10</v>
      </c>
      <c r="B2650" s="1" t="s">
        <v>3151</v>
      </c>
      <c r="C2650" s="5" t="s">
        <v>3734</v>
      </c>
      <c r="D2650" s="1" t="s">
        <v>9609</v>
      </c>
      <c r="E2650" s="5" t="s">
        <v>15456</v>
      </c>
      <c r="F2650" s="6">
        <v>4194</v>
      </c>
    </row>
    <row r="2651" spans="1:6" x14ac:dyDescent="0.25">
      <c r="A2651" s="4" t="s">
        <v>10</v>
      </c>
      <c r="B2651" s="1" t="s">
        <v>3151</v>
      </c>
      <c r="C2651" s="5" t="s">
        <v>4588</v>
      </c>
      <c r="D2651" s="1" t="s">
        <v>9625</v>
      </c>
      <c r="E2651" s="5" t="s">
        <v>15478</v>
      </c>
      <c r="F2651" s="6">
        <v>4216</v>
      </c>
    </row>
    <row r="2652" spans="1:6" x14ac:dyDescent="0.25">
      <c r="A2652" s="4" t="s">
        <v>10</v>
      </c>
      <c r="B2652" s="1" t="s">
        <v>3151</v>
      </c>
      <c r="C2652" s="5" t="s">
        <v>3267</v>
      </c>
      <c r="D2652" s="1" t="s">
        <v>9638</v>
      </c>
      <c r="E2652" s="5" t="s">
        <v>15498</v>
      </c>
      <c r="F2652" s="6">
        <v>4236</v>
      </c>
    </row>
    <row r="2653" spans="1:6" x14ac:dyDescent="0.25">
      <c r="A2653" s="4" t="s">
        <v>10</v>
      </c>
      <c r="B2653" s="1" t="s">
        <v>3151</v>
      </c>
      <c r="C2653" s="5" t="s">
        <v>3643</v>
      </c>
      <c r="D2653" s="1" t="s">
        <v>9664</v>
      </c>
      <c r="E2653" s="5" t="s">
        <v>15537</v>
      </c>
      <c r="F2653" s="6">
        <v>4277</v>
      </c>
    </row>
    <row r="2654" spans="1:6" x14ac:dyDescent="0.25">
      <c r="A2654" s="4" t="s">
        <v>10</v>
      </c>
      <c r="B2654" s="1" t="s">
        <v>3151</v>
      </c>
      <c r="C2654" s="5" t="s">
        <v>3628</v>
      </c>
      <c r="D2654" s="1" t="s">
        <v>9672</v>
      </c>
      <c r="E2654" s="5" t="s">
        <v>15549</v>
      </c>
      <c r="F2654" s="6">
        <v>4290</v>
      </c>
    </row>
    <row r="2655" spans="1:6" x14ac:dyDescent="0.25">
      <c r="A2655" s="4" t="s">
        <v>10</v>
      </c>
      <c r="B2655" s="1" t="s">
        <v>3151</v>
      </c>
      <c r="C2655" s="5" t="s">
        <v>6104</v>
      </c>
      <c r="D2655" s="1" t="s">
        <v>9673</v>
      </c>
      <c r="E2655" s="5" t="s">
        <v>15550</v>
      </c>
      <c r="F2655" s="6">
        <v>4291</v>
      </c>
    </row>
    <row r="2656" spans="1:6" x14ac:dyDescent="0.25">
      <c r="A2656" s="4" t="s">
        <v>10</v>
      </c>
      <c r="B2656" s="1" t="s">
        <v>3151</v>
      </c>
      <c r="C2656" s="5" t="s">
        <v>6109</v>
      </c>
      <c r="D2656" s="1" t="s">
        <v>9678</v>
      </c>
      <c r="E2656" s="5" t="s">
        <v>15557</v>
      </c>
      <c r="F2656" s="6">
        <v>4298</v>
      </c>
    </row>
    <row r="2657" spans="1:6" x14ac:dyDescent="0.25">
      <c r="A2657" s="4" t="s">
        <v>10</v>
      </c>
      <c r="B2657" s="1" t="s">
        <v>3151</v>
      </c>
      <c r="C2657" s="5" t="s">
        <v>6110</v>
      </c>
      <c r="D2657" s="1" t="s">
        <v>9679</v>
      </c>
      <c r="E2657" s="5" t="s">
        <v>15558</v>
      </c>
      <c r="F2657" s="6">
        <v>4299</v>
      </c>
    </row>
    <row r="2658" spans="1:6" x14ac:dyDescent="0.25">
      <c r="A2658" s="4" t="s">
        <v>10</v>
      </c>
      <c r="B2658" s="1" t="s">
        <v>3151</v>
      </c>
      <c r="C2658" s="5" t="s">
        <v>6117</v>
      </c>
      <c r="D2658" s="1" t="s">
        <v>9686</v>
      </c>
      <c r="E2658" s="5" t="s">
        <v>15569</v>
      </c>
      <c r="F2658" s="6">
        <v>4311</v>
      </c>
    </row>
    <row r="2659" spans="1:6" x14ac:dyDescent="0.25">
      <c r="A2659" s="4" t="s">
        <v>10</v>
      </c>
      <c r="B2659" s="1" t="s">
        <v>3151</v>
      </c>
      <c r="C2659" s="5" t="s">
        <v>3383</v>
      </c>
      <c r="D2659" s="1" t="s">
        <v>9697</v>
      </c>
      <c r="E2659" s="5" t="s">
        <v>15584</v>
      </c>
      <c r="F2659" s="6">
        <v>4326</v>
      </c>
    </row>
    <row r="2660" spans="1:6" x14ac:dyDescent="0.25">
      <c r="A2660" s="4" t="s">
        <v>10</v>
      </c>
      <c r="B2660" s="1" t="s">
        <v>3151</v>
      </c>
      <c r="C2660" s="5" t="s">
        <v>6139</v>
      </c>
      <c r="D2660" s="1" t="s">
        <v>9705</v>
      </c>
      <c r="E2660" s="5" t="s">
        <v>15596</v>
      </c>
      <c r="F2660" s="6">
        <v>4338</v>
      </c>
    </row>
    <row r="2661" spans="1:6" x14ac:dyDescent="0.25">
      <c r="A2661" s="4" t="s">
        <v>10</v>
      </c>
      <c r="B2661" s="1" t="s">
        <v>3151</v>
      </c>
      <c r="C2661" s="5" t="s">
        <v>3693</v>
      </c>
      <c r="D2661" s="1" t="s">
        <v>9714</v>
      </c>
      <c r="E2661" s="5" t="s">
        <v>15606</v>
      </c>
      <c r="F2661" s="6">
        <v>4348</v>
      </c>
    </row>
    <row r="2662" spans="1:6" x14ac:dyDescent="0.25">
      <c r="A2662" s="4" t="s">
        <v>10</v>
      </c>
      <c r="B2662" s="1" t="s">
        <v>3151</v>
      </c>
      <c r="C2662" s="5" t="s">
        <v>3963</v>
      </c>
      <c r="D2662" s="1" t="s">
        <v>9851</v>
      </c>
      <c r="E2662" s="5" t="s">
        <v>15778</v>
      </c>
      <c r="F2662" s="6">
        <v>4684</v>
      </c>
    </row>
    <row r="2663" spans="1:6" x14ac:dyDescent="0.25">
      <c r="A2663" s="4" t="s">
        <v>10</v>
      </c>
      <c r="B2663" s="1" t="s">
        <v>3151</v>
      </c>
      <c r="C2663" s="5" t="s">
        <v>4287</v>
      </c>
      <c r="D2663" s="1" t="s">
        <v>9866</v>
      </c>
      <c r="E2663" s="5" t="s">
        <v>15798</v>
      </c>
      <c r="F2663" s="6">
        <v>4706</v>
      </c>
    </row>
    <row r="2664" spans="1:6" x14ac:dyDescent="0.25">
      <c r="A2664" s="4" t="s">
        <v>10</v>
      </c>
      <c r="B2664" s="1" t="s">
        <v>3151</v>
      </c>
      <c r="C2664" s="5" t="s">
        <v>6257</v>
      </c>
      <c r="D2664" s="1" t="s">
        <v>9894</v>
      </c>
      <c r="E2664" s="5" t="s">
        <v>15830</v>
      </c>
      <c r="F2664" s="6">
        <v>4741</v>
      </c>
    </row>
    <row r="2665" spans="1:6" x14ac:dyDescent="0.25">
      <c r="A2665" s="4" t="s">
        <v>10</v>
      </c>
      <c r="B2665" s="1" t="s">
        <v>3151</v>
      </c>
      <c r="C2665" s="5" t="s">
        <v>5898</v>
      </c>
      <c r="D2665" s="1" t="s">
        <v>9975</v>
      </c>
      <c r="E2665" s="5" t="s">
        <v>15936</v>
      </c>
      <c r="F2665" s="6">
        <v>4854</v>
      </c>
    </row>
    <row r="2666" spans="1:6" x14ac:dyDescent="0.25">
      <c r="A2666" s="4" t="s">
        <v>10</v>
      </c>
      <c r="B2666" s="1" t="s">
        <v>3151</v>
      </c>
      <c r="C2666" s="5" t="s">
        <v>4288</v>
      </c>
      <c r="D2666" s="1" t="s">
        <v>10000</v>
      </c>
      <c r="E2666" s="5" t="s">
        <v>15967</v>
      </c>
      <c r="F2666" s="6">
        <v>4886</v>
      </c>
    </row>
    <row r="2667" spans="1:6" x14ac:dyDescent="0.25">
      <c r="A2667" s="4" t="s">
        <v>10</v>
      </c>
      <c r="B2667" s="1" t="s">
        <v>3151</v>
      </c>
      <c r="C2667" s="5" t="s">
        <v>5898</v>
      </c>
      <c r="D2667" s="1" t="s">
        <v>10007</v>
      </c>
      <c r="E2667" s="5" t="s">
        <v>15979</v>
      </c>
      <c r="F2667" s="6">
        <v>4898</v>
      </c>
    </row>
    <row r="2668" spans="1:6" x14ac:dyDescent="0.25">
      <c r="A2668" s="4" t="s">
        <v>10</v>
      </c>
      <c r="B2668" s="1" t="s">
        <v>3151</v>
      </c>
      <c r="C2668" s="5">
        <v>500083</v>
      </c>
      <c r="D2668" s="1" t="s">
        <v>10017</v>
      </c>
      <c r="E2668" s="5" t="s">
        <v>15993</v>
      </c>
      <c r="F2668" s="6">
        <v>4923</v>
      </c>
    </row>
    <row r="2669" spans="1:6" x14ac:dyDescent="0.25">
      <c r="A2669" s="4" t="s">
        <v>10</v>
      </c>
      <c r="B2669" s="1" t="s">
        <v>3151</v>
      </c>
      <c r="C2669" s="5">
        <v>500076</v>
      </c>
      <c r="D2669" s="1" t="s">
        <v>10018</v>
      </c>
      <c r="E2669" s="5" t="s">
        <v>15994</v>
      </c>
      <c r="F2669" s="6">
        <v>4924</v>
      </c>
    </row>
    <row r="2670" spans="1:6" x14ac:dyDescent="0.25">
      <c r="A2670" s="4" t="s">
        <v>10</v>
      </c>
      <c r="B2670" s="1" t="s">
        <v>3151</v>
      </c>
      <c r="C2670" s="5">
        <v>500074</v>
      </c>
      <c r="D2670" s="1" t="s">
        <v>10049</v>
      </c>
      <c r="E2670" s="5" t="s">
        <v>16037</v>
      </c>
      <c r="F2670" s="6">
        <v>5033</v>
      </c>
    </row>
    <row r="2671" spans="1:6" x14ac:dyDescent="0.25">
      <c r="A2671" s="4" t="s">
        <v>10</v>
      </c>
      <c r="B2671" s="1" t="s">
        <v>3151</v>
      </c>
      <c r="C2671" s="5">
        <v>500010</v>
      </c>
      <c r="D2671" s="1" t="s">
        <v>10051</v>
      </c>
      <c r="E2671" s="5" t="s">
        <v>16040</v>
      </c>
      <c r="F2671" s="6">
        <v>5038</v>
      </c>
    </row>
    <row r="2672" spans="1:6" x14ac:dyDescent="0.25">
      <c r="A2672" s="4" t="s">
        <v>10</v>
      </c>
      <c r="B2672" s="1" t="s">
        <v>3151</v>
      </c>
      <c r="C2672" s="5" t="s">
        <v>3649</v>
      </c>
      <c r="D2672" s="1" t="s">
        <v>10058</v>
      </c>
      <c r="E2672" s="5" t="s">
        <v>16048</v>
      </c>
      <c r="F2672" s="6">
        <v>5057</v>
      </c>
    </row>
    <row r="2673" spans="1:6" x14ac:dyDescent="0.25">
      <c r="A2673" s="4" t="s">
        <v>10</v>
      </c>
      <c r="B2673" s="1" t="s">
        <v>3151</v>
      </c>
      <c r="C2673" s="5" t="s">
        <v>4285</v>
      </c>
      <c r="D2673" s="1" t="s">
        <v>10060</v>
      </c>
      <c r="E2673" s="5" t="s">
        <v>16050</v>
      </c>
      <c r="F2673" s="6">
        <v>5061</v>
      </c>
    </row>
    <row r="2674" spans="1:6" x14ac:dyDescent="0.25">
      <c r="A2674" s="4" t="s">
        <v>10</v>
      </c>
      <c r="B2674" s="1" t="s">
        <v>3151</v>
      </c>
      <c r="C2674" s="5" t="s">
        <v>3675</v>
      </c>
      <c r="D2674" s="1" t="s">
        <v>10072</v>
      </c>
      <c r="E2674" s="5" t="s">
        <v>16066</v>
      </c>
      <c r="F2674" s="6">
        <v>5096</v>
      </c>
    </row>
    <row r="2675" spans="1:6" x14ac:dyDescent="0.25">
      <c r="A2675" s="4" t="s">
        <v>10</v>
      </c>
      <c r="B2675" s="1" t="s">
        <v>3151</v>
      </c>
      <c r="C2675" s="5" t="s">
        <v>3465</v>
      </c>
      <c r="D2675" s="1" t="s">
        <v>10075</v>
      </c>
      <c r="E2675" s="5" t="s">
        <v>16070</v>
      </c>
      <c r="F2675" s="6">
        <v>5104</v>
      </c>
    </row>
    <row r="2676" spans="1:6" x14ac:dyDescent="0.25">
      <c r="A2676" s="4" t="s">
        <v>10</v>
      </c>
      <c r="B2676" s="1" t="s">
        <v>3151</v>
      </c>
      <c r="C2676" s="5" t="s">
        <v>3465</v>
      </c>
      <c r="D2676" s="1" t="s">
        <v>10110</v>
      </c>
      <c r="E2676" s="5" t="s">
        <v>16111</v>
      </c>
      <c r="F2676" s="6">
        <v>5176</v>
      </c>
    </row>
    <row r="2677" spans="1:6" x14ac:dyDescent="0.25">
      <c r="A2677" s="4" t="s">
        <v>10</v>
      </c>
      <c r="B2677" s="1" t="s">
        <v>3151</v>
      </c>
      <c r="C2677" s="5" t="s">
        <v>6410</v>
      </c>
      <c r="D2677" s="1" t="s">
        <v>10145</v>
      </c>
      <c r="E2677" s="5" t="s">
        <v>16155</v>
      </c>
      <c r="F2677" s="6">
        <v>5265</v>
      </c>
    </row>
    <row r="2678" spans="1:6" x14ac:dyDescent="0.25">
      <c r="A2678" s="4" t="s">
        <v>10</v>
      </c>
      <c r="B2678" s="1" t="s">
        <v>3151</v>
      </c>
      <c r="C2678" s="5" t="s">
        <v>4977</v>
      </c>
      <c r="D2678" s="1" t="s">
        <v>10168</v>
      </c>
      <c r="E2678" s="5" t="s">
        <v>16182</v>
      </c>
      <c r="F2678" s="6">
        <v>5307</v>
      </c>
    </row>
    <row r="2679" spans="1:6" x14ac:dyDescent="0.25">
      <c r="A2679" s="4" t="s">
        <v>10</v>
      </c>
      <c r="B2679" s="1" t="s">
        <v>3151</v>
      </c>
      <c r="C2679" s="5" t="s">
        <v>6424</v>
      </c>
      <c r="D2679" s="1" t="s">
        <v>10172</v>
      </c>
      <c r="E2679" s="5" t="s">
        <v>16188</v>
      </c>
      <c r="F2679" s="6">
        <v>5317</v>
      </c>
    </row>
    <row r="2680" spans="1:6" x14ac:dyDescent="0.25">
      <c r="A2680" s="4" t="s">
        <v>10</v>
      </c>
      <c r="B2680" s="1" t="s">
        <v>3151</v>
      </c>
      <c r="C2680" s="5" t="s">
        <v>6410</v>
      </c>
      <c r="D2680" s="1" t="s">
        <v>10192</v>
      </c>
      <c r="E2680" s="5" t="s">
        <v>16212</v>
      </c>
      <c r="F2680" s="6">
        <v>5391</v>
      </c>
    </row>
    <row r="2681" spans="1:6" x14ac:dyDescent="0.25">
      <c r="A2681" s="4" t="s">
        <v>10</v>
      </c>
      <c r="B2681" s="1" t="s">
        <v>3151</v>
      </c>
      <c r="C2681" s="5" t="s">
        <v>4286</v>
      </c>
      <c r="D2681" s="1" t="s">
        <v>10201</v>
      </c>
      <c r="E2681" s="5" t="s">
        <v>16224</v>
      </c>
      <c r="F2681" s="6">
        <v>5424</v>
      </c>
    </row>
    <row r="2682" spans="1:6" x14ac:dyDescent="0.25">
      <c r="A2682" s="4" t="s">
        <v>10</v>
      </c>
      <c r="B2682" s="1" t="s">
        <v>3151</v>
      </c>
      <c r="C2682" s="5">
        <v>500081</v>
      </c>
      <c r="D2682" s="1" t="s">
        <v>10212</v>
      </c>
      <c r="E2682" s="5" t="s">
        <v>16242</v>
      </c>
      <c r="F2682" s="6">
        <v>5472</v>
      </c>
    </row>
    <row r="2683" spans="1:6" x14ac:dyDescent="0.25">
      <c r="A2683" s="4" t="s">
        <v>10</v>
      </c>
      <c r="B2683" s="1" t="s">
        <v>3151</v>
      </c>
      <c r="C2683" s="5">
        <v>500062</v>
      </c>
      <c r="D2683" s="1" t="s">
        <v>10253</v>
      </c>
      <c r="E2683" s="5" t="s">
        <v>16310</v>
      </c>
      <c r="F2683" s="6">
        <v>5620</v>
      </c>
    </row>
    <row r="2684" spans="1:6" x14ac:dyDescent="0.25">
      <c r="A2684" s="4" t="s">
        <v>10</v>
      </c>
      <c r="B2684" s="1" t="s">
        <v>3151</v>
      </c>
      <c r="C2684" s="5" t="s">
        <v>6500</v>
      </c>
      <c r="D2684" s="1" t="s">
        <v>10258</v>
      </c>
      <c r="E2684" s="5" t="s">
        <v>16317</v>
      </c>
      <c r="F2684" s="6">
        <v>5633</v>
      </c>
    </row>
    <row r="2685" spans="1:6" x14ac:dyDescent="0.25">
      <c r="A2685" s="4" t="s">
        <v>10</v>
      </c>
      <c r="B2685" s="1" t="s">
        <v>3151</v>
      </c>
      <c r="C2685" s="5" t="s">
        <v>3628</v>
      </c>
      <c r="D2685" s="1" t="s">
        <v>10317</v>
      </c>
      <c r="E2685" s="5" t="s">
        <v>16410</v>
      </c>
      <c r="F2685" s="6">
        <v>5853</v>
      </c>
    </row>
    <row r="2686" spans="1:6" x14ac:dyDescent="0.25">
      <c r="A2686" s="4" t="s">
        <v>10</v>
      </c>
      <c r="B2686" s="1" t="s">
        <v>3151</v>
      </c>
      <c r="C2686" s="5" t="s">
        <v>6557</v>
      </c>
      <c r="D2686" s="1" t="s">
        <v>10327</v>
      </c>
      <c r="E2686" s="5" t="s">
        <v>16422</v>
      </c>
      <c r="F2686" s="6">
        <v>5879</v>
      </c>
    </row>
    <row r="2687" spans="1:6" x14ac:dyDescent="0.25">
      <c r="A2687" s="4" t="s">
        <v>10</v>
      </c>
      <c r="B2687" s="1" t="s">
        <v>3151</v>
      </c>
      <c r="C2687" s="5" t="s">
        <v>5898</v>
      </c>
      <c r="D2687" s="1" t="s">
        <v>10343</v>
      </c>
      <c r="E2687" s="5" t="s">
        <v>16454</v>
      </c>
      <c r="F2687" s="6">
        <v>5947</v>
      </c>
    </row>
    <row r="2688" spans="1:6" x14ac:dyDescent="0.25">
      <c r="A2688" s="4" t="s">
        <v>10</v>
      </c>
      <c r="B2688" s="1" t="s">
        <v>3151</v>
      </c>
      <c r="C2688" s="5" t="s">
        <v>3932</v>
      </c>
      <c r="D2688" s="1" t="s">
        <v>10344</v>
      </c>
      <c r="E2688" s="5" t="s">
        <v>16455</v>
      </c>
      <c r="F2688" s="6">
        <v>5949</v>
      </c>
    </row>
    <row r="2689" spans="1:6" x14ac:dyDescent="0.25">
      <c r="A2689" s="4" t="s">
        <v>10</v>
      </c>
      <c r="B2689" s="1" t="s">
        <v>3151</v>
      </c>
      <c r="C2689" s="5" t="s">
        <v>4285</v>
      </c>
      <c r="D2689" s="1" t="s">
        <v>10345</v>
      </c>
      <c r="E2689" s="5" t="s">
        <v>16456</v>
      </c>
      <c r="F2689" s="6">
        <v>5951</v>
      </c>
    </row>
    <row r="2690" spans="1:6" x14ac:dyDescent="0.25">
      <c r="A2690" s="4" t="s">
        <v>10</v>
      </c>
      <c r="B2690" s="1" t="s">
        <v>3151</v>
      </c>
      <c r="C2690" s="5" t="s">
        <v>6579</v>
      </c>
      <c r="D2690" s="1" t="s">
        <v>8262</v>
      </c>
      <c r="E2690" s="5" t="s">
        <v>16471</v>
      </c>
      <c r="F2690" s="6">
        <v>6001</v>
      </c>
    </row>
    <row r="2691" spans="1:6" x14ac:dyDescent="0.25">
      <c r="A2691" s="4" t="s">
        <v>10</v>
      </c>
      <c r="B2691" s="1" t="s">
        <v>3151</v>
      </c>
      <c r="C2691" s="5">
        <v>500094</v>
      </c>
      <c r="D2691" s="1" t="s">
        <v>10366</v>
      </c>
      <c r="E2691" s="5" t="s">
        <v>16486</v>
      </c>
      <c r="F2691" s="6">
        <v>6034</v>
      </c>
    </row>
    <row r="2692" spans="1:6" x14ac:dyDescent="0.25">
      <c r="A2692" s="4" t="s">
        <v>10</v>
      </c>
      <c r="B2692" s="1" t="s">
        <v>3151</v>
      </c>
      <c r="C2692" s="5" t="s">
        <v>3214</v>
      </c>
      <c r="D2692" s="1" t="s">
        <v>7666</v>
      </c>
      <c r="E2692" s="5" t="s">
        <v>16568</v>
      </c>
      <c r="F2692" s="6">
        <v>6259</v>
      </c>
    </row>
    <row r="2693" spans="1:6" x14ac:dyDescent="0.25">
      <c r="A2693" s="4" t="s">
        <v>10</v>
      </c>
      <c r="B2693" s="1" t="s">
        <v>3151</v>
      </c>
      <c r="C2693" s="5" t="s">
        <v>6139</v>
      </c>
      <c r="D2693" s="1" t="s">
        <v>10429</v>
      </c>
      <c r="E2693" s="5" t="s">
        <v>16575</v>
      </c>
      <c r="F2693" s="6">
        <v>6275</v>
      </c>
    </row>
    <row r="2694" spans="1:6" x14ac:dyDescent="0.25">
      <c r="A2694" s="4" t="s">
        <v>10</v>
      </c>
      <c r="B2694" s="1" t="s">
        <v>3151</v>
      </c>
      <c r="C2694" s="5" t="s">
        <v>3932</v>
      </c>
      <c r="D2694" s="1" t="s">
        <v>10464</v>
      </c>
      <c r="E2694" s="5" t="s">
        <v>16622</v>
      </c>
      <c r="F2694" s="6">
        <v>6398</v>
      </c>
    </row>
    <row r="2695" spans="1:6" x14ac:dyDescent="0.25">
      <c r="A2695" s="4" t="s">
        <v>10</v>
      </c>
      <c r="B2695" s="1" t="s">
        <v>3151</v>
      </c>
      <c r="C2695" s="5" t="s">
        <v>3465</v>
      </c>
      <c r="D2695" s="1" t="s">
        <v>10482</v>
      </c>
      <c r="E2695" s="5" t="s">
        <v>16645</v>
      </c>
      <c r="F2695" s="6">
        <v>6464</v>
      </c>
    </row>
    <row r="2696" spans="1:6" x14ac:dyDescent="0.25">
      <c r="A2696" s="4" t="s">
        <v>10</v>
      </c>
      <c r="B2696" s="1" t="s">
        <v>3151</v>
      </c>
      <c r="C2696" s="5" t="s">
        <v>3623</v>
      </c>
      <c r="D2696" s="1" t="s">
        <v>10501</v>
      </c>
      <c r="E2696" s="5" t="s">
        <v>16669</v>
      </c>
      <c r="F2696" s="6">
        <v>6526</v>
      </c>
    </row>
    <row r="2697" spans="1:6" x14ac:dyDescent="0.25">
      <c r="A2697" s="4" t="s">
        <v>10</v>
      </c>
      <c r="B2697" s="1" t="s">
        <v>3151</v>
      </c>
      <c r="C2697" s="5">
        <v>500089</v>
      </c>
      <c r="D2697" s="1" t="s">
        <v>10526</v>
      </c>
      <c r="E2697" s="5" t="s">
        <v>16700</v>
      </c>
      <c r="F2697" s="6">
        <v>6623</v>
      </c>
    </row>
    <row r="2698" spans="1:6" x14ac:dyDescent="0.25">
      <c r="A2698" s="4" t="s">
        <v>10</v>
      </c>
      <c r="B2698" s="1" t="s">
        <v>3151</v>
      </c>
      <c r="C2698" s="5" t="s">
        <v>6410</v>
      </c>
      <c r="D2698" s="1" t="s">
        <v>10534</v>
      </c>
      <c r="E2698" s="5" t="s">
        <v>16710</v>
      </c>
      <c r="F2698" s="6">
        <v>6649</v>
      </c>
    </row>
    <row r="2699" spans="1:6" x14ac:dyDescent="0.25">
      <c r="A2699" s="4" t="s">
        <v>10</v>
      </c>
      <c r="B2699" s="1" t="s">
        <v>3151</v>
      </c>
      <c r="C2699" s="5" t="s">
        <v>6109</v>
      </c>
      <c r="D2699" s="1" t="s">
        <v>10551</v>
      </c>
      <c r="E2699" s="5" t="s">
        <v>16735</v>
      </c>
      <c r="F2699" s="6">
        <v>6743</v>
      </c>
    </row>
    <row r="2700" spans="1:6" x14ac:dyDescent="0.25">
      <c r="A2700" s="4" t="s">
        <v>10</v>
      </c>
      <c r="B2700" s="1" t="s">
        <v>3151</v>
      </c>
      <c r="C2700" s="5" t="s">
        <v>6722</v>
      </c>
      <c r="D2700" s="1" t="s">
        <v>10562</v>
      </c>
      <c r="E2700" s="5" t="s">
        <v>16752</v>
      </c>
      <c r="F2700" s="6">
        <v>6811</v>
      </c>
    </row>
    <row r="2701" spans="1:6" x14ac:dyDescent="0.25">
      <c r="A2701" s="4" t="s">
        <v>10</v>
      </c>
      <c r="B2701" s="1" t="s">
        <v>3151</v>
      </c>
      <c r="C2701" s="5" t="s">
        <v>6117</v>
      </c>
      <c r="D2701" s="1" t="s">
        <v>10565</v>
      </c>
      <c r="E2701" s="5" t="s">
        <v>16755</v>
      </c>
      <c r="F2701" s="6">
        <v>6838</v>
      </c>
    </row>
    <row r="2702" spans="1:6" x14ac:dyDescent="0.25">
      <c r="A2702" s="4" t="s">
        <v>10</v>
      </c>
      <c r="B2702" s="1" t="s">
        <v>3151</v>
      </c>
      <c r="C2702" s="5" t="s">
        <v>3932</v>
      </c>
      <c r="D2702" s="1" t="s">
        <v>10573</v>
      </c>
      <c r="E2702" s="5" t="s">
        <v>16766</v>
      </c>
      <c r="F2702" s="6">
        <v>6877</v>
      </c>
    </row>
    <row r="2703" spans="1:6" x14ac:dyDescent="0.25">
      <c r="A2703" s="4" t="s">
        <v>10</v>
      </c>
      <c r="B2703" s="1" t="s">
        <v>3151</v>
      </c>
      <c r="C2703" s="5" t="s">
        <v>3693</v>
      </c>
      <c r="D2703" s="1" t="s">
        <v>10588</v>
      </c>
      <c r="E2703" s="5" t="s">
        <v>16789</v>
      </c>
      <c r="F2703" s="6">
        <v>6950</v>
      </c>
    </row>
    <row r="2704" spans="1:6" x14ac:dyDescent="0.25">
      <c r="A2704" s="4" t="s">
        <v>10</v>
      </c>
      <c r="B2704" s="1" t="s">
        <v>3151</v>
      </c>
      <c r="C2704" s="5">
        <v>500009</v>
      </c>
      <c r="D2704" s="1" t="s">
        <v>10591</v>
      </c>
      <c r="E2704" s="5" t="s">
        <v>16792</v>
      </c>
      <c r="F2704" s="6">
        <v>6957</v>
      </c>
    </row>
    <row r="2705" spans="1:6" x14ac:dyDescent="0.25">
      <c r="A2705" s="4" t="s">
        <v>10</v>
      </c>
      <c r="B2705" s="1" t="s">
        <v>3151</v>
      </c>
      <c r="C2705" s="5" t="s">
        <v>6748</v>
      </c>
      <c r="D2705" s="1" t="s">
        <v>10596</v>
      </c>
      <c r="E2705" s="5" t="s">
        <v>16798</v>
      </c>
      <c r="F2705" s="6">
        <v>6979</v>
      </c>
    </row>
    <row r="2706" spans="1:6" x14ac:dyDescent="0.25">
      <c r="A2706" s="4" t="s">
        <v>10</v>
      </c>
      <c r="B2706" s="1" t="s">
        <v>3151</v>
      </c>
      <c r="C2706" s="5" t="s">
        <v>4588</v>
      </c>
      <c r="D2706" s="1" t="s">
        <v>10609</v>
      </c>
      <c r="E2706" s="5" t="s">
        <v>16816</v>
      </c>
      <c r="F2706" s="6">
        <v>7021</v>
      </c>
    </row>
    <row r="2707" spans="1:6" x14ac:dyDescent="0.25">
      <c r="A2707" s="4" t="s">
        <v>10</v>
      </c>
      <c r="B2707" s="1" t="s">
        <v>3151</v>
      </c>
      <c r="C2707" s="5" t="s">
        <v>3465</v>
      </c>
      <c r="D2707" s="1" t="s">
        <v>10625</v>
      </c>
      <c r="E2707" s="5" t="s">
        <v>16834</v>
      </c>
      <c r="F2707" s="6">
        <v>7059</v>
      </c>
    </row>
    <row r="2708" spans="1:6" x14ac:dyDescent="0.25">
      <c r="A2708" s="4" t="s">
        <v>10</v>
      </c>
      <c r="B2708" s="1" t="s">
        <v>3151</v>
      </c>
      <c r="C2708" s="5" t="s">
        <v>3964</v>
      </c>
      <c r="D2708" s="1" t="s">
        <v>10679</v>
      </c>
      <c r="E2708" s="5" t="s">
        <v>16902</v>
      </c>
      <c r="F2708" s="6">
        <v>7210</v>
      </c>
    </row>
    <row r="2709" spans="1:6" x14ac:dyDescent="0.25">
      <c r="A2709" s="4" t="s">
        <v>10</v>
      </c>
      <c r="B2709" s="1" t="s">
        <v>3151</v>
      </c>
      <c r="C2709" s="5" t="s">
        <v>3733</v>
      </c>
      <c r="D2709" s="1" t="s">
        <v>10694</v>
      </c>
      <c r="E2709" s="5" t="s">
        <v>16921</v>
      </c>
      <c r="F2709" s="6">
        <v>7286</v>
      </c>
    </row>
    <row r="2710" spans="1:6" x14ac:dyDescent="0.25">
      <c r="A2710" s="4" t="s">
        <v>10</v>
      </c>
      <c r="B2710" s="1" t="s">
        <v>3151</v>
      </c>
      <c r="C2710" s="5">
        <v>500013</v>
      </c>
      <c r="D2710" s="1" t="s">
        <v>10711</v>
      </c>
      <c r="E2710" s="5" t="s">
        <v>16944</v>
      </c>
      <c r="F2710" s="6">
        <v>7367</v>
      </c>
    </row>
    <row r="2711" spans="1:6" x14ac:dyDescent="0.25">
      <c r="A2711" s="4" t="s">
        <v>10</v>
      </c>
      <c r="B2711" s="1" t="s">
        <v>3151</v>
      </c>
      <c r="C2711" s="5" t="s">
        <v>3508</v>
      </c>
      <c r="D2711" s="1" t="s">
        <v>10725</v>
      </c>
      <c r="E2711" s="5" t="s">
        <v>16961</v>
      </c>
      <c r="F2711" s="6">
        <v>7415</v>
      </c>
    </row>
    <row r="2712" spans="1:6" x14ac:dyDescent="0.25">
      <c r="A2712" s="4" t="s">
        <v>10</v>
      </c>
      <c r="B2712" s="1" t="s">
        <v>3151</v>
      </c>
      <c r="C2712" s="5" t="s">
        <v>3512</v>
      </c>
      <c r="D2712" s="1" t="s">
        <v>10745</v>
      </c>
      <c r="E2712" s="5" t="s">
        <v>16991</v>
      </c>
      <c r="F2712" s="6">
        <v>7513</v>
      </c>
    </row>
    <row r="2713" spans="1:6" x14ac:dyDescent="0.25">
      <c r="A2713" s="4" t="s">
        <v>10</v>
      </c>
      <c r="B2713" s="1" t="s">
        <v>3151</v>
      </c>
      <c r="C2713" s="5">
        <v>500033</v>
      </c>
      <c r="D2713" s="1" t="s">
        <v>10757</v>
      </c>
      <c r="E2713" s="5" t="s">
        <v>17007</v>
      </c>
      <c r="F2713" s="6">
        <v>7568</v>
      </c>
    </row>
    <row r="2714" spans="1:6" x14ac:dyDescent="0.25">
      <c r="A2714" s="4" t="s">
        <v>10</v>
      </c>
      <c r="B2714" s="1" t="s">
        <v>3151</v>
      </c>
      <c r="C2714" s="5">
        <v>500090</v>
      </c>
      <c r="D2714" s="1" t="s">
        <v>10795</v>
      </c>
      <c r="E2714" s="5" t="s">
        <v>17058</v>
      </c>
      <c r="F2714" s="6">
        <v>7698</v>
      </c>
    </row>
    <row r="2715" spans="1:6" x14ac:dyDescent="0.25">
      <c r="A2715" s="4" t="s">
        <v>10</v>
      </c>
      <c r="B2715" s="1" t="s">
        <v>3151</v>
      </c>
      <c r="C2715" s="5">
        <v>500072</v>
      </c>
      <c r="D2715" s="1" t="s">
        <v>10829</v>
      </c>
      <c r="E2715" s="5" t="s">
        <v>17101</v>
      </c>
      <c r="F2715" s="6">
        <v>7885</v>
      </c>
    </row>
    <row r="2716" spans="1:6" x14ac:dyDescent="0.25">
      <c r="A2716" s="4" t="s">
        <v>10</v>
      </c>
      <c r="B2716" s="1" t="s">
        <v>3151</v>
      </c>
      <c r="C2716" s="5" t="s">
        <v>3238</v>
      </c>
      <c r="D2716" s="1" t="s">
        <v>10831</v>
      </c>
      <c r="E2716" s="5" t="s">
        <v>17103</v>
      </c>
      <c r="F2716" s="6">
        <v>7895</v>
      </c>
    </row>
    <row r="2717" spans="1:6" x14ac:dyDescent="0.25">
      <c r="A2717" s="4" t="s">
        <v>10</v>
      </c>
      <c r="B2717" s="1" t="s">
        <v>3151</v>
      </c>
      <c r="C2717" s="5" t="s">
        <v>5731</v>
      </c>
      <c r="D2717" s="1" t="s">
        <v>10843</v>
      </c>
      <c r="E2717" s="5" t="s">
        <v>17117</v>
      </c>
      <c r="F2717" s="6">
        <v>7954</v>
      </c>
    </row>
    <row r="2718" spans="1:6" x14ac:dyDescent="0.25">
      <c r="A2718" s="4" t="s">
        <v>10</v>
      </c>
      <c r="B2718" s="1" t="s">
        <v>3151</v>
      </c>
      <c r="C2718" s="5">
        <v>500003</v>
      </c>
      <c r="D2718" s="1" t="s">
        <v>10857</v>
      </c>
      <c r="E2718" s="5" t="s">
        <v>17138</v>
      </c>
      <c r="F2718" s="6">
        <v>8028</v>
      </c>
    </row>
    <row r="2719" spans="1:6" x14ac:dyDescent="0.25">
      <c r="A2719" s="4" t="s">
        <v>10</v>
      </c>
      <c r="B2719" s="1" t="s">
        <v>3151</v>
      </c>
      <c r="C2719" s="5">
        <v>500082</v>
      </c>
      <c r="D2719" s="1" t="s">
        <v>10865</v>
      </c>
      <c r="E2719" s="5" t="s">
        <v>17147</v>
      </c>
      <c r="F2719" s="6">
        <v>8045</v>
      </c>
    </row>
    <row r="2720" spans="1:6" x14ac:dyDescent="0.25">
      <c r="A2720" s="4" t="s">
        <v>10</v>
      </c>
      <c r="B2720" s="1" t="s">
        <v>3151</v>
      </c>
      <c r="C2720" s="5">
        <v>500020</v>
      </c>
      <c r="D2720" s="1" t="s">
        <v>10867</v>
      </c>
      <c r="E2720" s="5" t="s">
        <v>17149</v>
      </c>
      <c r="F2720" s="6">
        <v>8053</v>
      </c>
    </row>
    <row r="2721" spans="1:6" x14ac:dyDescent="0.25">
      <c r="A2721" s="4" t="s">
        <v>10</v>
      </c>
      <c r="B2721" s="1" t="s">
        <v>3151</v>
      </c>
      <c r="C2721" s="5">
        <v>500089</v>
      </c>
      <c r="D2721" s="1" t="s">
        <v>10872</v>
      </c>
      <c r="E2721" s="5" t="s">
        <v>17156</v>
      </c>
      <c r="F2721" s="6">
        <v>8067</v>
      </c>
    </row>
    <row r="2722" spans="1:6" x14ac:dyDescent="0.25">
      <c r="A2722" s="4" t="s">
        <v>10</v>
      </c>
      <c r="B2722" s="1" t="s">
        <v>3151</v>
      </c>
      <c r="C2722" s="5">
        <v>500081</v>
      </c>
      <c r="D2722" s="1" t="s">
        <v>10876</v>
      </c>
      <c r="E2722" s="5" t="s">
        <v>17161</v>
      </c>
      <c r="F2722" s="6">
        <v>8078</v>
      </c>
    </row>
    <row r="2723" spans="1:6" x14ac:dyDescent="0.25">
      <c r="A2723" s="4" t="s">
        <v>10</v>
      </c>
      <c r="B2723" s="1" t="s">
        <v>3151</v>
      </c>
      <c r="C2723" s="5" t="s">
        <v>4628</v>
      </c>
      <c r="D2723" s="1" t="s">
        <v>10896</v>
      </c>
      <c r="E2723" s="5" t="s">
        <v>17183</v>
      </c>
      <c r="F2723" s="6">
        <v>8148</v>
      </c>
    </row>
    <row r="2724" spans="1:6" x14ac:dyDescent="0.25">
      <c r="A2724" s="4" t="s">
        <v>10</v>
      </c>
      <c r="B2724" s="1" t="s">
        <v>3151</v>
      </c>
      <c r="C2724" s="5" t="s">
        <v>6931</v>
      </c>
      <c r="D2724" s="1" t="s">
        <v>10958</v>
      </c>
      <c r="E2724" s="5" t="s">
        <v>17258</v>
      </c>
      <c r="F2724" s="6">
        <v>8332</v>
      </c>
    </row>
    <row r="2725" spans="1:6" x14ac:dyDescent="0.25">
      <c r="A2725" s="4" t="s">
        <v>10</v>
      </c>
      <c r="B2725" s="1" t="s">
        <v>3151</v>
      </c>
      <c r="C2725" s="5" t="s">
        <v>4288</v>
      </c>
      <c r="D2725" s="1" t="s">
        <v>11026</v>
      </c>
      <c r="E2725" s="5" t="s">
        <v>17349</v>
      </c>
      <c r="F2725" s="6">
        <v>8851</v>
      </c>
    </row>
    <row r="2726" spans="1:6" x14ac:dyDescent="0.25">
      <c r="A2726" s="4" t="s">
        <v>10</v>
      </c>
      <c r="B2726" s="1" t="s">
        <v>3151</v>
      </c>
      <c r="C2726" s="5" t="s">
        <v>3628</v>
      </c>
      <c r="D2726" s="1" t="s">
        <v>11029</v>
      </c>
      <c r="E2726" s="5" t="s">
        <v>17353</v>
      </c>
      <c r="F2726" s="6">
        <v>8867</v>
      </c>
    </row>
    <row r="2727" spans="1:6" x14ac:dyDescent="0.25">
      <c r="A2727" s="4" t="s">
        <v>10</v>
      </c>
      <c r="B2727" s="1" t="s">
        <v>3151</v>
      </c>
      <c r="C2727" s="5" t="s">
        <v>5731</v>
      </c>
      <c r="D2727" s="1" t="s">
        <v>11048</v>
      </c>
      <c r="E2727" s="5" t="s">
        <v>17377</v>
      </c>
      <c r="F2727" s="6">
        <v>8929</v>
      </c>
    </row>
    <row r="2728" spans="1:6" x14ac:dyDescent="0.25">
      <c r="A2728" s="4" t="s">
        <v>10</v>
      </c>
      <c r="B2728" s="1" t="s">
        <v>3151</v>
      </c>
      <c r="C2728" s="5" t="s">
        <v>3932</v>
      </c>
      <c r="D2728" s="1" t="s">
        <v>11069</v>
      </c>
      <c r="E2728" s="5" t="s">
        <v>17408</v>
      </c>
      <c r="F2728" s="6">
        <v>9015</v>
      </c>
    </row>
    <row r="2729" spans="1:6" x14ac:dyDescent="0.25">
      <c r="A2729" s="4" t="s">
        <v>10</v>
      </c>
      <c r="B2729" s="1" t="s">
        <v>3151</v>
      </c>
      <c r="C2729" s="5" t="s">
        <v>3693</v>
      </c>
      <c r="D2729" s="1" t="s">
        <v>11120</v>
      </c>
      <c r="E2729" s="5" t="s">
        <v>17476</v>
      </c>
      <c r="F2729" s="6">
        <v>9087</v>
      </c>
    </row>
    <row r="2730" spans="1:6" x14ac:dyDescent="0.25">
      <c r="A2730" s="4" t="s">
        <v>10</v>
      </c>
      <c r="B2730" s="1" t="s">
        <v>3151</v>
      </c>
      <c r="C2730" s="5" t="s">
        <v>3643</v>
      </c>
      <c r="D2730" s="1" t="s">
        <v>11126</v>
      </c>
      <c r="E2730" s="5" t="s">
        <v>17484</v>
      </c>
      <c r="F2730" s="6">
        <v>9095</v>
      </c>
    </row>
    <row r="2731" spans="1:6" x14ac:dyDescent="0.25">
      <c r="A2731" s="4" t="s">
        <v>10</v>
      </c>
      <c r="B2731" s="1" t="s">
        <v>3151</v>
      </c>
      <c r="C2731" s="5" t="s">
        <v>6447</v>
      </c>
      <c r="D2731" s="1" t="s">
        <v>11164</v>
      </c>
      <c r="E2731" s="5" t="s">
        <v>17533</v>
      </c>
      <c r="F2731" s="6">
        <v>9147</v>
      </c>
    </row>
    <row r="2732" spans="1:6" x14ac:dyDescent="0.25">
      <c r="A2732" s="4" t="s">
        <v>10</v>
      </c>
      <c r="B2732" s="1" t="s">
        <v>3151</v>
      </c>
      <c r="C2732" s="5" t="s">
        <v>3508</v>
      </c>
      <c r="D2732" s="1" t="s">
        <v>11178</v>
      </c>
      <c r="E2732" s="5" t="s">
        <v>17554</v>
      </c>
      <c r="F2732" s="6">
        <v>9168</v>
      </c>
    </row>
    <row r="2733" spans="1:6" x14ac:dyDescent="0.25">
      <c r="A2733" s="4" t="s">
        <v>10</v>
      </c>
      <c r="B2733" s="1" t="s">
        <v>3151</v>
      </c>
      <c r="C2733" s="5" t="s">
        <v>3214</v>
      </c>
      <c r="D2733" s="1" t="s">
        <v>11188</v>
      </c>
      <c r="E2733" s="5" t="s">
        <v>17568</v>
      </c>
      <c r="F2733" s="6">
        <v>9182</v>
      </c>
    </row>
    <row r="2734" spans="1:6" x14ac:dyDescent="0.25">
      <c r="A2734" s="4" t="s">
        <v>10</v>
      </c>
      <c r="B2734" s="1" t="s">
        <v>3151</v>
      </c>
      <c r="C2734" s="5" t="s">
        <v>3643</v>
      </c>
      <c r="D2734" s="1" t="s">
        <v>11333</v>
      </c>
      <c r="E2734" s="5" t="s">
        <v>17755</v>
      </c>
      <c r="F2734" s="6">
        <v>9377</v>
      </c>
    </row>
    <row r="2735" spans="1:6" x14ac:dyDescent="0.25">
      <c r="A2735" s="4" t="s">
        <v>10</v>
      </c>
      <c r="B2735" s="1" t="s">
        <v>3151</v>
      </c>
      <c r="C2735" s="5" t="s">
        <v>4288</v>
      </c>
      <c r="D2735" s="1" t="s">
        <v>11339</v>
      </c>
      <c r="E2735" s="5" t="s">
        <v>17761</v>
      </c>
      <c r="F2735" s="6">
        <v>9383</v>
      </c>
    </row>
    <row r="2736" spans="1:6" x14ac:dyDescent="0.25">
      <c r="A2736" s="4" t="s">
        <v>10</v>
      </c>
      <c r="B2736" s="1" t="s">
        <v>3151</v>
      </c>
      <c r="C2736" s="5" t="s">
        <v>4288</v>
      </c>
      <c r="D2736" s="1" t="s">
        <v>11350</v>
      </c>
      <c r="E2736" s="5" t="s">
        <v>17773</v>
      </c>
      <c r="F2736" s="6">
        <v>9395</v>
      </c>
    </row>
    <row r="2737" spans="1:6" x14ac:dyDescent="0.25">
      <c r="A2737" s="4" t="s">
        <v>10</v>
      </c>
      <c r="B2737" s="1" t="s">
        <v>3151</v>
      </c>
      <c r="C2737" s="5" t="s">
        <v>3623</v>
      </c>
      <c r="D2737" s="1" t="s">
        <v>11355</v>
      </c>
      <c r="E2737" s="5" t="s">
        <v>17779</v>
      </c>
      <c r="F2737" s="6">
        <v>9401</v>
      </c>
    </row>
    <row r="2738" spans="1:6" x14ac:dyDescent="0.25">
      <c r="A2738" s="4" t="s">
        <v>10</v>
      </c>
      <c r="B2738" s="1" t="s">
        <v>3151</v>
      </c>
      <c r="C2738" s="5" t="s">
        <v>4288</v>
      </c>
      <c r="D2738" s="1" t="s">
        <v>11367</v>
      </c>
      <c r="E2738" s="5" t="s">
        <v>17792</v>
      </c>
      <c r="F2738" s="6">
        <v>9414</v>
      </c>
    </row>
    <row r="2739" spans="1:6" x14ac:dyDescent="0.25">
      <c r="A2739" s="4" t="s">
        <v>10</v>
      </c>
      <c r="B2739" s="1" t="s">
        <v>3151</v>
      </c>
      <c r="C2739" s="5" t="s">
        <v>3628</v>
      </c>
      <c r="D2739" s="1" t="s">
        <v>11369</v>
      </c>
      <c r="E2739" s="5" t="s">
        <v>17795</v>
      </c>
      <c r="F2739" s="6">
        <v>9417</v>
      </c>
    </row>
    <row r="2740" spans="1:6" x14ac:dyDescent="0.25">
      <c r="A2740" s="4" t="s">
        <v>10</v>
      </c>
      <c r="B2740" s="1" t="s">
        <v>3151</v>
      </c>
      <c r="C2740" s="5" t="s">
        <v>5731</v>
      </c>
      <c r="D2740" s="1" t="s">
        <v>11373</v>
      </c>
      <c r="E2740" s="5" t="s">
        <v>17799</v>
      </c>
      <c r="F2740" s="6">
        <v>9425</v>
      </c>
    </row>
    <row r="2741" spans="1:6" x14ac:dyDescent="0.25">
      <c r="A2741" s="4" t="s">
        <v>10</v>
      </c>
      <c r="B2741" s="1" t="s">
        <v>3151</v>
      </c>
      <c r="C2741" s="5" t="s">
        <v>7200</v>
      </c>
      <c r="D2741" s="1" t="s">
        <v>11377</v>
      </c>
      <c r="E2741" s="5" t="s">
        <v>17803</v>
      </c>
      <c r="F2741" s="6">
        <v>9429</v>
      </c>
    </row>
    <row r="2742" spans="1:6" x14ac:dyDescent="0.25">
      <c r="A2742" s="4" t="s">
        <v>10</v>
      </c>
      <c r="B2742" s="1" t="s">
        <v>3151</v>
      </c>
      <c r="C2742" s="5" t="s">
        <v>3643</v>
      </c>
      <c r="D2742" s="1" t="s">
        <v>11495</v>
      </c>
      <c r="E2742" s="5" t="s">
        <v>17955</v>
      </c>
      <c r="F2742" s="6">
        <v>9587</v>
      </c>
    </row>
    <row r="2743" spans="1:6" x14ac:dyDescent="0.25">
      <c r="A2743" s="4" t="s">
        <v>10</v>
      </c>
      <c r="B2743" s="1" t="s">
        <v>3151</v>
      </c>
      <c r="C2743" s="5" t="s">
        <v>3963</v>
      </c>
      <c r="D2743" s="1" t="s">
        <v>11511</v>
      </c>
      <c r="E2743" s="5" t="s">
        <v>17975</v>
      </c>
      <c r="F2743" s="6">
        <v>9607</v>
      </c>
    </row>
    <row r="2744" spans="1:6" x14ac:dyDescent="0.25">
      <c r="A2744" s="4" t="s">
        <v>10</v>
      </c>
      <c r="B2744" s="1" t="s">
        <v>3151</v>
      </c>
      <c r="C2744" s="5" t="s">
        <v>3553</v>
      </c>
      <c r="D2744" s="1" t="s">
        <v>11512</v>
      </c>
      <c r="E2744" s="5" t="s">
        <v>17976</v>
      </c>
      <c r="F2744" s="6">
        <v>9608</v>
      </c>
    </row>
    <row r="2745" spans="1:6" x14ac:dyDescent="0.25">
      <c r="A2745" s="4" t="s">
        <v>10</v>
      </c>
      <c r="B2745" s="1" t="s">
        <v>3151</v>
      </c>
      <c r="C2745" s="5" t="s">
        <v>6257</v>
      </c>
      <c r="D2745" s="1" t="s">
        <v>11513</v>
      </c>
      <c r="E2745" s="5" t="s">
        <v>17977</v>
      </c>
      <c r="F2745" s="6">
        <v>9609</v>
      </c>
    </row>
    <row r="2746" spans="1:6" x14ac:dyDescent="0.25">
      <c r="A2746" s="4" t="s">
        <v>10</v>
      </c>
      <c r="B2746" s="1" t="s">
        <v>3151</v>
      </c>
      <c r="C2746" s="5" t="s">
        <v>4588</v>
      </c>
      <c r="D2746" s="1" t="s">
        <v>11530</v>
      </c>
      <c r="E2746" s="5" t="s">
        <v>17996</v>
      </c>
      <c r="F2746" s="6">
        <v>9628</v>
      </c>
    </row>
    <row r="2747" spans="1:6" x14ac:dyDescent="0.25">
      <c r="A2747" s="4" t="s">
        <v>10</v>
      </c>
      <c r="B2747" s="1" t="s">
        <v>3151</v>
      </c>
      <c r="C2747" s="5" t="s">
        <v>4628</v>
      </c>
      <c r="D2747" s="1" t="s">
        <v>11587</v>
      </c>
      <c r="E2747" s="5" t="s">
        <v>18064</v>
      </c>
      <c r="F2747" s="6">
        <v>9698</v>
      </c>
    </row>
    <row r="2748" spans="1:6" x14ac:dyDescent="0.25">
      <c r="A2748" s="4" t="s">
        <v>10</v>
      </c>
      <c r="B2748" s="1" t="s">
        <v>3151</v>
      </c>
      <c r="C2748" s="5" t="s">
        <v>3628</v>
      </c>
      <c r="D2748" s="1" t="s">
        <v>11591</v>
      </c>
      <c r="E2748" s="5" t="s">
        <v>18068</v>
      </c>
      <c r="F2748" s="6">
        <v>9817</v>
      </c>
    </row>
    <row r="2749" spans="1:6" x14ac:dyDescent="0.25">
      <c r="A2749" s="4" t="s">
        <v>1866</v>
      </c>
      <c r="B2749" s="1" t="s">
        <v>3152</v>
      </c>
      <c r="C2749" s="5" t="s">
        <v>3313</v>
      </c>
      <c r="D2749" s="1" t="s">
        <v>1866</v>
      </c>
      <c r="E2749" s="5" t="s">
        <v>14697</v>
      </c>
      <c r="F2749" s="6">
        <v>3402</v>
      </c>
    </row>
    <row r="2750" spans="1:6" x14ac:dyDescent="0.25">
      <c r="A2750" s="4" t="s">
        <v>2899</v>
      </c>
      <c r="B2750" s="1" t="s">
        <v>3151</v>
      </c>
      <c r="C2750" s="5" t="s">
        <v>6906</v>
      </c>
      <c r="D2750" s="1" t="s">
        <v>10900</v>
      </c>
      <c r="E2750" s="5" t="s">
        <v>17188</v>
      </c>
      <c r="F2750" s="6">
        <v>8156</v>
      </c>
    </row>
    <row r="2751" spans="1:6" x14ac:dyDescent="0.25">
      <c r="A2751" s="4" t="s">
        <v>2899</v>
      </c>
      <c r="B2751" s="1" t="s">
        <v>3155</v>
      </c>
      <c r="C2751" s="5" t="s">
        <v>7093</v>
      </c>
      <c r="D2751" s="1" t="s">
        <v>2899</v>
      </c>
      <c r="E2751" s="5" t="s">
        <v>17574</v>
      </c>
      <c r="F2751" s="6">
        <v>9188</v>
      </c>
    </row>
    <row r="2752" spans="1:6" x14ac:dyDescent="0.25">
      <c r="A2752" s="4" t="s">
        <v>3068</v>
      </c>
      <c r="B2752" s="1" t="s">
        <v>3144</v>
      </c>
      <c r="C2752" s="5" t="s">
        <v>3755</v>
      </c>
      <c r="D2752" s="1" t="s">
        <v>11379</v>
      </c>
      <c r="E2752" s="5" t="s">
        <v>17805</v>
      </c>
      <c r="F2752" s="6">
        <v>9431</v>
      </c>
    </row>
    <row r="2753" spans="1:6" x14ac:dyDescent="0.25">
      <c r="A2753" s="4" t="s">
        <v>649</v>
      </c>
      <c r="B2753" s="1" t="s">
        <v>3147</v>
      </c>
      <c r="C2753" s="5" t="s">
        <v>4338</v>
      </c>
      <c r="D2753" s="1" t="s">
        <v>649</v>
      </c>
      <c r="E2753" s="5" t="s">
        <v>13067</v>
      </c>
      <c r="F2753" s="6">
        <v>1699</v>
      </c>
    </row>
    <row r="2754" spans="1:6" x14ac:dyDescent="0.25">
      <c r="A2754" s="4" t="s">
        <v>2293</v>
      </c>
      <c r="B2754" s="1" t="s">
        <v>3144</v>
      </c>
      <c r="C2754" s="5" t="s">
        <v>6050</v>
      </c>
      <c r="D2754" s="1" t="s">
        <v>9612</v>
      </c>
      <c r="E2754" s="5" t="s">
        <v>15463</v>
      </c>
      <c r="F2754" s="6">
        <v>4201</v>
      </c>
    </row>
    <row r="2755" spans="1:6" x14ac:dyDescent="0.25">
      <c r="A2755" s="4" t="s">
        <v>2831</v>
      </c>
      <c r="B2755" s="1" t="s">
        <v>3158</v>
      </c>
      <c r="C2755" s="5" t="s">
        <v>6827</v>
      </c>
      <c r="D2755" s="1" t="s">
        <v>2831</v>
      </c>
      <c r="E2755" s="5" t="s">
        <v>16968</v>
      </c>
      <c r="F2755" s="6">
        <v>7436</v>
      </c>
    </row>
    <row r="2756" spans="1:6" x14ac:dyDescent="0.25">
      <c r="A2756" s="4" t="s">
        <v>754</v>
      </c>
      <c r="B2756" s="1" t="s">
        <v>3146</v>
      </c>
      <c r="C2756" s="5" t="s">
        <v>4473</v>
      </c>
      <c r="D2756" s="1" t="s">
        <v>8664</v>
      </c>
      <c r="E2756" s="5" t="s">
        <v>13241</v>
      </c>
      <c r="F2756" s="6">
        <v>1874</v>
      </c>
    </row>
    <row r="2757" spans="1:6" x14ac:dyDescent="0.25">
      <c r="A2757" s="4" t="s">
        <v>1858</v>
      </c>
      <c r="B2757" s="1" t="s">
        <v>3158</v>
      </c>
      <c r="C2757" s="5" t="s">
        <v>5625</v>
      </c>
      <c r="D2757" s="1" t="s">
        <v>1858</v>
      </c>
      <c r="E2757" s="5" t="s">
        <v>14688</v>
      </c>
      <c r="F2757" s="6">
        <v>3391</v>
      </c>
    </row>
    <row r="2758" spans="1:6" x14ac:dyDescent="0.25">
      <c r="A2758" s="4" t="s">
        <v>839</v>
      </c>
      <c r="B2758" s="1" t="s">
        <v>3176</v>
      </c>
      <c r="C2758" s="5" t="s">
        <v>4574</v>
      </c>
      <c r="D2758" s="1" t="s">
        <v>839</v>
      </c>
      <c r="E2758" s="5" t="s">
        <v>13366</v>
      </c>
      <c r="F2758" s="6">
        <v>1999</v>
      </c>
    </row>
    <row r="2759" spans="1:6" x14ac:dyDescent="0.25">
      <c r="A2759" s="4" t="s">
        <v>839</v>
      </c>
      <c r="B2759" s="1" t="s">
        <v>3176</v>
      </c>
      <c r="C2759" s="5" t="s">
        <v>4574</v>
      </c>
      <c r="D2759" s="1" t="s">
        <v>9795</v>
      </c>
      <c r="E2759" s="5" t="s">
        <v>15708</v>
      </c>
      <c r="F2759" s="6">
        <v>4475</v>
      </c>
    </row>
    <row r="2760" spans="1:6" x14ac:dyDescent="0.25">
      <c r="A2760" s="4" t="s">
        <v>839</v>
      </c>
      <c r="B2760" s="1" t="s">
        <v>3176</v>
      </c>
      <c r="C2760" s="5" t="s">
        <v>4574</v>
      </c>
      <c r="D2760" s="1" t="s">
        <v>9895</v>
      </c>
      <c r="E2760" s="5" t="s">
        <v>15832</v>
      </c>
      <c r="F2760" s="6">
        <v>4744</v>
      </c>
    </row>
    <row r="2761" spans="1:6" x14ac:dyDescent="0.25">
      <c r="A2761" s="4" t="s">
        <v>839</v>
      </c>
      <c r="B2761" s="1" t="s">
        <v>3176</v>
      </c>
      <c r="C2761" s="5" t="s">
        <v>4574</v>
      </c>
      <c r="D2761" s="1" t="s">
        <v>10056</v>
      </c>
      <c r="E2761" s="5" t="s">
        <v>16046</v>
      </c>
      <c r="F2761" s="6">
        <v>5051</v>
      </c>
    </row>
    <row r="2762" spans="1:6" x14ac:dyDescent="0.25">
      <c r="A2762" s="4" t="s">
        <v>3071</v>
      </c>
      <c r="B2762" s="1" t="s">
        <v>3176</v>
      </c>
      <c r="C2762" s="5" t="s">
        <v>7209</v>
      </c>
      <c r="D2762" s="1" t="s">
        <v>11410</v>
      </c>
      <c r="E2762" s="5" t="s">
        <v>17839</v>
      </c>
      <c r="F2762" s="6">
        <v>9466</v>
      </c>
    </row>
    <row r="2763" spans="1:6" x14ac:dyDescent="0.25">
      <c r="A2763" s="4" t="s">
        <v>469</v>
      </c>
      <c r="B2763" s="1" t="s">
        <v>3171</v>
      </c>
      <c r="C2763" s="5" t="s">
        <v>4043</v>
      </c>
      <c r="D2763" s="1" t="s">
        <v>8203</v>
      </c>
      <c r="E2763" s="5" t="s">
        <v>12607</v>
      </c>
      <c r="F2763" s="6">
        <v>1180</v>
      </c>
    </row>
    <row r="2764" spans="1:6" x14ac:dyDescent="0.25">
      <c r="A2764" s="4" t="s">
        <v>469</v>
      </c>
      <c r="B2764" s="1" t="s">
        <v>3144</v>
      </c>
      <c r="C2764" s="5" t="s">
        <v>6146</v>
      </c>
      <c r="D2764" s="1" t="s">
        <v>469</v>
      </c>
      <c r="E2764" s="5" t="s">
        <v>15612</v>
      </c>
      <c r="F2764" s="6">
        <v>4354</v>
      </c>
    </row>
    <row r="2765" spans="1:6" x14ac:dyDescent="0.25">
      <c r="A2765" s="4" t="s">
        <v>2957</v>
      </c>
      <c r="B2765" s="1" t="s">
        <v>3156</v>
      </c>
      <c r="C2765" s="5" t="s">
        <v>6977</v>
      </c>
      <c r="D2765" s="1" t="s">
        <v>2957</v>
      </c>
      <c r="E2765" s="5" t="s">
        <v>17372</v>
      </c>
      <c r="F2765" s="6">
        <v>8912</v>
      </c>
    </row>
    <row r="2766" spans="1:6" x14ac:dyDescent="0.25">
      <c r="A2766" s="4" t="s">
        <v>2726</v>
      </c>
      <c r="B2766" s="1" t="s">
        <v>3149</v>
      </c>
      <c r="C2766" s="5" t="s">
        <v>6669</v>
      </c>
      <c r="D2766" s="1" t="s">
        <v>10489</v>
      </c>
      <c r="E2766" s="5" t="s">
        <v>16652</v>
      </c>
      <c r="F2766" s="6">
        <v>6480</v>
      </c>
    </row>
    <row r="2767" spans="1:6" x14ac:dyDescent="0.25">
      <c r="A2767" s="4" t="s">
        <v>2905</v>
      </c>
      <c r="B2767" s="1" t="s">
        <v>3165</v>
      </c>
      <c r="C2767" s="5" t="s">
        <v>6918</v>
      </c>
      <c r="D2767" s="1" t="s">
        <v>10922</v>
      </c>
      <c r="E2767" s="5" t="s">
        <v>17215</v>
      </c>
      <c r="F2767" s="6">
        <v>8203</v>
      </c>
    </row>
    <row r="2768" spans="1:6" x14ac:dyDescent="0.25">
      <c r="A2768" s="4" t="s">
        <v>18</v>
      </c>
      <c r="B2768" s="1" t="s">
        <v>3153</v>
      </c>
      <c r="C2768" s="5" t="s">
        <v>3229</v>
      </c>
      <c r="D2768" s="1" t="s">
        <v>7356</v>
      </c>
      <c r="E2768" s="5" t="s">
        <v>11628</v>
      </c>
      <c r="F2768" s="6">
        <v>36</v>
      </c>
    </row>
    <row r="2769" spans="1:6" x14ac:dyDescent="0.25">
      <c r="A2769" s="4" t="s">
        <v>18</v>
      </c>
      <c r="B2769" s="1" t="s">
        <v>3153</v>
      </c>
      <c r="C2769" s="5" t="s">
        <v>3435</v>
      </c>
      <c r="D2769" s="1" t="s">
        <v>7564</v>
      </c>
      <c r="E2769" s="5" t="s">
        <v>11850</v>
      </c>
      <c r="F2769" s="6">
        <v>281</v>
      </c>
    </row>
    <row r="2770" spans="1:6" x14ac:dyDescent="0.25">
      <c r="A2770" s="4" t="s">
        <v>18</v>
      </c>
      <c r="B2770" s="1" t="s">
        <v>3153</v>
      </c>
      <c r="C2770" s="5" t="s">
        <v>3540</v>
      </c>
      <c r="D2770" s="1" t="s">
        <v>7679</v>
      </c>
      <c r="E2770" s="5" t="s">
        <v>11971</v>
      </c>
      <c r="F2770" s="6">
        <v>404</v>
      </c>
    </row>
    <row r="2771" spans="1:6" x14ac:dyDescent="0.25">
      <c r="A2771" s="4" t="s">
        <v>18</v>
      </c>
      <c r="B2771" s="1" t="s">
        <v>3153</v>
      </c>
      <c r="C2771" s="5" t="s">
        <v>3229</v>
      </c>
      <c r="D2771" s="1" t="s">
        <v>8239</v>
      </c>
      <c r="E2771" s="5" t="s">
        <v>12645</v>
      </c>
      <c r="F2771" s="6">
        <v>1240</v>
      </c>
    </row>
    <row r="2772" spans="1:6" x14ac:dyDescent="0.25">
      <c r="A2772" s="4" t="s">
        <v>18</v>
      </c>
      <c r="B2772" s="1" t="s">
        <v>3153</v>
      </c>
      <c r="C2772" s="5" t="s">
        <v>4097</v>
      </c>
      <c r="D2772" s="1" t="s">
        <v>8285</v>
      </c>
      <c r="E2772" s="5" t="s">
        <v>12695</v>
      </c>
      <c r="F2772" s="6">
        <v>1291</v>
      </c>
    </row>
    <row r="2773" spans="1:6" x14ac:dyDescent="0.25">
      <c r="A2773" s="4" t="s">
        <v>18</v>
      </c>
      <c r="B2773" s="1" t="s">
        <v>3153</v>
      </c>
      <c r="C2773" s="5" t="s">
        <v>3229</v>
      </c>
      <c r="D2773" s="1" t="s">
        <v>8379</v>
      </c>
      <c r="E2773" s="5" t="s">
        <v>12806</v>
      </c>
      <c r="F2773" s="6">
        <v>1405</v>
      </c>
    </row>
    <row r="2774" spans="1:6" x14ac:dyDescent="0.25">
      <c r="A2774" s="4" t="s">
        <v>18</v>
      </c>
      <c r="B2774" s="1" t="s">
        <v>3153</v>
      </c>
      <c r="C2774" s="5" t="s">
        <v>4387</v>
      </c>
      <c r="D2774" s="1" t="s">
        <v>8611</v>
      </c>
      <c r="E2774" s="5" t="s">
        <v>13138</v>
      </c>
      <c r="F2774" s="6">
        <v>1771</v>
      </c>
    </row>
    <row r="2775" spans="1:6" x14ac:dyDescent="0.25">
      <c r="A2775" s="4" t="s">
        <v>18</v>
      </c>
      <c r="B2775" s="1" t="s">
        <v>3153</v>
      </c>
      <c r="C2775" s="5" t="s">
        <v>4388</v>
      </c>
      <c r="D2775" s="1" t="s">
        <v>8612</v>
      </c>
      <c r="E2775" s="5" t="s">
        <v>13139</v>
      </c>
      <c r="F2775" s="6">
        <v>1772</v>
      </c>
    </row>
    <row r="2776" spans="1:6" x14ac:dyDescent="0.25">
      <c r="A2776" s="4" t="s">
        <v>18</v>
      </c>
      <c r="B2776" s="1" t="s">
        <v>3153</v>
      </c>
      <c r="C2776" s="5" t="s">
        <v>3229</v>
      </c>
      <c r="D2776" s="1" t="s">
        <v>8730</v>
      </c>
      <c r="E2776" s="5" t="s">
        <v>13367</v>
      </c>
      <c r="F2776" s="6">
        <v>2000</v>
      </c>
    </row>
    <row r="2777" spans="1:6" x14ac:dyDescent="0.25">
      <c r="A2777" s="4" t="s">
        <v>18</v>
      </c>
      <c r="B2777" s="1" t="s">
        <v>3153</v>
      </c>
      <c r="C2777" s="5" t="s">
        <v>4983</v>
      </c>
      <c r="D2777" s="1" t="s">
        <v>8902</v>
      </c>
      <c r="E2777" s="5" t="s">
        <v>13837</v>
      </c>
      <c r="F2777" s="6">
        <v>2487</v>
      </c>
    </row>
    <row r="2778" spans="1:6" x14ac:dyDescent="0.25">
      <c r="A2778" s="4" t="s">
        <v>18</v>
      </c>
      <c r="B2778" s="1" t="s">
        <v>3153</v>
      </c>
      <c r="C2778" s="5" t="s">
        <v>3540</v>
      </c>
      <c r="D2778" s="1" t="s">
        <v>9264</v>
      </c>
      <c r="E2778" s="5" t="s">
        <v>14938</v>
      </c>
      <c r="F2778" s="6">
        <v>3660</v>
      </c>
    </row>
    <row r="2779" spans="1:6" x14ac:dyDescent="0.25">
      <c r="A2779" s="4" t="s">
        <v>18</v>
      </c>
      <c r="B2779" s="1" t="s">
        <v>3153</v>
      </c>
      <c r="C2779" s="5" t="s">
        <v>3229</v>
      </c>
      <c r="D2779" s="1" t="s">
        <v>9291</v>
      </c>
      <c r="E2779" s="5" t="s">
        <v>14970</v>
      </c>
      <c r="F2779" s="6">
        <v>3693</v>
      </c>
    </row>
    <row r="2780" spans="1:6" x14ac:dyDescent="0.25">
      <c r="A2780" s="4" t="s">
        <v>18</v>
      </c>
      <c r="B2780" s="1" t="s">
        <v>3153</v>
      </c>
      <c r="C2780" s="5" t="s">
        <v>3229</v>
      </c>
      <c r="D2780" s="1" t="s">
        <v>9298</v>
      </c>
      <c r="E2780" s="5" t="s">
        <v>14981</v>
      </c>
      <c r="F2780" s="6">
        <v>3704</v>
      </c>
    </row>
    <row r="2781" spans="1:6" x14ac:dyDescent="0.25">
      <c r="A2781" s="4" t="s">
        <v>18</v>
      </c>
      <c r="B2781" s="1" t="s">
        <v>3153</v>
      </c>
      <c r="C2781" s="5" t="s">
        <v>3540</v>
      </c>
      <c r="D2781" s="1" t="s">
        <v>9366</v>
      </c>
      <c r="E2781" s="5" t="s">
        <v>15084</v>
      </c>
      <c r="F2781" s="6">
        <v>3812</v>
      </c>
    </row>
    <row r="2782" spans="1:6" x14ac:dyDescent="0.25">
      <c r="A2782" s="4" t="s">
        <v>18</v>
      </c>
      <c r="B2782" s="1" t="s">
        <v>3153</v>
      </c>
      <c r="C2782" s="5" t="s">
        <v>5852</v>
      </c>
      <c r="D2782" s="1" t="s">
        <v>9387</v>
      </c>
      <c r="E2782" s="5" t="s">
        <v>15124</v>
      </c>
      <c r="F2782" s="6">
        <v>3855</v>
      </c>
    </row>
    <row r="2783" spans="1:6" x14ac:dyDescent="0.25">
      <c r="A2783" s="4" t="s">
        <v>18</v>
      </c>
      <c r="B2783" s="1" t="s">
        <v>3153</v>
      </c>
      <c r="C2783" s="5" t="s">
        <v>3229</v>
      </c>
      <c r="D2783" s="1" t="s">
        <v>9409</v>
      </c>
      <c r="E2783" s="5" t="s">
        <v>15155</v>
      </c>
      <c r="F2783" s="6">
        <v>3886</v>
      </c>
    </row>
    <row r="2784" spans="1:6" x14ac:dyDescent="0.25">
      <c r="A2784" s="4" t="s">
        <v>18</v>
      </c>
      <c r="B2784" s="1" t="s">
        <v>3153</v>
      </c>
      <c r="C2784" s="5" t="s">
        <v>3229</v>
      </c>
      <c r="D2784" s="1" t="s">
        <v>9817</v>
      </c>
      <c r="E2784" s="5" t="s">
        <v>15735</v>
      </c>
      <c r="F2784" s="6">
        <v>4506</v>
      </c>
    </row>
    <row r="2785" spans="1:6" x14ac:dyDescent="0.25">
      <c r="A2785" s="4" t="s">
        <v>18</v>
      </c>
      <c r="B2785" s="1" t="s">
        <v>3153</v>
      </c>
      <c r="C2785" s="5" t="s">
        <v>3540</v>
      </c>
      <c r="D2785" s="1" t="s">
        <v>10446</v>
      </c>
      <c r="E2785" s="5" t="s">
        <v>16599</v>
      </c>
      <c r="F2785" s="6">
        <v>6335</v>
      </c>
    </row>
    <row r="2786" spans="1:6" x14ac:dyDescent="0.25">
      <c r="A2786" s="4" t="s">
        <v>18</v>
      </c>
      <c r="B2786" s="1" t="s">
        <v>3153</v>
      </c>
      <c r="C2786" s="5" t="s">
        <v>6695</v>
      </c>
      <c r="D2786" s="1" t="s">
        <v>10536</v>
      </c>
      <c r="E2786" s="5" t="s">
        <v>16714</v>
      </c>
      <c r="F2786" s="6">
        <v>6663</v>
      </c>
    </row>
    <row r="2787" spans="1:6" x14ac:dyDescent="0.25">
      <c r="A2787" s="4" t="s">
        <v>18</v>
      </c>
      <c r="B2787" s="1" t="s">
        <v>3153</v>
      </c>
      <c r="C2787" s="5" t="s">
        <v>6788</v>
      </c>
      <c r="D2787" s="1" t="s">
        <v>10666</v>
      </c>
      <c r="E2787" s="5" t="s">
        <v>16885</v>
      </c>
      <c r="F2787" s="6">
        <v>7169</v>
      </c>
    </row>
    <row r="2788" spans="1:6" x14ac:dyDescent="0.25">
      <c r="A2788" s="4" t="s">
        <v>18</v>
      </c>
      <c r="B2788" s="1" t="s">
        <v>3153</v>
      </c>
      <c r="C2788" s="5" t="s">
        <v>3540</v>
      </c>
      <c r="D2788" s="1" t="s">
        <v>10688</v>
      </c>
      <c r="E2788" s="5" t="s">
        <v>16912</v>
      </c>
      <c r="F2788" s="6">
        <v>7244</v>
      </c>
    </row>
    <row r="2789" spans="1:6" x14ac:dyDescent="0.25">
      <c r="A2789" s="4" t="s">
        <v>18</v>
      </c>
      <c r="B2789" s="1" t="s">
        <v>3153</v>
      </c>
      <c r="C2789" s="5" t="s">
        <v>3229</v>
      </c>
      <c r="D2789" s="1" t="s">
        <v>10749</v>
      </c>
      <c r="E2789" s="5" t="s">
        <v>16997</v>
      </c>
      <c r="F2789" s="6">
        <v>7526</v>
      </c>
    </row>
    <row r="2790" spans="1:6" x14ac:dyDescent="0.25">
      <c r="A2790" s="4" t="s">
        <v>18</v>
      </c>
      <c r="B2790" s="1" t="s">
        <v>3153</v>
      </c>
      <c r="C2790" s="5" t="s">
        <v>4387</v>
      </c>
      <c r="D2790" s="1" t="s">
        <v>10772</v>
      </c>
      <c r="E2790" s="5" t="s">
        <v>17029</v>
      </c>
      <c r="F2790" s="6">
        <v>7633</v>
      </c>
    </row>
    <row r="2791" spans="1:6" x14ac:dyDescent="0.25">
      <c r="A2791" s="4" t="s">
        <v>18</v>
      </c>
      <c r="B2791" s="1" t="s">
        <v>3153</v>
      </c>
      <c r="C2791" s="5" t="s">
        <v>5852</v>
      </c>
      <c r="D2791" s="1" t="s">
        <v>10777</v>
      </c>
      <c r="E2791" s="5" t="s">
        <v>17036</v>
      </c>
      <c r="F2791" s="6">
        <v>7649</v>
      </c>
    </row>
    <row r="2792" spans="1:6" x14ac:dyDescent="0.25">
      <c r="A2792" s="4" t="s">
        <v>18</v>
      </c>
      <c r="B2792" s="1" t="s">
        <v>3153</v>
      </c>
      <c r="C2792" s="5" t="s">
        <v>5852</v>
      </c>
      <c r="D2792" s="1" t="s">
        <v>10790</v>
      </c>
      <c r="E2792" s="5" t="s">
        <v>17051</v>
      </c>
      <c r="F2792" s="6">
        <v>7679</v>
      </c>
    </row>
    <row r="2793" spans="1:6" x14ac:dyDescent="0.25">
      <c r="A2793" s="4" t="s">
        <v>18</v>
      </c>
      <c r="B2793" s="1" t="s">
        <v>3153</v>
      </c>
      <c r="C2793" s="5" t="s">
        <v>6879</v>
      </c>
      <c r="D2793" s="1" t="s">
        <v>10813</v>
      </c>
      <c r="E2793" s="5" t="s">
        <v>17083</v>
      </c>
      <c r="F2793" s="6">
        <v>7809</v>
      </c>
    </row>
    <row r="2794" spans="1:6" x14ac:dyDescent="0.25">
      <c r="A2794" s="4" t="s">
        <v>18</v>
      </c>
      <c r="B2794" s="1" t="s">
        <v>3153</v>
      </c>
      <c r="C2794" s="5" t="s">
        <v>4388</v>
      </c>
      <c r="D2794" s="1" t="s">
        <v>10848</v>
      </c>
      <c r="E2794" s="5" t="s">
        <v>17126</v>
      </c>
      <c r="F2794" s="6">
        <v>7995</v>
      </c>
    </row>
    <row r="2795" spans="1:6" x14ac:dyDescent="0.25">
      <c r="A2795" s="4" t="s">
        <v>18</v>
      </c>
      <c r="B2795" s="1" t="s">
        <v>3153</v>
      </c>
      <c r="C2795" s="5">
        <v>452010</v>
      </c>
      <c r="D2795" s="1" t="s">
        <v>10890</v>
      </c>
      <c r="E2795" s="5" t="s">
        <v>17177</v>
      </c>
      <c r="F2795" s="6">
        <v>8125</v>
      </c>
    </row>
    <row r="2796" spans="1:6" x14ac:dyDescent="0.25">
      <c r="A2796" s="4" t="s">
        <v>2942</v>
      </c>
      <c r="B2796" s="1" t="s">
        <v>3153</v>
      </c>
      <c r="C2796" s="5">
        <v>452010</v>
      </c>
      <c r="D2796" s="1" t="s">
        <v>11008</v>
      </c>
      <c r="E2796" s="5" t="s">
        <v>17325</v>
      </c>
      <c r="F2796" s="6">
        <v>8730</v>
      </c>
    </row>
    <row r="2797" spans="1:6" x14ac:dyDescent="0.25">
      <c r="A2797" s="4" t="s">
        <v>18</v>
      </c>
      <c r="B2797" s="1" t="s">
        <v>3153</v>
      </c>
      <c r="C2797" s="5" t="s">
        <v>7000</v>
      </c>
      <c r="D2797" s="1" t="s">
        <v>11073</v>
      </c>
      <c r="E2797" s="5" t="s">
        <v>17414</v>
      </c>
      <c r="F2797" s="6">
        <v>9021</v>
      </c>
    </row>
    <row r="2798" spans="1:6" x14ac:dyDescent="0.25">
      <c r="A2798" s="4" t="s">
        <v>18</v>
      </c>
      <c r="B2798" s="1" t="s">
        <v>3153</v>
      </c>
      <c r="C2798" s="5" t="s">
        <v>7190</v>
      </c>
      <c r="D2798" s="1" t="s">
        <v>11343</v>
      </c>
      <c r="E2798" s="5" t="s">
        <v>17765</v>
      </c>
      <c r="F2798" s="6">
        <v>9387</v>
      </c>
    </row>
    <row r="2799" spans="1:6" x14ac:dyDescent="0.25">
      <c r="A2799" s="4" t="s">
        <v>18</v>
      </c>
      <c r="B2799" s="1" t="s">
        <v>3153</v>
      </c>
      <c r="C2799" s="5" t="s">
        <v>7195</v>
      </c>
      <c r="D2799" s="1" t="s">
        <v>11357</v>
      </c>
      <c r="E2799" s="5" t="s">
        <v>17781</v>
      </c>
      <c r="F2799" s="6">
        <v>9403</v>
      </c>
    </row>
    <row r="2800" spans="1:6" x14ac:dyDescent="0.25">
      <c r="A2800" s="4" t="s">
        <v>18</v>
      </c>
      <c r="B2800" s="1" t="s">
        <v>3153</v>
      </c>
      <c r="C2800" s="5" t="s">
        <v>4387</v>
      </c>
      <c r="D2800" s="1" t="s">
        <v>11365</v>
      </c>
      <c r="E2800" s="5" t="s">
        <v>17790</v>
      </c>
      <c r="F2800" s="6">
        <v>9412</v>
      </c>
    </row>
    <row r="2801" spans="1:6" x14ac:dyDescent="0.25">
      <c r="A2801" s="4" t="s">
        <v>18</v>
      </c>
      <c r="B2801" s="1" t="s">
        <v>3153</v>
      </c>
      <c r="C2801" s="5" t="s">
        <v>3229</v>
      </c>
      <c r="D2801" s="1" t="s">
        <v>11386</v>
      </c>
      <c r="E2801" s="5" t="s">
        <v>17812</v>
      </c>
      <c r="F2801" s="6">
        <v>9438</v>
      </c>
    </row>
    <row r="2802" spans="1:6" x14ac:dyDescent="0.25">
      <c r="A2802" s="4" t="s">
        <v>2937</v>
      </c>
      <c r="B2802" s="1" t="s">
        <v>3153</v>
      </c>
      <c r="C2802" s="5">
        <v>452010</v>
      </c>
      <c r="D2802" s="1" t="s">
        <v>10999</v>
      </c>
      <c r="E2802" s="5" t="s">
        <v>17313</v>
      </c>
      <c r="F2802" s="6">
        <v>8685</v>
      </c>
    </row>
    <row r="2803" spans="1:6" x14ac:dyDescent="0.25">
      <c r="A2803" s="4" t="s">
        <v>1624</v>
      </c>
      <c r="B2803" s="1" t="s">
        <v>3147</v>
      </c>
      <c r="C2803" s="5" t="s">
        <v>3525</v>
      </c>
      <c r="D2803" s="1" t="s">
        <v>1624</v>
      </c>
      <c r="E2803" s="5" t="s">
        <v>14411</v>
      </c>
      <c r="F2803" s="6">
        <v>3091</v>
      </c>
    </row>
    <row r="2804" spans="1:6" x14ac:dyDescent="0.25">
      <c r="A2804" s="4" t="s">
        <v>1623</v>
      </c>
      <c r="B2804" s="1" t="s">
        <v>3147</v>
      </c>
      <c r="C2804" s="5" t="s">
        <v>4674</v>
      </c>
      <c r="D2804" s="1" t="s">
        <v>1623</v>
      </c>
      <c r="E2804" s="5" t="s">
        <v>14410</v>
      </c>
      <c r="F2804" s="6">
        <v>3088</v>
      </c>
    </row>
    <row r="2805" spans="1:6" x14ac:dyDescent="0.25">
      <c r="A2805" s="4" t="s">
        <v>978</v>
      </c>
      <c r="B2805" s="1" t="s">
        <v>3154</v>
      </c>
      <c r="C2805" s="5" t="s">
        <v>4724</v>
      </c>
      <c r="D2805" s="1" t="s">
        <v>978</v>
      </c>
      <c r="E2805" s="5" t="s">
        <v>13545</v>
      </c>
      <c r="F2805" s="6">
        <v>2185</v>
      </c>
    </row>
    <row r="2806" spans="1:6" x14ac:dyDescent="0.25">
      <c r="A2806" s="4" t="s">
        <v>2156</v>
      </c>
      <c r="B2806" s="1" t="s">
        <v>3160</v>
      </c>
      <c r="C2806" s="5" t="s">
        <v>5858</v>
      </c>
      <c r="D2806" s="1" t="s">
        <v>2156</v>
      </c>
      <c r="E2806" s="5" t="s">
        <v>15136</v>
      </c>
      <c r="F2806" s="6">
        <v>3867</v>
      </c>
    </row>
    <row r="2807" spans="1:6" x14ac:dyDescent="0.25">
      <c r="A2807" s="4" t="s">
        <v>179</v>
      </c>
      <c r="B2807" s="1" t="s">
        <v>3150</v>
      </c>
      <c r="C2807" s="5" t="s">
        <v>3492</v>
      </c>
      <c r="D2807" s="1" t="s">
        <v>7625</v>
      </c>
      <c r="E2807" s="5" t="s">
        <v>11914</v>
      </c>
      <c r="F2807" s="6">
        <v>347</v>
      </c>
    </row>
    <row r="2808" spans="1:6" x14ac:dyDescent="0.25">
      <c r="A2808" s="4" t="s">
        <v>2835</v>
      </c>
      <c r="B2808" s="1" t="s">
        <v>3150</v>
      </c>
      <c r="C2808" s="5" t="s">
        <v>6835</v>
      </c>
      <c r="D2808" s="1" t="s">
        <v>2835</v>
      </c>
      <c r="E2808" s="5" t="s">
        <v>16980</v>
      </c>
      <c r="F2808" s="6">
        <v>7469</v>
      </c>
    </row>
    <row r="2809" spans="1:6" x14ac:dyDescent="0.25">
      <c r="A2809" s="4" t="s">
        <v>1378</v>
      </c>
      <c r="B2809" s="1" t="s">
        <v>3148</v>
      </c>
      <c r="C2809" s="5" t="s">
        <v>5181</v>
      </c>
      <c r="D2809" s="1" t="s">
        <v>1378</v>
      </c>
      <c r="E2809" s="5" t="s">
        <v>14090</v>
      </c>
      <c r="F2809" s="6">
        <v>2747</v>
      </c>
    </row>
    <row r="2810" spans="1:6" x14ac:dyDescent="0.25">
      <c r="A2810" s="4" t="s">
        <v>659</v>
      </c>
      <c r="B2810" s="1" t="s">
        <v>3154</v>
      </c>
      <c r="C2810" s="5" t="s">
        <v>4355</v>
      </c>
      <c r="D2810" s="1" t="s">
        <v>659</v>
      </c>
      <c r="E2810" s="5" t="s">
        <v>13095</v>
      </c>
      <c r="F2810" s="6">
        <v>1728</v>
      </c>
    </row>
    <row r="2811" spans="1:6" x14ac:dyDescent="0.25">
      <c r="A2811" s="4" t="s">
        <v>1671</v>
      </c>
      <c r="B2811" s="1" t="s">
        <v>3152</v>
      </c>
      <c r="C2811" s="5" t="s">
        <v>5464</v>
      </c>
      <c r="D2811" s="1" t="s">
        <v>1671</v>
      </c>
      <c r="E2811" s="5" t="s">
        <v>14461</v>
      </c>
      <c r="F2811" s="6">
        <v>3146</v>
      </c>
    </row>
    <row r="2812" spans="1:6" x14ac:dyDescent="0.25">
      <c r="A2812" s="4" t="s">
        <v>661</v>
      </c>
      <c r="B2812" s="1" t="s">
        <v>3154</v>
      </c>
      <c r="C2812" s="5" t="s">
        <v>4357</v>
      </c>
      <c r="D2812" s="1" t="s">
        <v>661</v>
      </c>
      <c r="E2812" s="5" t="s">
        <v>13097</v>
      </c>
      <c r="F2812" s="6">
        <v>1730</v>
      </c>
    </row>
    <row r="2813" spans="1:6" x14ac:dyDescent="0.25">
      <c r="A2813" s="4" t="s">
        <v>623</v>
      </c>
      <c r="B2813" s="1" t="s">
        <v>3172</v>
      </c>
      <c r="C2813" s="5" t="s">
        <v>4301</v>
      </c>
      <c r="D2813" s="1" t="s">
        <v>623</v>
      </c>
      <c r="E2813" s="5" t="s">
        <v>13016</v>
      </c>
      <c r="F2813" s="6">
        <v>1643</v>
      </c>
    </row>
    <row r="2814" spans="1:6" x14ac:dyDescent="0.25">
      <c r="A2814" s="4" t="s">
        <v>311</v>
      </c>
      <c r="B2814" s="1" t="s">
        <v>3153</v>
      </c>
      <c r="C2814" s="5" t="s">
        <v>3787</v>
      </c>
      <c r="D2814" s="1" t="s">
        <v>7965</v>
      </c>
      <c r="E2814" s="5" t="s">
        <v>12281</v>
      </c>
      <c r="F2814" s="6">
        <v>773</v>
      </c>
    </row>
    <row r="2815" spans="1:6" x14ac:dyDescent="0.25">
      <c r="A2815" s="4" t="s">
        <v>123</v>
      </c>
      <c r="B2815" s="1" t="s">
        <v>3153</v>
      </c>
      <c r="C2815" s="5" t="s">
        <v>3389</v>
      </c>
      <c r="D2815" s="1" t="s">
        <v>7514</v>
      </c>
      <c r="E2815" s="5" t="s">
        <v>11798</v>
      </c>
      <c r="F2815" s="6">
        <v>224</v>
      </c>
    </row>
    <row r="2816" spans="1:6" x14ac:dyDescent="0.25">
      <c r="A2816" s="4" t="s">
        <v>123</v>
      </c>
      <c r="B2816" s="1" t="s">
        <v>3153</v>
      </c>
      <c r="C2816" s="5" t="s">
        <v>4089</v>
      </c>
      <c r="D2816" s="1" t="s">
        <v>8278</v>
      </c>
      <c r="E2816" s="5" t="s">
        <v>12686</v>
      </c>
      <c r="F2816" s="6">
        <v>1282</v>
      </c>
    </row>
    <row r="2817" spans="1:6" x14ac:dyDescent="0.25">
      <c r="A2817" s="4" t="s">
        <v>123</v>
      </c>
      <c r="B2817" s="1" t="s">
        <v>3153</v>
      </c>
      <c r="C2817" s="5" t="s">
        <v>4089</v>
      </c>
      <c r="D2817" s="1" t="s">
        <v>9026</v>
      </c>
      <c r="E2817" s="5" t="s">
        <v>14088</v>
      </c>
      <c r="F2817" s="6">
        <v>2745</v>
      </c>
    </row>
    <row r="2818" spans="1:6" x14ac:dyDescent="0.25">
      <c r="A2818" s="4" t="s">
        <v>123</v>
      </c>
      <c r="B2818" s="1" t="s">
        <v>3153</v>
      </c>
      <c r="C2818" s="5" t="s">
        <v>4089</v>
      </c>
      <c r="D2818" s="1" t="s">
        <v>9309</v>
      </c>
      <c r="E2818" s="5" t="s">
        <v>14995</v>
      </c>
      <c r="F2818" s="6">
        <v>3720</v>
      </c>
    </row>
    <row r="2819" spans="1:6" x14ac:dyDescent="0.25">
      <c r="A2819" s="4" t="s">
        <v>123</v>
      </c>
      <c r="B2819" s="1" t="s">
        <v>3153</v>
      </c>
      <c r="C2819" s="5" t="s">
        <v>4089</v>
      </c>
      <c r="D2819" s="1" t="s">
        <v>9465</v>
      </c>
      <c r="E2819" s="5" t="s">
        <v>15233</v>
      </c>
      <c r="F2819" s="6">
        <v>3968</v>
      </c>
    </row>
    <row r="2820" spans="1:6" x14ac:dyDescent="0.25">
      <c r="A2820" s="4" t="s">
        <v>123</v>
      </c>
      <c r="B2820" s="1" t="s">
        <v>3153</v>
      </c>
      <c r="C2820" s="5" t="s">
        <v>6417</v>
      </c>
      <c r="D2820" s="1" t="s">
        <v>10161</v>
      </c>
      <c r="E2820" s="5" t="s">
        <v>16172</v>
      </c>
      <c r="F2820" s="6">
        <v>5292</v>
      </c>
    </row>
    <row r="2821" spans="1:6" x14ac:dyDescent="0.25">
      <c r="A2821" s="4" t="s">
        <v>2708</v>
      </c>
      <c r="B2821" s="1" t="s">
        <v>3153</v>
      </c>
      <c r="C2821" s="5" t="s">
        <v>6641</v>
      </c>
      <c r="D2821" s="1" t="s">
        <v>10448</v>
      </c>
      <c r="E2821" s="5" t="s">
        <v>16601</v>
      </c>
      <c r="F2821" s="6">
        <v>6337</v>
      </c>
    </row>
    <row r="2822" spans="1:6" x14ac:dyDescent="0.25">
      <c r="A2822" s="4" t="s">
        <v>2708</v>
      </c>
      <c r="B2822" s="1" t="s">
        <v>3153</v>
      </c>
      <c r="C2822" s="5" t="s">
        <v>6645</v>
      </c>
      <c r="D2822" s="1" t="s">
        <v>10452</v>
      </c>
      <c r="E2822" s="5" t="s">
        <v>16607</v>
      </c>
      <c r="F2822" s="6">
        <v>6351</v>
      </c>
    </row>
    <row r="2823" spans="1:6" x14ac:dyDescent="0.25">
      <c r="A2823" s="4" t="s">
        <v>123</v>
      </c>
      <c r="B2823" s="1" t="s">
        <v>3153</v>
      </c>
      <c r="C2823" s="5" t="s">
        <v>6787</v>
      </c>
      <c r="D2823" s="1" t="s">
        <v>10665</v>
      </c>
      <c r="E2823" s="5" t="s">
        <v>16884</v>
      </c>
      <c r="F2823" s="6">
        <v>7168</v>
      </c>
    </row>
    <row r="2824" spans="1:6" x14ac:dyDescent="0.25">
      <c r="A2824" s="4" t="s">
        <v>2708</v>
      </c>
      <c r="B2824" s="1" t="s">
        <v>3153</v>
      </c>
      <c r="C2824" s="5" t="s">
        <v>6793</v>
      </c>
      <c r="D2824" s="1" t="s">
        <v>10671</v>
      </c>
      <c r="E2824" s="5" t="s">
        <v>16893</v>
      </c>
      <c r="F2824" s="6">
        <v>7190</v>
      </c>
    </row>
    <row r="2825" spans="1:6" x14ac:dyDescent="0.25">
      <c r="A2825" s="4" t="s">
        <v>123</v>
      </c>
      <c r="B2825" s="1" t="s">
        <v>3153</v>
      </c>
      <c r="C2825" s="5" t="s">
        <v>6884</v>
      </c>
      <c r="D2825" s="1" t="s">
        <v>10840</v>
      </c>
      <c r="E2825" s="5" t="s">
        <v>17113</v>
      </c>
      <c r="F2825" s="6">
        <v>7949</v>
      </c>
    </row>
    <row r="2826" spans="1:6" x14ac:dyDescent="0.25">
      <c r="A2826" s="4" t="s">
        <v>123</v>
      </c>
      <c r="B2826" s="1" t="s">
        <v>3153</v>
      </c>
      <c r="C2826" s="5" t="s">
        <v>3389</v>
      </c>
      <c r="D2826" s="1" t="s">
        <v>11358</v>
      </c>
      <c r="E2826" s="5" t="s">
        <v>17782</v>
      </c>
      <c r="F2826" s="6">
        <v>9404</v>
      </c>
    </row>
    <row r="2827" spans="1:6" x14ac:dyDescent="0.25">
      <c r="A2827" s="4" t="s">
        <v>1620</v>
      </c>
      <c r="B2827" s="1" t="s">
        <v>3152</v>
      </c>
      <c r="C2827" s="5" t="s">
        <v>5433</v>
      </c>
      <c r="D2827" s="1" t="s">
        <v>1620</v>
      </c>
      <c r="E2827" s="5" t="s">
        <v>14407</v>
      </c>
      <c r="F2827" s="6">
        <v>3084</v>
      </c>
    </row>
    <row r="2828" spans="1:6" x14ac:dyDescent="0.25">
      <c r="A2828" s="4" t="s">
        <v>1086</v>
      </c>
      <c r="B2828" s="1" t="s">
        <v>3151</v>
      </c>
      <c r="C2828" s="5" t="s">
        <v>4829</v>
      </c>
      <c r="D2828" s="1" t="s">
        <v>1086</v>
      </c>
      <c r="E2828" s="5" t="s">
        <v>13656</v>
      </c>
      <c r="F2828" s="6">
        <v>2302</v>
      </c>
    </row>
    <row r="2829" spans="1:6" x14ac:dyDescent="0.25">
      <c r="A2829" s="4" t="s">
        <v>1660</v>
      </c>
      <c r="B2829" s="1" t="s">
        <v>3152</v>
      </c>
      <c r="C2829" s="5" t="s">
        <v>5458</v>
      </c>
      <c r="D2829" s="1" t="s">
        <v>1660</v>
      </c>
      <c r="E2829" s="5" t="s">
        <v>14450</v>
      </c>
      <c r="F2829" s="6">
        <v>3135</v>
      </c>
    </row>
    <row r="2830" spans="1:6" x14ac:dyDescent="0.25">
      <c r="A2830" s="4" t="s">
        <v>2037</v>
      </c>
      <c r="B2830" s="1" t="s">
        <v>3158</v>
      </c>
      <c r="C2830" s="5" t="s">
        <v>5725</v>
      </c>
      <c r="D2830" s="1" t="s">
        <v>9236</v>
      </c>
      <c r="E2830" s="5" t="s">
        <v>14877</v>
      </c>
      <c r="F2830" s="6">
        <v>3593</v>
      </c>
    </row>
    <row r="2831" spans="1:6" x14ac:dyDescent="0.25">
      <c r="A2831" s="4" t="s">
        <v>1443</v>
      </c>
      <c r="B2831" s="1" t="s">
        <v>3160</v>
      </c>
      <c r="C2831" s="5" t="s">
        <v>5258</v>
      </c>
      <c r="D2831" s="1" t="s">
        <v>1443</v>
      </c>
      <c r="E2831" s="5" t="s">
        <v>14213</v>
      </c>
      <c r="F2831" s="6">
        <v>2873</v>
      </c>
    </row>
    <row r="2832" spans="1:6" x14ac:dyDescent="0.25">
      <c r="A2832" s="4" t="s">
        <v>979</v>
      </c>
      <c r="B2832" s="1" t="s">
        <v>3160</v>
      </c>
      <c r="C2832" s="5" t="s">
        <v>4725</v>
      </c>
      <c r="D2832" s="1" t="s">
        <v>8797</v>
      </c>
      <c r="E2832" s="5" t="s">
        <v>13546</v>
      </c>
      <c r="F2832" s="6">
        <v>2186</v>
      </c>
    </row>
    <row r="2833" spans="1:6" x14ac:dyDescent="0.25">
      <c r="A2833" s="4" t="s">
        <v>1192</v>
      </c>
      <c r="B2833" s="1" t="s">
        <v>3161</v>
      </c>
      <c r="C2833" s="5" t="s">
        <v>4944</v>
      </c>
      <c r="D2833" s="1" t="s">
        <v>1192</v>
      </c>
      <c r="E2833" s="5" t="s">
        <v>13789</v>
      </c>
      <c r="F2833" s="6">
        <v>2439</v>
      </c>
    </row>
    <row r="2834" spans="1:6" x14ac:dyDescent="0.25">
      <c r="A2834" s="4" t="s">
        <v>1192</v>
      </c>
      <c r="B2834" s="1" t="s">
        <v>3161</v>
      </c>
      <c r="C2834" s="5">
        <v>494001</v>
      </c>
      <c r="D2834" s="1" t="s">
        <v>10775</v>
      </c>
      <c r="E2834" s="5" t="s">
        <v>17034</v>
      </c>
      <c r="F2834" s="6">
        <v>7642</v>
      </c>
    </row>
    <row r="2835" spans="1:6" x14ac:dyDescent="0.25">
      <c r="A2835" s="4" t="s">
        <v>1699</v>
      </c>
      <c r="B2835" s="1" t="s">
        <v>3158</v>
      </c>
      <c r="C2835" s="5" t="s">
        <v>5483</v>
      </c>
      <c r="D2835" s="1" t="s">
        <v>9157</v>
      </c>
      <c r="E2835" s="5" t="s">
        <v>14493</v>
      </c>
      <c r="F2835" s="6">
        <v>3178</v>
      </c>
    </row>
    <row r="2836" spans="1:6" x14ac:dyDescent="0.25">
      <c r="A2836" s="4" t="s">
        <v>2898</v>
      </c>
      <c r="B2836" s="1" t="s">
        <v>3155</v>
      </c>
      <c r="C2836" s="5" t="s">
        <v>6905</v>
      </c>
      <c r="D2836" s="1" t="s">
        <v>2898</v>
      </c>
      <c r="E2836" s="5" t="s">
        <v>17187</v>
      </c>
      <c r="F2836" s="6">
        <v>8155</v>
      </c>
    </row>
    <row r="2837" spans="1:6" x14ac:dyDescent="0.25">
      <c r="A2837" s="4" t="s">
        <v>1146</v>
      </c>
      <c r="B2837" s="1" t="s">
        <v>3155</v>
      </c>
      <c r="C2837" s="5" t="s">
        <v>4887</v>
      </c>
      <c r="D2837" s="1" t="s">
        <v>8834</v>
      </c>
      <c r="E2837" s="5" t="s">
        <v>13720</v>
      </c>
      <c r="F2837" s="6">
        <v>2367</v>
      </c>
    </row>
    <row r="2838" spans="1:6" x14ac:dyDescent="0.25">
      <c r="A2838" s="4" t="s">
        <v>1503</v>
      </c>
      <c r="B2838" s="1" t="s">
        <v>3164</v>
      </c>
      <c r="C2838" s="5" t="s">
        <v>5322</v>
      </c>
      <c r="D2838" s="1" t="s">
        <v>1503</v>
      </c>
      <c r="E2838" s="5" t="s">
        <v>14281</v>
      </c>
      <c r="F2838" s="6">
        <v>2942</v>
      </c>
    </row>
    <row r="2839" spans="1:6" x14ac:dyDescent="0.25">
      <c r="A2839" s="4" t="s">
        <v>2763</v>
      </c>
      <c r="B2839" s="1" t="s">
        <v>3151</v>
      </c>
      <c r="C2839" s="5">
        <v>505327</v>
      </c>
      <c r="D2839" s="1" t="s">
        <v>10563</v>
      </c>
      <c r="E2839" s="5" t="s">
        <v>16753</v>
      </c>
      <c r="F2839" s="6">
        <v>6817</v>
      </c>
    </row>
    <row r="2840" spans="1:6" x14ac:dyDescent="0.25">
      <c r="A2840" s="4" t="s">
        <v>611</v>
      </c>
      <c r="B2840" s="1" t="s">
        <v>3151</v>
      </c>
      <c r="C2840" s="5" t="s">
        <v>4289</v>
      </c>
      <c r="D2840" s="1" t="s">
        <v>611</v>
      </c>
      <c r="E2840" s="5" t="s">
        <v>13003</v>
      </c>
      <c r="F2840" s="6">
        <v>1630</v>
      </c>
    </row>
    <row r="2841" spans="1:6" x14ac:dyDescent="0.25">
      <c r="A2841" s="4" t="s">
        <v>194</v>
      </c>
      <c r="B2841" s="1" t="s">
        <v>3152</v>
      </c>
      <c r="C2841" s="5" t="s">
        <v>3533</v>
      </c>
      <c r="D2841" s="1" t="s">
        <v>7672</v>
      </c>
      <c r="E2841" s="5" t="s">
        <v>11964</v>
      </c>
      <c r="F2841" s="6">
        <v>397</v>
      </c>
    </row>
    <row r="2842" spans="1:6" x14ac:dyDescent="0.25">
      <c r="A2842" s="4" t="s">
        <v>194</v>
      </c>
      <c r="B2842" s="1" t="s">
        <v>3152</v>
      </c>
      <c r="C2842" s="5" t="s">
        <v>6540</v>
      </c>
      <c r="D2842" s="1" t="s">
        <v>10307</v>
      </c>
      <c r="E2842" s="5" t="s">
        <v>16393</v>
      </c>
      <c r="F2842" s="6">
        <v>5815</v>
      </c>
    </row>
    <row r="2843" spans="1:6" x14ac:dyDescent="0.25">
      <c r="A2843" s="4" t="s">
        <v>1321</v>
      </c>
      <c r="B2843" s="1" t="s">
        <v>3158</v>
      </c>
      <c r="C2843" s="5" t="s">
        <v>5106</v>
      </c>
      <c r="D2843" s="1" t="s">
        <v>1321</v>
      </c>
      <c r="E2843" s="5" t="s">
        <v>13994</v>
      </c>
      <c r="F2843" s="6">
        <v>2648</v>
      </c>
    </row>
    <row r="2844" spans="1:6" x14ac:dyDescent="0.25">
      <c r="A2844" s="4" t="s">
        <v>2756</v>
      </c>
      <c r="B2844" s="1" t="s">
        <v>3165</v>
      </c>
      <c r="C2844" s="5" t="s">
        <v>6710</v>
      </c>
      <c r="D2844" s="1" t="s">
        <v>10549</v>
      </c>
      <c r="E2844" s="5" t="s">
        <v>16733</v>
      </c>
      <c r="F2844" s="6">
        <v>6738</v>
      </c>
    </row>
    <row r="2845" spans="1:6" x14ac:dyDescent="0.25">
      <c r="A2845" s="4" t="s">
        <v>3032</v>
      </c>
      <c r="B2845" s="1" t="s">
        <v>3161</v>
      </c>
      <c r="C2845" s="5" t="s">
        <v>7121</v>
      </c>
      <c r="D2845" s="1" t="s">
        <v>3032</v>
      </c>
      <c r="E2845" s="5" t="s">
        <v>17617</v>
      </c>
      <c r="F2845" s="6">
        <v>9234</v>
      </c>
    </row>
    <row r="2846" spans="1:6" x14ac:dyDescent="0.25">
      <c r="A2846" s="4" t="s">
        <v>28</v>
      </c>
      <c r="B2846" s="1" t="s">
        <v>3156</v>
      </c>
      <c r="C2846" s="5" t="s">
        <v>3247</v>
      </c>
      <c r="D2846" s="1" t="s">
        <v>7372</v>
      </c>
      <c r="E2846" s="5" t="s">
        <v>11646</v>
      </c>
      <c r="F2846" s="6">
        <v>54</v>
      </c>
    </row>
    <row r="2847" spans="1:6" x14ac:dyDescent="0.25">
      <c r="A2847" s="4" t="s">
        <v>28</v>
      </c>
      <c r="B2847" s="1" t="s">
        <v>3156</v>
      </c>
      <c r="C2847" s="5" t="s">
        <v>3443</v>
      </c>
      <c r="D2847" s="1" t="s">
        <v>7572</v>
      </c>
      <c r="E2847" s="5" t="s">
        <v>11858</v>
      </c>
      <c r="F2847" s="6">
        <v>289</v>
      </c>
    </row>
    <row r="2848" spans="1:6" x14ac:dyDescent="0.25">
      <c r="A2848" s="4" t="s">
        <v>28</v>
      </c>
      <c r="B2848" s="1" t="s">
        <v>3156</v>
      </c>
      <c r="C2848" s="5" t="s">
        <v>3493</v>
      </c>
      <c r="D2848" s="1" t="s">
        <v>7626</v>
      </c>
      <c r="E2848" s="5" t="s">
        <v>11915</v>
      </c>
      <c r="F2848" s="6">
        <v>348</v>
      </c>
    </row>
    <row r="2849" spans="1:6" x14ac:dyDescent="0.25">
      <c r="A2849" s="4" t="s">
        <v>28</v>
      </c>
      <c r="B2849" s="1" t="s">
        <v>3156</v>
      </c>
      <c r="C2849" s="5" t="s">
        <v>3648</v>
      </c>
      <c r="D2849" s="1" t="s">
        <v>7798</v>
      </c>
      <c r="E2849" s="5" t="s">
        <v>12099</v>
      </c>
      <c r="F2849" s="6">
        <v>554</v>
      </c>
    </row>
    <row r="2850" spans="1:6" x14ac:dyDescent="0.25">
      <c r="A2850" s="4" t="s">
        <v>28</v>
      </c>
      <c r="B2850" s="1" t="s">
        <v>3156</v>
      </c>
      <c r="C2850" s="5" t="s">
        <v>3695</v>
      </c>
      <c r="D2850" s="1" t="s">
        <v>7865</v>
      </c>
      <c r="E2850" s="5" t="s">
        <v>12170</v>
      </c>
      <c r="F2850" s="6">
        <v>644</v>
      </c>
    </row>
    <row r="2851" spans="1:6" x14ac:dyDescent="0.25">
      <c r="A2851" s="4" t="s">
        <v>28</v>
      </c>
      <c r="B2851" s="1" t="s">
        <v>3156</v>
      </c>
      <c r="C2851" s="5" t="s">
        <v>3944</v>
      </c>
      <c r="D2851" s="1" t="s">
        <v>8095</v>
      </c>
      <c r="E2851" s="5" t="s">
        <v>12469</v>
      </c>
      <c r="F2851" s="6">
        <v>987</v>
      </c>
    </row>
    <row r="2852" spans="1:6" x14ac:dyDescent="0.25">
      <c r="A2852" s="4" t="s">
        <v>28</v>
      </c>
      <c r="B2852" s="1" t="s">
        <v>3156</v>
      </c>
      <c r="C2852" s="5" t="s">
        <v>3247</v>
      </c>
      <c r="D2852" s="1" t="s">
        <v>8314</v>
      </c>
      <c r="E2852" s="5" t="s">
        <v>12732</v>
      </c>
      <c r="F2852" s="6">
        <v>1329</v>
      </c>
    </row>
    <row r="2853" spans="1:6" x14ac:dyDescent="0.25">
      <c r="A2853" s="4" t="s">
        <v>28</v>
      </c>
      <c r="B2853" s="1" t="s">
        <v>3156</v>
      </c>
      <c r="C2853" s="5" t="s">
        <v>4137</v>
      </c>
      <c r="D2853" s="1" t="s">
        <v>8358</v>
      </c>
      <c r="E2853" s="5" t="s">
        <v>12780</v>
      </c>
      <c r="F2853" s="6">
        <v>1377</v>
      </c>
    </row>
    <row r="2854" spans="1:6" x14ac:dyDescent="0.25">
      <c r="A2854" s="4" t="s">
        <v>28</v>
      </c>
      <c r="B2854" s="1" t="s">
        <v>3156</v>
      </c>
      <c r="C2854" s="5" t="s">
        <v>4163</v>
      </c>
      <c r="D2854" s="1" t="s">
        <v>8396</v>
      </c>
      <c r="E2854" s="5" t="s">
        <v>12830</v>
      </c>
      <c r="F2854" s="6">
        <v>1430</v>
      </c>
    </row>
    <row r="2855" spans="1:6" x14ac:dyDescent="0.25">
      <c r="A2855" s="4" t="s">
        <v>28</v>
      </c>
      <c r="B2855" s="1" t="s">
        <v>3156</v>
      </c>
      <c r="C2855" s="5" t="s">
        <v>3443</v>
      </c>
      <c r="D2855" s="1" t="s">
        <v>8401</v>
      </c>
      <c r="E2855" s="5" t="s">
        <v>12837</v>
      </c>
      <c r="F2855" s="6">
        <v>1437</v>
      </c>
    </row>
    <row r="2856" spans="1:6" x14ac:dyDescent="0.25">
      <c r="A2856" s="4" t="s">
        <v>28</v>
      </c>
      <c r="B2856" s="1" t="s">
        <v>3156</v>
      </c>
      <c r="C2856" s="5" t="s">
        <v>3247</v>
      </c>
      <c r="D2856" s="1" t="s">
        <v>8511</v>
      </c>
      <c r="E2856" s="5" t="s">
        <v>12975</v>
      </c>
      <c r="F2856" s="6">
        <v>1585</v>
      </c>
    </row>
    <row r="2857" spans="1:6" x14ac:dyDescent="0.25">
      <c r="A2857" s="4" t="s">
        <v>28</v>
      </c>
      <c r="B2857" s="1" t="s">
        <v>3156</v>
      </c>
      <c r="C2857" s="5" t="s">
        <v>4447</v>
      </c>
      <c r="D2857" s="1" t="s">
        <v>8644</v>
      </c>
      <c r="E2857" s="5" t="s">
        <v>13210</v>
      </c>
      <c r="F2857" s="6">
        <v>1843</v>
      </c>
    </row>
    <row r="2858" spans="1:6" x14ac:dyDescent="0.25">
      <c r="A2858" s="4" t="s">
        <v>28</v>
      </c>
      <c r="B2858" s="1" t="s">
        <v>3156</v>
      </c>
      <c r="C2858" s="5" t="s">
        <v>4448</v>
      </c>
      <c r="D2858" s="1" t="s">
        <v>8645</v>
      </c>
      <c r="E2858" s="5" t="s">
        <v>13211</v>
      </c>
      <c r="F2858" s="6">
        <v>1844</v>
      </c>
    </row>
    <row r="2859" spans="1:6" x14ac:dyDescent="0.25">
      <c r="A2859" s="4" t="s">
        <v>28</v>
      </c>
      <c r="B2859" s="1" t="s">
        <v>3156</v>
      </c>
      <c r="C2859" s="5" t="s">
        <v>4450</v>
      </c>
      <c r="D2859" s="1" t="s">
        <v>8648</v>
      </c>
      <c r="E2859" s="5" t="s">
        <v>13215</v>
      </c>
      <c r="F2859" s="6">
        <v>1848</v>
      </c>
    </row>
    <row r="2860" spans="1:6" x14ac:dyDescent="0.25">
      <c r="A2860" s="4" t="s">
        <v>28</v>
      </c>
      <c r="B2860" s="1" t="s">
        <v>3156</v>
      </c>
      <c r="C2860" s="5" t="s">
        <v>3648</v>
      </c>
      <c r="D2860" s="1" t="s">
        <v>9076</v>
      </c>
      <c r="E2860" s="5" t="s">
        <v>14180</v>
      </c>
      <c r="F2860" s="6">
        <v>2837</v>
      </c>
    </row>
    <row r="2861" spans="1:6" x14ac:dyDescent="0.25">
      <c r="A2861" s="4" t="s">
        <v>28</v>
      </c>
      <c r="B2861" s="1" t="s">
        <v>3156</v>
      </c>
      <c r="C2861" s="5" t="s">
        <v>3695</v>
      </c>
      <c r="D2861" s="1" t="s">
        <v>9077</v>
      </c>
      <c r="E2861" s="5" t="s">
        <v>14181</v>
      </c>
      <c r="F2861" s="6">
        <v>2838</v>
      </c>
    </row>
    <row r="2862" spans="1:6" x14ac:dyDescent="0.25">
      <c r="A2862" s="4" t="s">
        <v>28</v>
      </c>
      <c r="B2862" s="1" t="s">
        <v>3156</v>
      </c>
      <c r="C2862" s="5" t="s">
        <v>4450</v>
      </c>
      <c r="D2862" s="1" t="s">
        <v>9213</v>
      </c>
      <c r="E2862" s="5" t="s">
        <v>14702</v>
      </c>
      <c r="F2862" s="6">
        <v>3407</v>
      </c>
    </row>
    <row r="2863" spans="1:6" x14ac:dyDescent="0.25">
      <c r="A2863" s="4" t="s">
        <v>28</v>
      </c>
      <c r="B2863" s="1" t="s">
        <v>3156</v>
      </c>
      <c r="C2863" s="5" t="s">
        <v>5737</v>
      </c>
      <c r="D2863" s="1" t="s">
        <v>9240</v>
      </c>
      <c r="E2863" s="5" t="s">
        <v>14909</v>
      </c>
      <c r="F2863" s="6">
        <v>3630</v>
      </c>
    </row>
    <row r="2864" spans="1:6" x14ac:dyDescent="0.25">
      <c r="A2864" s="4" t="s">
        <v>28</v>
      </c>
      <c r="B2864" s="1" t="s">
        <v>3156</v>
      </c>
      <c r="C2864" s="5" t="s">
        <v>3944</v>
      </c>
      <c r="D2864" s="1" t="s">
        <v>9321</v>
      </c>
      <c r="E2864" s="5" t="s">
        <v>15014</v>
      </c>
      <c r="F2864" s="6">
        <v>3741</v>
      </c>
    </row>
    <row r="2865" spans="1:6" x14ac:dyDescent="0.25">
      <c r="A2865" s="4" t="s">
        <v>28</v>
      </c>
      <c r="B2865" s="1" t="s">
        <v>3156</v>
      </c>
      <c r="C2865" s="5" t="s">
        <v>3648</v>
      </c>
      <c r="D2865" s="1" t="s">
        <v>1777</v>
      </c>
      <c r="E2865" s="5" t="s">
        <v>15041</v>
      </c>
      <c r="F2865" s="6">
        <v>3769</v>
      </c>
    </row>
    <row r="2866" spans="1:6" x14ac:dyDescent="0.25">
      <c r="A2866" s="4" t="s">
        <v>28</v>
      </c>
      <c r="B2866" s="1" t="s">
        <v>3156</v>
      </c>
      <c r="C2866" s="5" t="s">
        <v>5817</v>
      </c>
      <c r="D2866" s="1" t="s">
        <v>9337</v>
      </c>
      <c r="E2866" s="5" t="s">
        <v>15046</v>
      </c>
      <c r="F2866" s="6">
        <v>3774</v>
      </c>
    </row>
    <row r="2867" spans="1:6" x14ac:dyDescent="0.25">
      <c r="A2867" s="4" t="s">
        <v>28</v>
      </c>
      <c r="B2867" s="1" t="s">
        <v>3156</v>
      </c>
      <c r="C2867" s="5" t="s">
        <v>4137</v>
      </c>
      <c r="D2867" s="1" t="s">
        <v>9368</v>
      </c>
      <c r="E2867" s="5" t="s">
        <v>15090</v>
      </c>
      <c r="F2867" s="6">
        <v>3819</v>
      </c>
    </row>
    <row r="2868" spans="1:6" x14ac:dyDescent="0.25">
      <c r="A2868" s="4" t="s">
        <v>28</v>
      </c>
      <c r="B2868" s="1" t="s">
        <v>3156</v>
      </c>
      <c r="C2868" s="5" t="s">
        <v>5651</v>
      </c>
      <c r="D2868" s="1" t="s">
        <v>9398</v>
      </c>
      <c r="E2868" s="5" t="s">
        <v>15142</v>
      </c>
      <c r="F2868" s="6">
        <v>3873</v>
      </c>
    </row>
    <row r="2869" spans="1:6" x14ac:dyDescent="0.25">
      <c r="A2869" s="4" t="s">
        <v>28</v>
      </c>
      <c r="B2869" s="1" t="s">
        <v>3156</v>
      </c>
      <c r="C2869" s="5" t="s">
        <v>3648</v>
      </c>
      <c r="D2869" s="1" t="s">
        <v>9399</v>
      </c>
      <c r="E2869" s="5" t="s">
        <v>15143</v>
      </c>
      <c r="F2869" s="6">
        <v>3874</v>
      </c>
    </row>
    <row r="2870" spans="1:6" x14ac:dyDescent="0.25">
      <c r="A2870" s="4" t="s">
        <v>28</v>
      </c>
      <c r="B2870" s="1" t="s">
        <v>3156</v>
      </c>
      <c r="C2870" s="5" t="s">
        <v>5867</v>
      </c>
      <c r="D2870" s="1" t="s">
        <v>9413</v>
      </c>
      <c r="E2870" s="5" t="s">
        <v>15162</v>
      </c>
      <c r="F2870" s="6">
        <v>3894</v>
      </c>
    </row>
    <row r="2871" spans="1:6" x14ac:dyDescent="0.25">
      <c r="A2871" s="4" t="s">
        <v>28</v>
      </c>
      <c r="B2871" s="1" t="s">
        <v>3156</v>
      </c>
      <c r="C2871" s="5" t="s">
        <v>5649</v>
      </c>
      <c r="D2871" s="1" t="s">
        <v>9437</v>
      </c>
      <c r="E2871" s="5" t="s">
        <v>15197</v>
      </c>
      <c r="F2871" s="6">
        <v>3931</v>
      </c>
    </row>
    <row r="2872" spans="1:6" x14ac:dyDescent="0.25">
      <c r="A2872" s="4" t="s">
        <v>28</v>
      </c>
      <c r="B2872" s="1" t="s">
        <v>3156</v>
      </c>
      <c r="C2872" s="5" t="s">
        <v>5893</v>
      </c>
      <c r="D2872" s="1" t="s">
        <v>9440</v>
      </c>
      <c r="E2872" s="5" t="s">
        <v>15205</v>
      </c>
      <c r="F2872" s="6">
        <v>3939</v>
      </c>
    </row>
    <row r="2873" spans="1:6" x14ac:dyDescent="0.25">
      <c r="A2873" s="4" t="s">
        <v>28</v>
      </c>
      <c r="B2873" s="1" t="s">
        <v>3156</v>
      </c>
      <c r="C2873" s="5">
        <v>302039</v>
      </c>
      <c r="D2873" s="1" t="s">
        <v>9833</v>
      </c>
      <c r="E2873" s="5" t="s">
        <v>15752</v>
      </c>
      <c r="F2873" s="6">
        <v>4622</v>
      </c>
    </row>
    <row r="2874" spans="1:6" x14ac:dyDescent="0.25">
      <c r="A2874" s="4" t="s">
        <v>28</v>
      </c>
      <c r="B2874" s="1" t="s">
        <v>3156</v>
      </c>
      <c r="C2874" s="5" t="s">
        <v>6249</v>
      </c>
      <c r="D2874" s="1" t="s">
        <v>9878</v>
      </c>
      <c r="E2874" s="5" t="s">
        <v>15812</v>
      </c>
      <c r="F2874" s="6">
        <v>4722</v>
      </c>
    </row>
    <row r="2875" spans="1:6" x14ac:dyDescent="0.25">
      <c r="A2875" s="4" t="s">
        <v>28</v>
      </c>
      <c r="B2875" s="1" t="s">
        <v>3156</v>
      </c>
      <c r="C2875" s="5" t="s">
        <v>6273</v>
      </c>
      <c r="D2875" s="1" t="s">
        <v>9916</v>
      </c>
      <c r="E2875" s="5" t="s">
        <v>15858</v>
      </c>
      <c r="F2875" s="6">
        <v>4771</v>
      </c>
    </row>
    <row r="2876" spans="1:6" x14ac:dyDescent="0.25">
      <c r="A2876" s="4" t="s">
        <v>28</v>
      </c>
      <c r="B2876" s="1" t="s">
        <v>3156</v>
      </c>
      <c r="C2876" s="5" t="s">
        <v>6324</v>
      </c>
      <c r="D2876" s="1" t="s">
        <v>9979</v>
      </c>
      <c r="E2876" s="5" t="s">
        <v>15941</v>
      </c>
      <c r="F2876" s="6">
        <v>4859</v>
      </c>
    </row>
    <row r="2877" spans="1:6" x14ac:dyDescent="0.25">
      <c r="A2877" s="4" t="s">
        <v>28</v>
      </c>
      <c r="B2877" s="1" t="s">
        <v>3156</v>
      </c>
      <c r="C2877" s="5" t="s">
        <v>6325</v>
      </c>
      <c r="D2877" s="1" t="s">
        <v>9980</v>
      </c>
      <c r="E2877" s="5" t="s">
        <v>15942</v>
      </c>
      <c r="F2877" s="6">
        <v>4860</v>
      </c>
    </row>
    <row r="2878" spans="1:6" x14ac:dyDescent="0.25">
      <c r="A2878" s="4" t="s">
        <v>28</v>
      </c>
      <c r="B2878" s="1" t="s">
        <v>3156</v>
      </c>
      <c r="C2878" s="5" t="s">
        <v>3944</v>
      </c>
      <c r="D2878" s="1" t="s">
        <v>10095</v>
      </c>
      <c r="E2878" s="5" t="s">
        <v>16094</v>
      </c>
      <c r="F2878" s="6">
        <v>5141</v>
      </c>
    </row>
    <row r="2879" spans="1:6" x14ac:dyDescent="0.25">
      <c r="A2879" s="4" t="s">
        <v>28</v>
      </c>
      <c r="B2879" s="1" t="s">
        <v>3156</v>
      </c>
      <c r="C2879" s="5" t="s">
        <v>6249</v>
      </c>
      <c r="D2879" s="1" t="s">
        <v>10113</v>
      </c>
      <c r="E2879" s="5" t="s">
        <v>16114</v>
      </c>
      <c r="F2879" s="6">
        <v>5181</v>
      </c>
    </row>
    <row r="2880" spans="1:6" x14ac:dyDescent="0.25">
      <c r="A2880" s="4" t="s">
        <v>28</v>
      </c>
      <c r="B2880" s="1" t="s">
        <v>3156</v>
      </c>
      <c r="C2880" s="5" t="s">
        <v>4137</v>
      </c>
      <c r="D2880" s="1" t="s">
        <v>7666</v>
      </c>
      <c r="E2880" s="5" t="s">
        <v>16117</v>
      </c>
      <c r="F2880" s="6">
        <v>5187</v>
      </c>
    </row>
    <row r="2881" spans="1:6" x14ac:dyDescent="0.25">
      <c r="A2881" s="4" t="s">
        <v>28</v>
      </c>
      <c r="B2881" s="1" t="s">
        <v>3156</v>
      </c>
      <c r="C2881" s="5" t="s">
        <v>4447</v>
      </c>
      <c r="D2881" s="1" t="s">
        <v>10167</v>
      </c>
      <c r="E2881" s="5" t="s">
        <v>16181</v>
      </c>
      <c r="F2881" s="6">
        <v>5306</v>
      </c>
    </row>
    <row r="2882" spans="1:6" x14ac:dyDescent="0.25">
      <c r="A2882" s="4" t="s">
        <v>28</v>
      </c>
      <c r="B2882" s="1" t="s">
        <v>3156</v>
      </c>
      <c r="C2882" s="5" t="s">
        <v>3648</v>
      </c>
      <c r="D2882" s="1" t="s">
        <v>10178</v>
      </c>
      <c r="E2882" s="5" t="s">
        <v>16195</v>
      </c>
      <c r="F2882" s="6">
        <v>5333</v>
      </c>
    </row>
    <row r="2883" spans="1:6" x14ac:dyDescent="0.25">
      <c r="A2883" s="4" t="s">
        <v>28</v>
      </c>
      <c r="B2883" s="1" t="s">
        <v>3156</v>
      </c>
      <c r="C2883" s="5" t="s">
        <v>4448</v>
      </c>
      <c r="D2883" s="1" t="s">
        <v>10197</v>
      </c>
      <c r="E2883" s="5" t="s">
        <v>16217</v>
      </c>
      <c r="F2883" s="6">
        <v>5412</v>
      </c>
    </row>
    <row r="2884" spans="1:6" x14ac:dyDescent="0.25">
      <c r="A2884" s="4" t="s">
        <v>28</v>
      </c>
      <c r="B2884" s="1" t="s">
        <v>3156</v>
      </c>
      <c r="C2884" s="5" t="s">
        <v>5737</v>
      </c>
      <c r="D2884" s="1" t="s">
        <v>10346</v>
      </c>
      <c r="E2884" s="5" t="s">
        <v>16457</v>
      </c>
      <c r="F2884" s="6">
        <v>5956</v>
      </c>
    </row>
    <row r="2885" spans="1:6" x14ac:dyDescent="0.25">
      <c r="A2885" s="4" t="s">
        <v>28</v>
      </c>
      <c r="B2885" s="1" t="s">
        <v>3156</v>
      </c>
      <c r="C2885" s="5" t="s">
        <v>6249</v>
      </c>
      <c r="D2885" s="1" t="s">
        <v>10454</v>
      </c>
      <c r="E2885" s="5" t="s">
        <v>16609</v>
      </c>
      <c r="F2885" s="6">
        <v>6356</v>
      </c>
    </row>
    <row r="2886" spans="1:6" x14ac:dyDescent="0.25">
      <c r="A2886" s="4" t="s">
        <v>28</v>
      </c>
      <c r="B2886" s="1" t="s">
        <v>3156</v>
      </c>
      <c r="C2886" s="5" t="s">
        <v>6273</v>
      </c>
      <c r="D2886" s="1" t="s">
        <v>10455</v>
      </c>
      <c r="E2886" s="5" t="s">
        <v>16610</v>
      </c>
      <c r="F2886" s="6">
        <v>6364</v>
      </c>
    </row>
    <row r="2887" spans="1:6" x14ac:dyDescent="0.25">
      <c r="A2887" s="4" t="s">
        <v>28</v>
      </c>
      <c r="B2887" s="1" t="s">
        <v>3156</v>
      </c>
      <c r="C2887" s="5" t="s">
        <v>3247</v>
      </c>
      <c r="D2887" s="1" t="s">
        <v>10468</v>
      </c>
      <c r="E2887" s="5" t="s">
        <v>16628</v>
      </c>
      <c r="F2887" s="6">
        <v>6418</v>
      </c>
    </row>
    <row r="2888" spans="1:6" x14ac:dyDescent="0.25">
      <c r="A2888" s="4" t="s">
        <v>28</v>
      </c>
      <c r="B2888" s="1" t="s">
        <v>3156</v>
      </c>
      <c r="C2888" s="5" t="s">
        <v>3944</v>
      </c>
      <c r="D2888" s="1" t="s">
        <v>10500</v>
      </c>
      <c r="E2888" s="5" t="s">
        <v>16667</v>
      </c>
      <c r="F2888" s="6">
        <v>6523</v>
      </c>
    </row>
    <row r="2889" spans="1:6" x14ac:dyDescent="0.25">
      <c r="A2889" s="4" t="s">
        <v>28</v>
      </c>
      <c r="B2889" s="1" t="s">
        <v>3156</v>
      </c>
      <c r="C2889" s="5" t="s">
        <v>4448</v>
      </c>
      <c r="D2889" s="1" t="s">
        <v>10508</v>
      </c>
      <c r="E2889" s="5" t="s">
        <v>16677</v>
      </c>
      <c r="F2889" s="6">
        <v>6545</v>
      </c>
    </row>
    <row r="2890" spans="1:6" x14ac:dyDescent="0.25">
      <c r="A2890" s="4" t="s">
        <v>28</v>
      </c>
      <c r="B2890" s="1" t="s">
        <v>3156</v>
      </c>
      <c r="C2890" s="5">
        <v>302039</v>
      </c>
      <c r="D2890" s="1" t="s">
        <v>10513</v>
      </c>
      <c r="E2890" s="5" t="s">
        <v>16682</v>
      </c>
      <c r="F2890" s="6">
        <v>6556</v>
      </c>
    </row>
    <row r="2891" spans="1:6" x14ac:dyDescent="0.25">
      <c r="A2891" s="4" t="s">
        <v>28</v>
      </c>
      <c r="B2891" s="1" t="s">
        <v>3156</v>
      </c>
      <c r="C2891" s="5" t="s">
        <v>5867</v>
      </c>
      <c r="D2891" s="1" t="s">
        <v>10519</v>
      </c>
      <c r="E2891" s="5" t="s">
        <v>16690</v>
      </c>
      <c r="F2891" s="6">
        <v>6590</v>
      </c>
    </row>
    <row r="2892" spans="1:6" x14ac:dyDescent="0.25">
      <c r="A2892" s="4" t="s">
        <v>28</v>
      </c>
      <c r="B2892" s="1" t="s">
        <v>3156</v>
      </c>
      <c r="C2892" s="5">
        <v>302016</v>
      </c>
      <c r="D2892" s="1" t="s">
        <v>10523</v>
      </c>
      <c r="E2892" s="5" t="s">
        <v>16695</v>
      </c>
      <c r="F2892" s="6">
        <v>6609</v>
      </c>
    </row>
    <row r="2893" spans="1:6" x14ac:dyDescent="0.25">
      <c r="A2893" s="4" t="s">
        <v>28</v>
      </c>
      <c r="B2893" s="1" t="s">
        <v>3156</v>
      </c>
      <c r="C2893" s="5" t="s">
        <v>4163</v>
      </c>
      <c r="D2893" s="1" t="s">
        <v>10527</v>
      </c>
      <c r="E2893" s="5" t="s">
        <v>16701</v>
      </c>
      <c r="F2893" s="6">
        <v>6627</v>
      </c>
    </row>
    <row r="2894" spans="1:6" x14ac:dyDescent="0.25">
      <c r="A2894" s="4" t="s">
        <v>28</v>
      </c>
      <c r="B2894" s="1" t="s">
        <v>3156</v>
      </c>
      <c r="C2894" s="5" t="s">
        <v>6689</v>
      </c>
      <c r="D2894" s="1" t="s">
        <v>10528</v>
      </c>
      <c r="E2894" s="5" t="s">
        <v>16702</v>
      </c>
      <c r="F2894" s="6">
        <v>6628</v>
      </c>
    </row>
    <row r="2895" spans="1:6" x14ac:dyDescent="0.25">
      <c r="A2895" s="4" t="s">
        <v>28</v>
      </c>
      <c r="B2895" s="1" t="s">
        <v>3156</v>
      </c>
      <c r="C2895" s="5" t="s">
        <v>5737</v>
      </c>
      <c r="D2895" s="1" t="s">
        <v>10597</v>
      </c>
      <c r="E2895" s="5" t="s">
        <v>16799</v>
      </c>
      <c r="F2895" s="6">
        <v>6983</v>
      </c>
    </row>
    <row r="2896" spans="1:6" x14ac:dyDescent="0.25">
      <c r="A2896" s="4" t="s">
        <v>28</v>
      </c>
      <c r="B2896" s="1" t="s">
        <v>3156</v>
      </c>
      <c r="C2896" s="5" t="s">
        <v>5649</v>
      </c>
      <c r="D2896" s="1" t="s">
        <v>10603</v>
      </c>
      <c r="E2896" s="5" t="s">
        <v>16809</v>
      </c>
      <c r="F2896" s="6">
        <v>7001</v>
      </c>
    </row>
    <row r="2897" spans="1:6" x14ac:dyDescent="0.25">
      <c r="A2897" s="4" t="s">
        <v>28</v>
      </c>
      <c r="B2897" s="1" t="s">
        <v>3156</v>
      </c>
      <c r="C2897" s="5" t="s">
        <v>3648</v>
      </c>
      <c r="D2897" s="1" t="s">
        <v>10615</v>
      </c>
      <c r="E2897" s="5" t="s">
        <v>16822</v>
      </c>
      <c r="F2897" s="6">
        <v>7035</v>
      </c>
    </row>
    <row r="2898" spans="1:6" x14ac:dyDescent="0.25">
      <c r="A2898" s="4" t="s">
        <v>28</v>
      </c>
      <c r="B2898" s="1" t="s">
        <v>3156</v>
      </c>
      <c r="C2898" s="5" t="s">
        <v>3944</v>
      </c>
      <c r="D2898" s="1" t="s">
        <v>10616</v>
      </c>
      <c r="E2898" s="5" t="s">
        <v>16823</v>
      </c>
      <c r="F2898" s="6">
        <v>7041</v>
      </c>
    </row>
    <row r="2899" spans="1:6" x14ac:dyDescent="0.25">
      <c r="A2899" s="4" t="s">
        <v>28</v>
      </c>
      <c r="B2899" s="1" t="s">
        <v>3156</v>
      </c>
      <c r="C2899" s="5" t="s">
        <v>3944</v>
      </c>
      <c r="D2899" s="1" t="s">
        <v>10621</v>
      </c>
      <c r="E2899" s="5" t="s">
        <v>16828</v>
      </c>
      <c r="F2899" s="6">
        <v>7048</v>
      </c>
    </row>
    <row r="2900" spans="1:6" x14ac:dyDescent="0.25">
      <c r="A2900" s="4" t="s">
        <v>28</v>
      </c>
      <c r="B2900" s="1" t="s">
        <v>3156</v>
      </c>
      <c r="C2900" s="5" t="s">
        <v>3944</v>
      </c>
      <c r="D2900" s="1" t="s">
        <v>10627</v>
      </c>
      <c r="E2900" s="5" t="s">
        <v>16837</v>
      </c>
      <c r="F2900" s="6">
        <v>7072</v>
      </c>
    </row>
    <row r="2901" spans="1:6" x14ac:dyDescent="0.25">
      <c r="A2901" s="4" t="s">
        <v>28</v>
      </c>
      <c r="B2901" s="1" t="s">
        <v>3156</v>
      </c>
      <c r="C2901" s="5" t="s">
        <v>3695</v>
      </c>
      <c r="D2901" s="1" t="s">
        <v>10651</v>
      </c>
      <c r="E2901" s="5" t="s">
        <v>16867</v>
      </c>
      <c r="F2901" s="6">
        <v>7123</v>
      </c>
    </row>
    <row r="2902" spans="1:6" x14ac:dyDescent="0.25">
      <c r="A2902" s="4" t="s">
        <v>28</v>
      </c>
      <c r="B2902" s="1" t="s">
        <v>3156</v>
      </c>
      <c r="C2902" s="5">
        <v>302012</v>
      </c>
      <c r="D2902" s="1" t="s">
        <v>10668</v>
      </c>
      <c r="E2902" s="5" t="s">
        <v>16888</v>
      </c>
      <c r="F2902" s="6">
        <v>7177</v>
      </c>
    </row>
    <row r="2903" spans="1:6" x14ac:dyDescent="0.25">
      <c r="A2903" s="4" t="s">
        <v>28</v>
      </c>
      <c r="B2903" s="1" t="s">
        <v>3156</v>
      </c>
      <c r="C2903" s="5" t="s">
        <v>4137</v>
      </c>
      <c r="D2903" s="1" t="s">
        <v>10677</v>
      </c>
      <c r="E2903" s="5" t="s">
        <v>16900</v>
      </c>
      <c r="F2903" s="6">
        <v>7205</v>
      </c>
    </row>
    <row r="2904" spans="1:6" x14ac:dyDescent="0.25">
      <c r="A2904" s="4" t="s">
        <v>28</v>
      </c>
      <c r="B2904" s="1" t="s">
        <v>3156</v>
      </c>
      <c r="C2904" s="5">
        <v>302033</v>
      </c>
      <c r="D2904" s="1" t="s">
        <v>10708</v>
      </c>
      <c r="E2904" s="5" t="s">
        <v>16941</v>
      </c>
      <c r="F2904" s="6">
        <v>7359</v>
      </c>
    </row>
    <row r="2905" spans="1:6" x14ac:dyDescent="0.25">
      <c r="A2905" s="4" t="s">
        <v>28</v>
      </c>
      <c r="B2905" s="1" t="s">
        <v>3156</v>
      </c>
      <c r="C2905" s="5">
        <v>302015</v>
      </c>
      <c r="D2905" s="1" t="s">
        <v>10714</v>
      </c>
      <c r="E2905" s="5" t="s">
        <v>16947</v>
      </c>
      <c r="F2905" s="6">
        <v>7372</v>
      </c>
    </row>
    <row r="2906" spans="1:6" x14ac:dyDescent="0.25">
      <c r="A2906" s="4" t="s">
        <v>28</v>
      </c>
      <c r="B2906" s="1" t="s">
        <v>3156</v>
      </c>
      <c r="C2906" s="5" t="s">
        <v>5867</v>
      </c>
      <c r="D2906" s="1" t="s">
        <v>10732</v>
      </c>
      <c r="E2906" s="5" t="s">
        <v>16969</v>
      </c>
      <c r="F2906" s="6">
        <v>7438</v>
      </c>
    </row>
    <row r="2907" spans="1:6" x14ac:dyDescent="0.25">
      <c r="A2907" s="4" t="s">
        <v>28</v>
      </c>
      <c r="B2907" s="1" t="s">
        <v>3156</v>
      </c>
      <c r="C2907" s="5" t="s">
        <v>4448</v>
      </c>
      <c r="D2907" s="1" t="s">
        <v>10761</v>
      </c>
      <c r="E2907" s="5" t="s">
        <v>17011</v>
      </c>
      <c r="F2907" s="6">
        <v>7579</v>
      </c>
    </row>
    <row r="2908" spans="1:6" x14ac:dyDescent="0.25">
      <c r="A2908" s="4" t="s">
        <v>28</v>
      </c>
      <c r="B2908" s="1" t="s">
        <v>3156</v>
      </c>
      <c r="C2908" s="5" t="s">
        <v>4447</v>
      </c>
      <c r="D2908" s="1" t="s">
        <v>10780</v>
      </c>
      <c r="E2908" s="5" t="s">
        <v>17039</v>
      </c>
      <c r="F2908" s="6">
        <v>7653</v>
      </c>
    </row>
    <row r="2909" spans="1:6" x14ac:dyDescent="0.25">
      <c r="A2909" s="4" t="s">
        <v>28</v>
      </c>
      <c r="B2909" s="1" t="s">
        <v>3156</v>
      </c>
      <c r="C2909" s="5" t="s">
        <v>6867</v>
      </c>
      <c r="D2909" s="1" t="s">
        <v>10789</v>
      </c>
      <c r="E2909" s="5" t="s">
        <v>17050</v>
      </c>
      <c r="F2909" s="6">
        <v>7677</v>
      </c>
    </row>
    <row r="2910" spans="1:6" x14ac:dyDescent="0.25">
      <c r="A2910" s="4" t="s">
        <v>28</v>
      </c>
      <c r="B2910" s="1" t="s">
        <v>3156</v>
      </c>
      <c r="C2910" s="5" t="s">
        <v>4163</v>
      </c>
      <c r="D2910" s="1" t="s">
        <v>10850</v>
      </c>
      <c r="E2910" s="5" t="s">
        <v>17130</v>
      </c>
      <c r="F2910" s="6">
        <v>8007</v>
      </c>
    </row>
    <row r="2911" spans="1:6" x14ac:dyDescent="0.25">
      <c r="A2911" s="4" t="s">
        <v>28</v>
      </c>
      <c r="B2911" s="1" t="s">
        <v>3156</v>
      </c>
      <c r="C2911" s="5" t="s">
        <v>3648</v>
      </c>
      <c r="D2911" s="1" t="s">
        <v>10860</v>
      </c>
      <c r="E2911" s="5" t="s">
        <v>17141</v>
      </c>
      <c r="F2911" s="6">
        <v>8033</v>
      </c>
    </row>
    <row r="2912" spans="1:6" x14ac:dyDescent="0.25">
      <c r="A2912" s="4" t="s">
        <v>28</v>
      </c>
      <c r="B2912" s="1" t="s">
        <v>3156</v>
      </c>
      <c r="C2912" s="5" t="s">
        <v>6904</v>
      </c>
      <c r="D2912" s="1" t="s">
        <v>10899</v>
      </c>
      <c r="E2912" s="5" t="s">
        <v>17186</v>
      </c>
      <c r="F2912" s="6">
        <v>8153</v>
      </c>
    </row>
    <row r="2913" spans="1:6" x14ac:dyDescent="0.25">
      <c r="A2913" s="4" t="s">
        <v>28</v>
      </c>
      <c r="B2913" s="1" t="s">
        <v>3156</v>
      </c>
      <c r="C2913" s="5">
        <v>302001</v>
      </c>
      <c r="D2913" s="1" t="s">
        <v>10928</v>
      </c>
      <c r="E2913" s="5" t="s">
        <v>17222</v>
      </c>
      <c r="F2913" s="6">
        <v>8221</v>
      </c>
    </row>
    <row r="2914" spans="1:6" x14ac:dyDescent="0.25">
      <c r="A2914" s="4" t="s">
        <v>28</v>
      </c>
      <c r="B2914" s="1" t="s">
        <v>3156</v>
      </c>
      <c r="C2914" s="5">
        <v>302012</v>
      </c>
      <c r="D2914" s="1" t="s">
        <v>10933</v>
      </c>
      <c r="E2914" s="5" t="s">
        <v>17227</v>
      </c>
      <c r="F2914" s="6">
        <v>8241</v>
      </c>
    </row>
    <row r="2915" spans="1:6" x14ac:dyDescent="0.25">
      <c r="A2915" s="4" t="s">
        <v>28</v>
      </c>
      <c r="B2915" s="1" t="s">
        <v>3156</v>
      </c>
      <c r="C2915" s="5" t="s">
        <v>4447</v>
      </c>
      <c r="D2915" s="1" t="s">
        <v>10977</v>
      </c>
      <c r="E2915" s="5" t="s">
        <v>17283</v>
      </c>
      <c r="F2915" s="6">
        <v>8468</v>
      </c>
    </row>
    <row r="2916" spans="1:6" x14ac:dyDescent="0.25">
      <c r="A2916" s="4" t="s">
        <v>28</v>
      </c>
      <c r="B2916" s="1" t="s">
        <v>3156</v>
      </c>
      <c r="C2916" s="5" t="s">
        <v>3648</v>
      </c>
      <c r="D2916" s="1" t="s">
        <v>11018</v>
      </c>
      <c r="E2916" s="5" t="s">
        <v>17338</v>
      </c>
      <c r="F2916" s="6">
        <v>8810</v>
      </c>
    </row>
    <row r="2917" spans="1:6" x14ac:dyDescent="0.25">
      <c r="A2917" s="4" t="s">
        <v>28</v>
      </c>
      <c r="B2917" s="1" t="s">
        <v>3156</v>
      </c>
      <c r="C2917" s="5">
        <v>302015</v>
      </c>
      <c r="D2917" s="1" t="s">
        <v>11023</v>
      </c>
      <c r="E2917" s="5" t="s">
        <v>17344</v>
      </c>
      <c r="F2917" s="6">
        <v>8835</v>
      </c>
    </row>
    <row r="2918" spans="1:6" x14ac:dyDescent="0.25">
      <c r="A2918" s="4" t="s">
        <v>28</v>
      </c>
      <c r="B2918" s="1" t="s">
        <v>3156</v>
      </c>
      <c r="C2918" s="5" t="s">
        <v>3944</v>
      </c>
      <c r="D2918" s="1" t="s">
        <v>11033</v>
      </c>
      <c r="E2918" s="5" t="s">
        <v>17358</v>
      </c>
      <c r="F2918" s="6">
        <v>8880</v>
      </c>
    </row>
    <row r="2919" spans="1:6" x14ac:dyDescent="0.25">
      <c r="A2919" s="4" t="s">
        <v>28</v>
      </c>
      <c r="B2919" s="1" t="s">
        <v>3156</v>
      </c>
      <c r="C2919" s="5" t="s">
        <v>4753</v>
      </c>
      <c r="D2919" s="1" t="s">
        <v>11108</v>
      </c>
      <c r="E2919" s="5" t="s">
        <v>17459</v>
      </c>
      <c r="F2919" s="6">
        <v>9070</v>
      </c>
    </row>
    <row r="2920" spans="1:6" x14ac:dyDescent="0.25">
      <c r="A2920" s="4" t="s">
        <v>28</v>
      </c>
      <c r="B2920" s="1" t="s">
        <v>3156</v>
      </c>
      <c r="C2920" s="5" t="s">
        <v>7049</v>
      </c>
      <c r="D2920" s="1" t="s">
        <v>11143</v>
      </c>
      <c r="E2920" s="5" t="s">
        <v>17503</v>
      </c>
      <c r="F2920" s="6">
        <v>9115</v>
      </c>
    </row>
    <row r="2921" spans="1:6" x14ac:dyDescent="0.25">
      <c r="A2921" s="4" t="s">
        <v>28</v>
      </c>
      <c r="B2921" s="1" t="s">
        <v>3156</v>
      </c>
      <c r="C2921" s="5" t="s">
        <v>5867</v>
      </c>
      <c r="D2921" s="1" t="s">
        <v>11466</v>
      </c>
      <c r="E2921" s="5" t="s">
        <v>17903</v>
      </c>
      <c r="F2921" s="6">
        <v>9532</v>
      </c>
    </row>
    <row r="2922" spans="1:6" x14ac:dyDescent="0.25">
      <c r="A2922" s="4" t="s">
        <v>28</v>
      </c>
      <c r="B2922" s="1" t="s">
        <v>3156</v>
      </c>
      <c r="C2922" s="5" t="s">
        <v>4447</v>
      </c>
      <c r="D2922" s="1" t="s">
        <v>11581</v>
      </c>
      <c r="E2922" s="5" t="s">
        <v>18058</v>
      </c>
      <c r="F2922" s="6">
        <v>9692</v>
      </c>
    </row>
    <row r="2923" spans="1:6" x14ac:dyDescent="0.25">
      <c r="A2923" s="4" t="s">
        <v>1930</v>
      </c>
      <c r="B2923" s="1" t="s">
        <v>3158</v>
      </c>
      <c r="C2923" s="5" t="s">
        <v>5447</v>
      </c>
      <c r="D2923" s="1" t="s">
        <v>1930</v>
      </c>
      <c r="E2923" s="5" t="s">
        <v>14764</v>
      </c>
      <c r="F2923" s="6">
        <v>3475</v>
      </c>
    </row>
    <row r="2924" spans="1:6" x14ac:dyDescent="0.25">
      <c r="A2924" s="4" t="s">
        <v>2420</v>
      </c>
      <c r="B2924" s="1" t="s">
        <v>3158</v>
      </c>
      <c r="C2924" s="5" t="s">
        <v>6266</v>
      </c>
      <c r="D2924" s="1" t="s">
        <v>2420</v>
      </c>
      <c r="E2924" s="5" t="s">
        <v>15850</v>
      </c>
      <c r="F2924" s="6">
        <v>4763</v>
      </c>
    </row>
    <row r="2925" spans="1:6" x14ac:dyDescent="0.25">
      <c r="A2925" s="4" t="s">
        <v>1414</v>
      </c>
      <c r="B2925" s="1" t="s">
        <v>3156</v>
      </c>
      <c r="C2925" s="5" t="s">
        <v>5218</v>
      </c>
      <c r="D2925" s="1" t="s">
        <v>9056</v>
      </c>
      <c r="E2925" s="5" t="s">
        <v>14148</v>
      </c>
      <c r="F2925" s="6">
        <v>2805</v>
      </c>
    </row>
    <row r="2926" spans="1:6" x14ac:dyDescent="0.25">
      <c r="A2926" s="4" t="s">
        <v>1888</v>
      </c>
      <c r="B2926" s="1" t="s">
        <v>3158</v>
      </c>
      <c r="C2926" s="5" t="s">
        <v>5145</v>
      </c>
      <c r="D2926" s="1" t="s">
        <v>1888</v>
      </c>
      <c r="E2926" s="5" t="s">
        <v>14721</v>
      </c>
      <c r="F2926" s="6">
        <v>3428</v>
      </c>
    </row>
    <row r="2927" spans="1:6" x14ac:dyDescent="0.25">
      <c r="A2927" s="4" t="s">
        <v>1888</v>
      </c>
      <c r="B2927" s="1" t="s">
        <v>3165</v>
      </c>
      <c r="C2927" s="5" t="s">
        <v>6714</v>
      </c>
      <c r="D2927" s="1" t="s">
        <v>1888</v>
      </c>
      <c r="E2927" s="5" t="s">
        <v>16739</v>
      </c>
      <c r="F2927" s="6">
        <v>6758</v>
      </c>
    </row>
    <row r="2928" spans="1:6" x14ac:dyDescent="0.25">
      <c r="A2928" s="4" t="s">
        <v>2493</v>
      </c>
      <c r="B2928" s="1" t="s">
        <v>3156</v>
      </c>
      <c r="C2928" s="5">
        <v>306302</v>
      </c>
      <c r="D2928" s="1" t="s">
        <v>10064</v>
      </c>
      <c r="E2928" s="5" t="s">
        <v>16056</v>
      </c>
      <c r="F2928" s="6">
        <v>5074</v>
      </c>
    </row>
    <row r="2929" spans="1:6" x14ac:dyDescent="0.25">
      <c r="A2929" s="4" t="s">
        <v>1044</v>
      </c>
      <c r="B2929" s="1" t="s">
        <v>3152</v>
      </c>
      <c r="C2929" s="5">
        <v>151202</v>
      </c>
      <c r="D2929" s="1" t="s">
        <v>8813</v>
      </c>
      <c r="E2929" s="5" t="s">
        <v>13612</v>
      </c>
      <c r="F2929" s="6">
        <v>2254</v>
      </c>
    </row>
    <row r="2930" spans="1:6" x14ac:dyDescent="0.25">
      <c r="A2930" s="4" t="s">
        <v>276</v>
      </c>
      <c r="B2930" s="1" t="s">
        <v>3160</v>
      </c>
      <c r="C2930" s="5" t="s">
        <v>3737</v>
      </c>
      <c r="D2930" s="1" t="s">
        <v>7911</v>
      </c>
      <c r="E2930" s="5" t="s">
        <v>12221</v>
      </c>
      <c r="F2930" s="6">
        <v>706</v>
      </c>
    </row>
    <row r="2931" spans="1:6" x14ac:dyDescent="0.25">
      <c r="A2931" s="4" t="s">
        <v>276</v>
      </c>
      <c r="B2931" s="1" t="s">
        <v>3160</v>
      </c>
      <c r="C2931" s="5" t="s">
        <v>4836</v>
      </c>
      <c r="D2931" s="1" t="s">
        <v>276</v>
      </c>
      <c r="E2931" s="5" t="s">
        <v>13664</v>
      </c>
      <c r="F2931" s="6">
        <v>2310</v>
      </c>
    </row>
    <row r="2932" spans="1:6" x14ac:dyDescent="0.25">
      <c r="A2932" s="4" t="s">
        <v>276</v>
      </c>
      <c r="B2932" s="1" t="s">
        <v>3160</v>
      </c>
      <c r="C2932" s="5" t="s">
        <v>5881</v>
      </c>
      <c r="D2932" s="1" t="s">
        <v>9433</v>
      </c>
      <c r="E2932" s="5" t="s">
        <v>15190</v>
      </c>
      <c r="F2932" s="6">
        <v>3924</v>
      </c>
    </row>
    <row r="2933" spans="1:6" x14ac:dyDescent="0.25">
      <c r="A2933" s="4" t="s">
        <v>2664</v>
      </c>
      <c r="B2933" s="1" t="s">
        <v>3160</v>
      </c>
      <c r="C2933" s="5" t="s">
        <v>3737</v>
      </c>
      <c r="D2933" s="1" t="s">
        <v>10356</v>
      </c>
      <c r="E2933" s="5" t="s">
        <v>16473</v>
      </c>
      <c r="F2933" s="6">
        <v>6004</v>
      </c>
    </row>
    <row r="2934" spans="1:6" x14ac:dyDescent="0.25">
      <c r="A2934" s="4" t="s">
        <v>538</v>
      </c>
      <c r="B2934" s="1" t="s">
        <v>3154</v>
      </c>
      <c r="C2934" s="5" t="s">
        <v>4178</v>
      </c>
      <c r="D2934" s="1" t="s">
        <v>538</v>
      </c>
      <c r="E2934" s="5" t="s">
        <v>12862</v>
      </c>
      <c r="F2934" s="6">
        <v>1463</v>
      </c>
    </row>
    <row r="2935" spans="1:6" x14ac:dyDescent="0.25">
      <c r="A2935" s="4" t="s">
        <v>522</v>
      </c>
      <c r="B2935" s="1" t="s">
        <v>3152</v>
      </c>
      <c r="C2935" s="5" t="s">
        <v>4158</v>
      </c>
      <c r="D2935" s="1" t="s">
        <v>522</v>
      </c>
      <c r="E2935" s="5" t="s">
        <v>12824</v>
      </c>
      <c r="F2935" s="6">
        <v>1423</v>
      </c>
    </row>
    <row r="2936" spans="1:6" x14ac:dyDescent="0.25">
      <c r="A2936" s="4" t="s">
        <v>522</v>
      </c>
      <c r="B2936" s="1" t="s">
        <v>3152</v>
      </c>
      <c r="C2936" s="5">
        <v>152024</v>
      </c>
      <c r="D2936" s="1" t="s">
        <v>10085</v>
      </c>
      <c r="E2936" s="5" t="s">
        <v>16082</v>
      </c>
      <c r="F2936" s="6">
        <v>5126</v>
      </c>
    </row>
    <row r="2937" spans="1:6" x14ac:dyDescent="0.25">
      <c r="A2937" s="4" t="s">
        <v>522</v>
      </c>
      <c r="B2937" s="1" t="s">
        <v>3158</v>
      </c>
      <c r="C2937" s="5" t="s">
        <v>7015</v>
      </c>
      <c r="D2937" s="1" t="s">
        <v>11092</v>
      </c>
      <c r="E2937" s="5" t="s">
        <v>17440</v>
      </c>
      <c r="F2937" s="6">
        <v>9050</v>
      </c>
    </row>
    <row r="2938" spans="1:6" x14ac:dyDescent="0.25">
      <c r="A2938" s="4" t="s">
        <v>1325</v>
      </c>
      <c r="B2938" s="1" t="s">
        <v>3158</v>
      </c>
      <c r="C2938" s="5" t="s">
        <v>5111</v>
      </c>
      <c r="D2938" s="1" t="s">
        <v>1325</v>
      </c>
      <c r="E2938" s="5" t="s">
        <v>14000</v>
      </c>
      <c r="F2938" s="6">
        <v>2654</v>
      </c>
    </row>
    <row r="2939" spans="1:6" x14ac:dyDescent="0.25">
      <c r="A2939" s="4" t="s">
        <v>23</v>
      </c>
      <c r="B2939" s="1" t="s">
        <v>3152</v>
      </c>
      <c r="C2939" s="5" t="s">
        <v>3239</v>
      </c>
      <c r="D2939" s="1" t="s">
        <v>7365</v>
      </c>
      <c r="E2939" s="5" t="s">
        <v>11638</v>
      </c>
      <c r="F2939" s="6">
        <v>46</v>
      </c>
    </row>
    <row r="2940" spans="1:6" x14ac:dyDescent="0.25">
      <c r="A2940" s="4" t="s">
        <v>23</v>
      </c>
      <c r="B2940" s="1" t="s">
        <v>3152</v>
      </c>
      <c r="C2940" s="5" t="s">
        <v>3486</v>
      </c>
      <c r="D2940" s="1" t="s">
        <v>7618</v>
      </c>
      <c r="E2940" s="5" t="s">
        <v>11907</v>
      </c>
      <c r="F2940" s="6">
        <v>340</v>
      </c>
    </row>
    <row r="2941" spans="1:6" x14ac:dyDescent="0.25">
      <c r="A2941" s="4" t="s">
        <v>23</v>
      </c>
      <c r="B2941" s="1" t="s">
        <v>3152</v>
      </c>
      <c r="C2941" s="5" t="s">
        <v>3239</v>
      </c>
      <c r="D2941" s="1" t="s">
        <v>7619</v>
      </c>
      <c r="E2941" s="5" t="s">
        <v>11908</v>
      </c>
      <c r="F2941" s="6">
        <v>341</v>
      </c>
    </row>
    <row r="2942" spans="1:6" x14ac:dyDescent="0.25">
      <c r="A2942" s="4" t="s">
        <v>23</v>
      </c>
      <c r="B2942" s="1" t="s">
        <v>3152</v>
      </c>
      <c r="C2942" s="5" t="s">
        <v>3700</v>
      </c>
      <c r="D2942" s="1" t="s">
        <v>7873</v>
      </c>
      <c r="E2942" s="5" t="s">
        <v>12179</v>
      </c>
      <c r="F2942" s="6">
        <v>653</v>
      </c>
    </row>
    <row r="2943" spans="1:6" x14ac:dyDescent="0.25">
      <c r="A2943" s="4" t="s">
        <v>23</v>
      </c>
      <c r="B2943" s="1" t="s">
        <v>3152</v>
      </c>
      <c r="C2943" s="5" t="s">
        <v>4018</v>
      </c>
      <c r="D2943" s="1" t="s">
        <v>8168</v>
      </c>
      <c r="E2943" s="5" t="s">
        <v>12567</v>
      </c>
      <c r="F2943" s="6">
        <v>1095</v>
      </c>
    </row>
    <row r="2944" spans="1:6" x14ac:dyDescent="0.25">
      <c r="A2944" s="4" t="s">
        <v>23</v>
      </c>
      <c r="B2944" s="1" t="s">
        <v>3152</v>
      </c>
      <c r="C2944" s="5" t="s">
        <v>3239</v>
      </c>
      <c r="D2944" s="1" t="s">
        <v>8260</v>
      </c>
      <c r="E2944" s="5" t="s">
        <v>12668</v>
      </c>
      <c r="F2944" s="6">
        <v>1263</v>
      </c>
    </row>
    <row r="2945" spans="1:6" x14ac:dyDescent="0.25">
      <c r="A2945" s="4" t="s">
        <v>23</v>
      </c>
      <c r="B2945" s="1" t="s">
        <v>3152</v>
      </c>
      <c r="C2945" s="5" t="s">
        <v>4113</v>
      </c>
      <c r="D2945" s="1" t="s">
        <v>8302</v>
      </c>
      <c r="E2945" s="5" t="s">
        <v>12718</v>
      </c>
      <c r="F2945" s="6">
        <v>1315</v>
      </c>
    </row>
    <row r="2946" spans="1:6" x14ac:dyDescent="0.25">
      <c r="A2946" s="4" t="s">
        <v>23</v>
      </c>
      <c r="B2946" s="1" t="s">
        <v>3152</v>
      </c>
      <c r="C2946" s="5" t="s">
        <v>4113</v>
      </c>
      <c r="D2946" s="1" t="s">
        <v>8317</v>
      </c>
      <c r="E2946" s="5" t="s">
        <v>12735</v>
      </c>
      <c r="F2946" s="6">
        <v>1332</v>
      </c>
    </row>
    <row r="2947" spans="1:6" x14ac:dyDescent="0.25">
      <c r="A2947" s="4" t="s">
        <v>23</v>
      </c>
      <c r="B2947" s="1" t="s">
        <v>3152</v>
      </c>
      <c r="C2947" s="5" t="s">
        <v>4122</v>
      </c>
      <c r="D2947" s="1" t="s">
        <v>8324</v>
      </c>
      <c r="E2947" s="5" t="s">
        <v>12742</v>
      </c>
      <c r="F2947" s="6">
        <v>1339</v>
      </c>
    </row>
    <row r="2948" spans="1:6" x14ac:dyDescent="0.25">
      <c r="A2948" s="4" t="s">
        <v>23</v>
      </c>
      <c r="B2948" s="1" t="s">
        <v>3152</v>
      </c>
      <c r="C2948" s="5" t="s">
        <v>3239</v>
      </c>
      <c r="D2948" s="1" t="s">
        <v>8363</v>
      </c>
      <c r="E2948" s="5" t="s">
        <v>12786</v>
      </c>
      <c r="F2948" s="6">
        <v>1383</v>
      </c>
    </row>
    <row r="2949" spans="1:6" x14ac:dyDescent="0.25">
      <c r="A2949" s="4" t="s">
        <v>23</v>
      </c>
      <c r="B2949" s="1" t="s">
        <v>3152</v>
      </c>
      <c r="C2949" s="5" t="s">
        <v>3239</v>
      </c>
      <c r="D2949" s="1" t="s">
        <v>8368</v>
      </c>
      <c r="E2949" s="5" t="s">
        <v>12793</v>
      </c>
      <c r="F2949" s="6">
        <v>1391</v>
      </c>
    </row>
    <row r="2950" spans="1:6" x14ac:dyDescent="0.25">
      <c r="A2950" s="4" t="s">
        <v>23</v>
      </c>
      <c r="B2950" s="1" t="s">
        <v>3152</v>
      </c>
      <c r="C2950" s="5" t="s">
        <v>3239</v>
      </c>
      <c r="D2950" s="1" t="s">
        <v>8373</v>
      </c>
      <c r="E2950" s="5" t="s">
        <v>12799</v>
      </c>
      <c r="F2950" s="6">
        <v>1397</v>
      </c>
    </row>
    <row r="2951" spans="1:6" x14ac:dyDescent="0.25">
      <c r="A2951" s="4" t="s">
        <v>23</v>
      </c>
      <c r="B2951" s="1" t="s">
        <v>3152</v>
      </c>
      <c r="C2951" s="5" t="s">
        <v>4113</v>
      </c>
      <c r="D2951" s="1" t="s">
        <v>8421</v>
      </c>
      <c r="E2951" s="5" t="s">
        <v>12858</v>
      </c>
      <c r="F2951" s="6">
        <v>1459</v>
      </c>
    </row>
    <row r="2952" spans="1:6" x14ac:dyDescent="0.25">
      <c r="A2952" s="4" t="s">
        <v>23</v>
      </c>
      <c r="B2952" s="1" t="s">
        <v>3152</v>
      </c>
      <c r="C2952" s="5" t="s">
        <v>4122</v>
      </c>
      <c r="D2952" s="1" t="s">
        <v>8507</v>
      </c>
      <c r="E2952" s="5" t="s">
        <v>12971</v>
      </c>
      <c r="F2952" s="6">
        <v>1581</v>
      </c>
    </row>
    <row r="2953" spans="1:6" x14ac:dyDescent="0.25">
      <c r="A2953" s="4" t="s">
        <v>23</v>
      </c>
      <c r="B2953" s="1" t="s">
        <v>3152</v>
      </c>
      <c r="C2953" s="5" t="s">
        <v>3239</v>
      </c>
      <c r="D2953" s="1" t="s">
        <v>9037</v>
      </c>
      <c r="E2953" s="5" t="s">
        <v>14107</v>
      </c>
      <c r="F2953" s="6">
        <v>2764</v>
      </c>
    </row>
    <row r="2954" spans="1:6" x14ac:dyDescent="0.25">
      <c r="A2954" s="4" t="s">
        <v>23</v>
      </c>
      <c r="B2954" s="1" t="s">
        <v>3152</v>
      </c>
      <c r="C2954" s="5" t="s">
        <v>3239</v>
      </c>
      <c r="D2954" s="1" t="s">
        <v>9039</v>
      </c>
      <c r="E2954" s="5" t="s">
        <v>14109</v>
      </c>
      <c r="F2954" s="6">
        <v>2766</v>
      </c>
    </row>
    <row r="2955" spans="1:6" x14ac:dyDescent="0.25">
      <c r="A2955" s="4" t="s">
        <v>23</v>
      </c>
      <c r="B2955" s="1" t="s">
        <v>3152</v>
      </c>
      <c r="C2955" s="5" t="s">
        <v>5713</v>
      </c>
      <c r="D2955" s="1" t="s">
        <v>9232</v>
      </c>
      <c r="E2955" s="5" t="s">
        <v>14853</v>
      </c>
      <c r="F2955" s="6">
        <v>3567</v>
      </c>
    </row>
    <row r="2956" spans="1:6" x14ac:dyDescent="0.25">
      <c r="A2956" s="4" t="s">
        <v>2986</v>
      </c>
      <c r="B2956" s="1" t="s">
        <v>3158</v>
      </c>
      <c r="C2956" s="5" t="s">
        <v>4610</v>
      </c>
      <c r="D2956" s="1" t="s">
        <v>2986</v>
      </c>
      <c r="E2956" s="5" t="s">
        <v>17472</v>
      </c>
      <c r="F2956" s="6">
        <v>9083</v>
      </c>
    </row>
    <row r="2957" spans="1:6" x14ac:dyDescent="0.25">
      <c r="A2957" s="4" t="s">
        <v>2587</v>
      </c>
      <c r="B2957" s="1" t="s">
        <v>3158</v>
      </c>
      <c r="C2957" s="5" t="s">
        <v>6498</v>
      </c>
      <c r="D2957" s="1" t="s">
        <v>2587</v>
      </c>
      <c r="E2957" s="5" t="s">
        <v>16313</v>
      </c>
      <c r="F2957" s="6">
        <v>5624</v>
      </c>
    </row>
    <row r="2958" spans="1:6" x14ac:dyDescent="0.25">
      <c r="A2958" s="4" t="s">
        <v>95</v>
      </c>
      <c r="B2958" s="1" t="s">
        <v>3144</v>
      </c>
      <c r="C2958" s="5" t="s">
        <v>3351</v>
      </c>
      <c r="D2958" s="1" t="s">
        <v>95</v>
      </c>
      <c r="E2958" s="5" t="s">
        <v>11759</v>
      </c>
      <c r="F2958" s="6">
        <v>180</v>
      </c>
    </row>
    <row r="2959" spans="1:6" x14ac:dyDescent="0.25">
      <c r="A2959" s="4" t="s">
        <v>95</v>
      </c>
      <c r="B2959" s="1" t="s">
        <v>3144</v>
      </c>
      <c r="C2959" s="5" t="s">
        <v>3351</v>
      </c>
      <c r="D2959" s="1" t="s">
        <v>8618</v>
      </c>
      <c r="E2959" s="5" t="s">
        <v>13152</v>
      </c>
      <c r="F2959" s="6">
        <v>1785</v>
      </c>
    </row>
    <row r="2960" spans="1:6" x14ac:dyDescent="0.25">
      <c r="A2960" s="4" t="s">
        <v>95</v>
      </c>
      <c r="B2960" s="1" t="s">
        <v>3144</v>
      </c>
      <c r="C2960" s="5" t="s">
        <v>5760</v>
      </c>
      <c r="D2960" s="1" t="s">
        <v>9273</v>
      </c>
      <c r="E2960" s="5" t="s">
        <v>14948</v>
      </c>
      <c r="F2960" s="6">
        <v>3670</v>
      </c>
    </row>
    <row r="2961" spans="1:6" x14ac:dyDescent="0.25">
      <c r="A2961" s="4" t="s">
        <v>95</v>
      </c>
      <c r="B2961" s="1" t="s">
        <v>3144</v>
      </c>
      <c r="C2961" s="5" t="s">
        <v>3351</v>
      </c>
      <c r="D2961" s="1" t="s">
        <v>10568</v>
      </c>
      <c r="E2961" s="5" t="s">
        <v>16759</v>
      </c>
      <c r="F2961" s="6">
        <v>6857</v>
      </c>
    </row>
    <row r="2962" spans="1:6" x14ac:dyDescent="0.25">
      <c r="A2962" s="4" t="s">
        <v>2762</v>
      </c>
      <c r="B2962" s="1" t="s">
        <v>3144</v>
      </c>
      <c r="C2962" s="5" t="s">
        <v>6720</v>
      </c>
      <c r="D2962" s="1" t="s">
        <v>2762</v>
      </c>
      <c r="E2962" s="5" t="s">
        <v>16748</v>
      </c>
      <c r="F2962" s="6">
        <v>6801</v>
      </c>
    </row>
    <row r="2963" spans="1:6" x14ac:dyDescent="0.25">
      <c r="A2963" s="4" t="s">
        <v>1773</v>
      </c>
      <c r="B2963" s="1" t="s">
        <v>3154</v>
      </c>
      <c r="C2963" s="5" t="s">
        <v>4118</v>
      </c>
      <c r="D2963" s="1" t="s">
        <v>9191</v>
      </c>
      <c r="E2963" s="5" t="s">
        <v>14590</v>
      </c>
      <c r="F2963" s="6">
        <v>3284</v>
      </c>
    </row>
    <row r="2964" spans="1:6" x14ac:dyDescent="0.25">
      <c r="A2964" s="4" t="s">
        <v>284</v>
      </c>
      <c r="B2964" s="1" t="s">
        <v>3144</v>
      </c>
      <c r="C2964" s="5" t="s">
        <v>3754</v>
      </c>
      <c r="D2964" s="1" t="s">
        <v>7934</v>
      </c>
      <c r="E2964" s="5" t="s">
        <v>12246</v>
      </c>
      <c r="F2964" s="6">
        <v>735</v>
      </c>
    </row>
    <row r="2965" spans="1:6" x14ac:dyDescent="0.25">
      <c r="A2965" s="4" t="s">
        <v>284</v>
      </c>
      <c r="B2965" s="1" t="s">
        <v>3144</v>
      </c>
      <c r="C2965" s="5" t="s">
        <v>3754</v>
      </c>
      <c r="D2965" s="1" t="s">
        <v>11241</v>
      </c>
      <c r="E2965" s="5" t="s">
        <v>17638</v>
      </c>
      <c r="F2965" s="6">
        <v>9256</v>
      </c>
    </row>
    <row r="2966" spans="1:6" x14ac:dyDescent="0.25">
      <c r="A2966" s="4" t="s">
        <v>892</v>
      </c>
      <c r="B2966" s="1" t="s">
        <v>3144</v>
      </c>
      <c r="C2966" s="5" t="s">
        <v>4639</v>
      </c>
      <c r="D2966" s="1" t="s">
        <v>892</v>
      </c>
      <c r="E2966" s="5" t="s">
        <v>13453</v>
      </c>
      <c r="F2966" s="6">
        <v>2089</v>
      </c>
    </row>
    <row r="2967" spans="1:6" x14ac:dyDescent="0.25">
      <c r="A2967" s="4" t="s">
        <v>842</v>
      </c>
      <c r="B2967" s="1" t="s">
        <v>3156</v>
      </c>
      <c r="C2967" s="5" t="s">
        <v>4577</v>
      </c>
      <c r="D2967" s="1" t="s">
        <v>2612</v>
      </c>
      <c r="E2967" s="5" t="s">
        <v>13370</v>
      </c>
      <c r="F2967" s="6">
        <v>2003</v>
      </c>
    </row>
    <row r="2968" spans="1:6" x14ac:dyDescent="0.25">
      <c r="A2968" s="4" t="s">
        <v>2612</v>
      </c>
      <c r="B2968" s="1" t="s">
        <v>3156</v>
      </c>
      <c r="C2968" s="5" t="s">
        <v>4577</v>
      </c>
      <c r="D2968" s="1" t="s">
        <v>10278</v>
      </c>
      <c r="E2968" s="5" t="s">
        <v>16354</v>
      </c>
      <c r="F2968" s="6">
        <v>5724</v>
      </c>
    </row>
    <row r="2969" spans="1:6" x14ac:dyDescent="0.25">
      <c r="A2969" s="4" t="s">
        <v>2069</v>
      </c>
      <c r="B2969" s="1" t="s">
        <v>3148</v>
      </c>
      <c r="C2969" s="5" t="s">
        <v>5742</v>
      </c>
      <c r="D2969" s="1" t="s">
        <v>2069</v>
      </c>
      <c r="E2969" s="5" t="s">
        <v>14918</v>
      </c>
      <c r="F2969" s="6">
        <v>3639</v>
      </c>
    </row>
    <row r="2970" spans="1:6" x14ac:dyDescent="0.25">
      <c r="A2970" s="4" t="s">
        <v>1244</v>
      </c>
      <c r="B2970" s="1" t="s">
        <v>812</v>
      </c>
      <c r="C2970" s="5" t="s">
        <v>5015</v>
      </c>
      <c r="D2970" s="1" t="s">
        <v>1244</v>
      </c>
      <c r="E2970" s="5" t="s">
        <v>13880</v>
      </c>
      <c r="F2970" s="6">
        <v>2531</v>
      </c>
    </row>
    <row r="2971" spans="1:6" x14ac:dyDescent="0.25">
      <c r="A2971" s="4" t="s">
        <v>1244</v>
      </c>
      <c r="B2971" s="1" t="s">
        <v>3148</v>
      </c>
      <c r="C2971" s="5" t="s">
        <v>7020</v>
      </c>
      <c r="D2971" s="1" t="s">
        <v>11097</v>
      </c>
      <c r="E2971" s="5" t="s">
        <v>17446</v>
      </c>
      <c r="F2971" s="6">
        <v>9057</v>
      </c>
    </row>
    <row r="2972" spans="1:6" x14ac:dyDescent="0.25">
      <c r="A2972" s="4" t="s">
        <v>1889</v>
      </c>
      <c r="B2972" s="1" t="s">
        <v>3154</v>
      </c>
      <c r="C2972" s="5" t="s">
        <v>5643</v>
      </c>
      <c r="D2972" s="1" t="s">
        <v>9216</v>
      </c>
      <c r="E2972" s="5" t="s">
        <v>14722</v>
      </c>
      <c r="F2972" s="6">
        <v>3429</v>
      </c>
    </row>
    <row r="2973" spans="1:6" x14ac:dyDescent="0.25">
      <c r="A2973" s="4" t="s">
        <v>1889</v>
      </c>
      <c r="B2973" s="1" t="s">
        <v>3154</v>
      </c>
      <c r="C2973" s="5" t="s">
        <v>7032</v>
      </c>
      <c r="D2973" s="1" t="s">
        <v>11117</v>
      </c>
      <c r="E2973" s="5" t="s">
        <v>17471</v>
      </c>
      <c r="F2973" s="6">
        <v>9082</v>
      </c>
    </row>
    <row r="2974" spans="1:6" x14ac:dyDescent="0.25">
      <c r="A2974" s="4" t="s">
        <v>1123</v>
      </c>
      <c r="B2974" s="1" t="s">
        <v>3147</v>
      </c>
      <c r="C2974" s="5" t="s">
        <v>4865</v>
      </c>
      <c r="D2974" s="1" t="s">
        <v>1123</v>
      </c>
      <c r="E2974" s="5" t="s">
        <v>13696</v>
      </c>
      <c r="F2974" s="6">
        <v>2343</v>
      </c>
    </row>
    <row r="2975" spans="1:6" x14ac:dyDescent="0.25">
      <c r="A2975" s="4" t="s">
        <v>2050</v>
      </c>
      <c r="B2975" s="1" t="s">
        <v>3147</v>
      </c>
      <c r="C2975" s="5" t="s">
        <v>5729</v>
      </c>
      <c r="D2975" s="1" t="s">
        <v>2050</v>
      </c>
      <c r="E2975" s="5" t="s">
        <v>14890</v>
      </c>
      <c r="F2975" s="6">
        <v>3607</v>
      </c>
    </row>
    <row r="2976" spans="1:6" x14ac:dyDescent="0.25">
      <c r="A2976" s="4" t="s">
        <v>1052</v>
      </c>
      <c r="B2976" s="1" t="s">
        <v>3147</v>
      </c>
      <c r="C2976" s="5" t="s">
        <v>4793</v>
      </c>
      <c r="D2976" s="1" t="s">
        <v>1052</v>
      </c>
      <c r="E2976" s="5" t="s">
        <v>13620</v>
      </c>
      <c r="F2976" s="6">
        <v>2262</v>
      </c>
    </row>
    <row r="2977" spans="1:6" x14ac:dyDescent="0.25">
      <c r="A2977" s="4" t="s">
        <v>1256</v>
      </c>
      <c r="B2977" s="1" t="s">
        <v>3149</v>
      </c>
      <c r="C2977" s="5" t="s">
        <v>5031</v>
      </c>
      <c r="D2977" s="1" t="s">
        <v>1256</v>
      </c>
      <c r="E2977" s="5" t="s">
        <v>13900</v>
      </c>
      <c r="F2977" s="6">
        <v>2551</v>
      </c>
    </row>
    <row r="2978" spans="1:6" x14ac:dyDescent="0.25">
      <c r="A2978" s="4" t="s">
        <v>2730</v>
      </c>
      <c r="B2978" s="1" t="s">
        <v>3155</v>
      </c>
      <c r="C2978" s="5" t="s">
        <v>6672</v>
      </c>
      <c r="D2978" s="1" t="s">
        <v>2730</v>
      </c>
      <c r="E2978" s="5" t="s">
        <v>16663</v>
      </c>
      <c r="F2978" s="6">
        <v>6507</v>
      </c>
    </row>
    <row r="2979" spans="1:6" x14ac:dyDescent="0.25">
      <c r="A2979" s="4" t="s">
        <v>1029</v>
      </c>
      <c r="B2979" s="1" t="s">
        <v>3151</v>
      </c>
      <c r="C2979" s="5" t="s">
        <v>4772</v>
      </c>
      <c r="D2979" s="1" t="s">
        <v>1029</v>
      </c>
      <c r="E2979" s="5" t="s">
        <v>13596</v>
      </c>
      <c r="F2979" s="6">
        <v>2237</v>
      </c>
    </row>
    <row r="2980" spans="1:6" x14ac:dyDescent="0.25">
      <c r="A2980" s="4" t="s">
        <v>133</v>
      </c>
      <c r="B2980" s="1" t="s">
        <v>3163</v>
      </c>
      <c r="C2980" s="5" t="s">
        <v>3402</v>
      </c>
      <c r="D2980" s="1" t="s">
        <v>7528</v>
      </c>
      <c r="E2980" s="5" t="s">
        <v>11813</v>
      </c>
      <c r="F2980" s="6">
        <v>241</v>
      </c>
    </row>
    <row r="2981" spans="1:6" x14ac:dyDescent="0.25">
      <c r="A2981" s="4" t="s">
        <v>133</v>
      </c>
      <c r="B2981" s="1" t="s">
        <v>3163</v>
      </c>
      <c r="C2981" s="5" t="s">
        <v>3548</v>
      </c>
      <c r="D2981" s="1" t="s">
        <v>7688</v>
      </c>
      <c r="E2981" s="5" t="s">
        <v>11980</v>
      </c>
      <c r="F2981" s="6">
        <v>413</v>
      </c>
    </row>
    <row r="2982" spans="1:6" x14ac:dyDescent="0.25">
      <c r="A2982" s="4" t="s">
        <v>133</v>
      </c>
      <c r="B2982" s="1" t="s">
        <v>3163</v>
      </c>
      <c r="C2982" s="5" t="s">
        <v>4130</v>
      </c>
      <c r="D2982" s="1" t="s">
        <v>8339</v>
      </c>
      <c r="E2982" s="5" t="s">
        <v>12759</v>
      </c>
      <c r="F2982" s="6">
        <v>1356</v>
      </c>
    </row>
    <row r="2983" spans="1:6" x14ac:dyDescent="0.25">
      <c r="A2983" s="4" t="s">
        <v>133</v>
      </c>
      <c r="B2983" s="1" t="s">
        <v>3163</v>
      </c>
      <c r="C2983" s="5" t="s">
        <v>4538</v>
      </c>
      <c r="D2983" s="1" t="s">
        <v>8704</v>
      </c>
      <c r="E2983" s="5" t="s">
        <v>13321</v>
      </c>
      <c r="F2983" s="6">
        <v>1954</v>
      </c>
    </row>
    <row r="2984" spans="1:6" x14ac:dyDescent="0.25">
      <c r="A2984" s="4" t="s">
        <v>133</v>
      </c>
      <c r="B2984" s="1" t="s">
        <v>3163</v>
      </c>
      <c r="C2984" s="5" t="s">
        <v>5007</v>
      </c>
      <c r="D2984" s="1" t="s">
        <v>8915</v>
      </c>
      <c r="E2984" s="5" t="s">
        <v>13867</v>
      </c>
      <c r="F2984" s="6">
        <v>2517</v>
      </c>
    </row>
    <row r="2985" spans="1:6" x14ac:dyDescent="0.25">
      <c r="A2985" s="4" t="s">
        <v>133</v>
      </c>
      <c r="B2985" s="1" t="s">
        <v>3163</v>
      </c>
      <c r="C2985" s="5" t="s">
        <v>5178</v>
      </c>
      <c r="D2985" s="1" t="s">
        <v>9024</v>
      </c>
      <c r="E2985" s="5" t="s">
        <v>14086</v>
      </c>
      <c r="F2985" s="6">
        <v>2743</v>
      </c>
    </row>
    <row r="2986" spans="1:6" x14ac:dyDescent="0.25">
      <c r="A2986" s="4" t="s">
        <v>133</v>
      </c>
      <c r="B2986" s="1" t="s">
        <v>3163</v>
      </c>
      <c r="C2986" s="5" t="s">
        <v>3548</v>
      </c>
      <c r="D2986" s="1" t="s">
        <v>9031</v>
      </c>
      <c r="E2986" s="5" t="s">
        <v>14101</v>
      </c>
      <c r="F2986" s="6">
        <v>2758</v>
      </c>
    </row>
    <row r="2987" spans="1:6" x14ac:dyDescent="0.25">
      <c r="A2987" s="4" t="s">
        <v>133</v>
      </c>
      <c r="B2987" s="1" t="s">
        <v>3163</v>
      </c>
      <c r="C2987" s="5" t="s">
        <v>5178</v>
      </c>
      <c r="D2987" s="1" t="s">
        <v>9043</v>
      </c>
      <c r="E2987" s="5" t="s">
        <v>14118</v>
      </c>
      <c r="F2987" s="6">
        <v>2775</v>
      </c>
    </row>
    <row r="2988" spans="1:6" x14ac:dyDescent="0.25">
      <c r="A2988" s="4" t="s">
        <v>133</v>
      </c>
      <c r="B2988" s="1" t="s">
        <v>3163</v>
      </c>
      <c r="C2988" s="5" t="s">
        <v>5285</v>
      </c>
      <c r="D2988" s="1" t="s">
        <v>9105</v>
      </c>
      <c r="E2988" s="5" t="s">
        <v>14241</v>
      </c>
      <c r="F2988" s="6">
        <v>2902</v>
      </c>
    </row>
    <row r="2989" spans="1:6" x14ac:dyDescent="0.25">
      <c r="A2989" s="4" t="s">
        <v>133</v>
      </c>
      <c r="B2989" s="1" t="s">
        <v>3163</v>
      </c>
      <c r="C2989" s="5" t="s">
        <v>5316</v>
      </c>
      <c r="D2989" s="1" t="s">
        <v>9115</v>
      </c>
      <c r="E2989" s="5" t="s">
        <v>14274</v>
      </c>
      <c r="F2989" s="6">
        <v>2935</v>
      </c>
    </row>
    <row r="2990" spans="1:6" x14ac:dyDescent="0.25">
      <c r="A2990" s="4" t="s">
        <v>2477</v>
      </c>
      <c r="B2990" s="1" t="s">
        <v>3184</v>
      </c>
      <c r="C2990" s="5">
        <v>180011</v>
      </c>
      <c r="D2990" s="1" t="s">
        <v>10033</v>
      </c>
      <c r="E2990" s="5" t="s">
        <v>16014</v>
      </c>
      <c r="F2990" s="6">
        <v>4974</v>
      </c>
    </row>
    <row r="2991" spans="1:6" x14ac:dyDescent="0.25">
      <c r="A2991" s="4" t="s">
        <v>133</v>
      </c>
      <c r="B2991" s="1" t="s">
        <v>3163</v>
      </c>
      <c r="C2991" s="5" t="s">
        <v>6457</v>
      </c>
      <c r="D2991" s="1" t="s">
        <v>10222</v>
      </c>
      <c r="E2991" s="5" t="s">
        <v>16256</v>
      </c>
      <c r="F2991" s="6">
        <v>5500</v>
      </c>
    </row>
    <row r="2992" spans="1:6" x14ac:dyDescent="0.25">
      <c r="A2992" s="4" t="s">
        <v>133</v>
      </c>
      <c r="B2992" s="1" t="s">
        <v>3163</v>
      </c>
      <c r="C2992" s="5" t="s">
        <v>6529</v>
      </c>
      <c r="D2992" s="1" t="s">
        <v>7617</v>
      </c>
      <c r="E2992" s="5" t="s">
        <v>16370</v>
      </c>
      <c r="F2992" s="6">
        <v>5768</v>
      </c>
    </row>
    <row r="2993" spans="1:6" x14ac:dyDescent="0.25">
      <c r="A2993" s="4" t="s">
        <v>133</v>
      </c>
      <c r="B2993" s="1" t="s">
        <v>3163</v>
      </c>
      <c r="C2993" s="5" t="s">
        <v>6617</v>
      </c>
      <c r="D2993" s="1" t="s">
        <v>10400</v>
      </c>
      <c r="E2993" s="5" t="s">
        <v>16540</v>
      </c>
      <c r="F2993" s="6">
        <v>6191</v>
      </c>
    </row>
    <row r="2994" spans="1:6" x14ac:dyDescent="0.25">
      <c r="A2994" s="4" t="s">
        <v>133</v>
      </c>
      <c r="B2994" s="1" t="s">
        <v>3163</v>
      </c>
      <c r="C2994" s="5" t="s">
        <v>5178</v>
      </c>
      <c r="D2994" s="1" t="s">
        <v>10403</v>
      </c>
      <c r="E2994" s="5" t="s">
        <v>16543</v>
      </c>
      <c r="F2994" s="6">
        <v>6195</v>
      </c>
    </row>
    <row r="2995" spans="1:6" x14ac:dyDescent="0.25">
      <c r="A2995" s="4" t="s">
        <v>133</v>
      </c>
      <c r="B2995" s="1" t="s">
        <v>3163</v>
      </c>
      <c r="C2995" s="5" t="s">
        <v>6617</v>
      </c>
      <c r="D2995" s="1" t="s">
        <v>8405</v>
      </c>
      <c r="E2995" s="5" t="s">
        <v>16672</v>
      </c>
      <c r="F2995" s="6">
        <v>6538</v>
      </c>
    </row>
    <row r="2996" spans="1:6" x14ac:dyDescent="0.25">
      <c r="A2996" s="4" t="s">
        <v>133</v>
      </c>
      <c r="B2996" s="1" t="s">
        <v>3163</v>
      </c>
      <c r="C2996" s="5" t="s">
        <v>4130</v>
      </c>
      <c r="D2996" s="1" t="s">
        <v>10504</v>
      </c>
      <c r="E2996" s="5" t="s">
        <v>16673</v>
      </c>
      <c r="F2996" s="6">
        <v>6541</v>
      </c>
    </row>
    <row r="2997" spans="1:6" x14ac:dyDescent="0.25">
      <c r="A2997" s="4" t="s">
        <v>133</v>
      </c>
      <c r="B2997" s="1" t="s">
        <v>3163</v>
      </c>
      <c r="C2997" s="5">
        <v>181221</v>
      </c>
      <c r="D2997" s="1" t="s">
        <v>10771</v>
      </c>
      <c r="E2997" s="5" t="s">
        <v>17027</v>
      </c>
      <c r="F2997" s="6">
        <v>7631</v>
      </c>
    </row>
    <row r="2998" spans="1:6" x14ac:dyDescent="0.25">
      <c r="A2998" s="4" t="s">
        <v>133</v>
      </c>
      <c r="B2998" s="1" t="s">
        <v>3163</v>
      </c>
      <c r="C2998" s="5" t="s">
        <v>7149</v>
      </c>
      <c r="D2998" s="1" t="s">
        <v>11270</v>
      </c>
      <c r="E2998" s="5" t="s">
        <v>17675</v>
      </c>
      <c r="F2998" s="6">
        <v>9293</v>
      </c>
    </row>
    <row r="2999" spans="1:6" x14ac:dyDescent="0.25">
      <c r="A2999" s="4" t="s">
        <v>133</v>
      </c>
      <c r="B2999" s="1" t="s">
        <v>3163</v>
      </c>
      <c r="C2999" s="5" t="s">
        <v>3548</v>
      </c>
      <c r="D2999" s="1" t="s">
        <v>11304</v>
      </c>
      <c r="E2999" s="5" t="s">
        <v>17722</v>
      </c>
      <c r="F2999" s="6">
        <v>9344</v>
      </c>
    </row>
    <row r="3000" spans="1:6" x14ac:dyDescent="0.25">
      <c r="A3000" s="4" t="s">
        <v>133</v>
      </c>
      <c r="B3000" s="1" t="s">
        <v>3163</v>
      </c>
      <c r="C3000" s="5" t="s">
        <v>3548</v>
      </c>
      <c r="D3000" s="1" t="s">
        <v>8543</v>
      </c>
      <c r="E3000" s="5" t="s">
        <v>17842</v>
      </c>
      <c r="F3000" s="6">
        <v>9469</v>
      </c>
    </row>
    <row r="3001" spans="1:6" x14ac:dyDescent="0.25">
      <c r="A3001" s="4" t="s">
        <v>133</v>
      </c>
      <c r="B3001" s="1" t="s">
        <v>3163</v>
      </c>
      <c r="C3001" s="5" t="s">
        <v>3402</v>
      </c>
      <c r="D3001" s="1" t="s">
        <v>11413</v>
      </c>
      <c r="E3001" s="5" t="s">
        <v>17843</v>
      </c>
      <c r="F3001" s="6">
        <v>9470</v>
      </c>
    </row>
    <row r="3002" spans="1:6" x14ac:dyDescent="0.25">
      <c r="A3002" s="4" t="s">
        <v>133</v>
      </c>
      <c r="B3002" s="1" t="s">
        <v>3163</v>
      </c>
      <c r="C3002" s="5" t="s">
        <v>3548</v>
      </c>
      <c r="D3002" s="1" t="s">
        <v>11473</v>
      </c>
      <c r="E3002" s="5" t="s">
        <v>17915</v>
      </c>
      <c r="F3002" s="6">
        <v>9544</v>
      </c>
    </row>
    <row r="3003" spans="1:6" x14ac:dyDescent="0.25">
      <c r="A3003" s="4" t="s">
        <v>92</v>
      </c>
      <c r="B3003" s="1" t="s">
        <v>3147</v>
      </c>
      <c r="C3003" s="5" t="s">
        <v>3348</v>
      </c>
      <c r="D3003" s="1" t="s">
        <v>7475</v>
      </c>
      <c r="E3003" s="5" t="s">
        <v>11756</v>
      </c>
      <c r="F3003" s="6">
        <v>177</v>
      </c>
    </row>
    <row r="3004" spans="1:6" x14ac:dyDescent="0.25">
      <c r="A3004" s="4" t="s">
        <v>92</v>
      </c>
      <c r="B3004" s="1" t="s">
        <v>3147</v>
      </c>
      <c r="C3004" s="5" t="s">
        <v>3653</v>
      </c>
      <c r="D3004" s="1" t="s">
        <v>7806</v>
      </c>
      <c r="E3004" s="5" t="s">
        <v>12108</v>
      </c>
      <c r="F3004" s="6">
        <v>569</v>
      </c>
    </row>
    <row r="3005" spans="1:6" x14ac:dyDescent="0.25">
      <c r="A3005" s="4" t="s">
        <v>92</v>
      </c>
      <c r="B3005" s="1" t="s">
        <v>3147</v>
      </c>
      <c r="C3005" s="5" t="s">
        <v>3884</v>
      </c>
      <c r="D3005" s="1" t="s">
        <v>8052</v>
      </c>
      <c r="E3005" s="5" t="s">
        <v>12390</v>
      </c>
      <c r="F3005" s="6">
        <v>903</v>
      </c>
    </row>
    <row r="3006" spans="1:6" x14ac:dyDescent="0.25">
      <c r="A3006" s="4" t="s">
        <v>92</v>
      </c>
      <c r="B3006" s="1" t="s">
        <v>3147</v>
      </c>
      <c r="C3006" s="5" t="s">
        <v>4069</v>
      </c>
      <c r="D3006" s="1" t="s">
        <v>8249</v>
      </c>
      <c r="E3006" s="5" t="s">
        <v>12656</v>
      </c>
      <c r="F3006" s="6">
        <v>1251</v>
      </c>
    </row>
    <row r="3007" spans="1:6" x14ac:dyDescent="0.25">
      <c r="A3007" s="4" t="s">
        <v>92</v>
      </c>
      <c r="B3007" s="1" t="s">
        <v>3147</v>
      </c>
      <c r="C3007" s="5" t="s">
        <v>3653</v>
      </c>
      <c r="D3007" s="1" t="s">
        <v>10335</v>
      </c>
      <c r="E3007" s="5" t="s">
        <v>16440</v>
      </c>
      <c r="F3007" s="6">
        <v>5911</v>
      </c>
    </row>
    <row r="3008" spans="1:6" x14ac:dyDescent="0.25">
      <c r="A3008" s="4" t="s">
        <v>92</v>
      </c>
      <c r="B3008" s="1" t="s">
        <v>3147</v>
      </c>
      <c r="C3008" s="5" t="s">
        <v>7224</v>
      </c>
      <c r="D3008" s="1" t="s">
        <v>11430</v>
      </c>
      <c r="E3008" s="5" t="s">
        <v>17863</v>
      </c>
      <c r="F3008" s="6">
        <v>9492</v>
      </c>
    </row>
    <row r="3009" spans="1:6" x14ac:dyDescent="0.25">
      <c r="A3009" s="4" t="s">
        <v>1852</v>
      </c>
      <c r="B3009" s="1" t="s">
        <v>3144</v>
      </c>
      <c r="C3009" s="5" t="s">
        <v>5622</v>
      </c>
      <c r="D3009" s="1" t="s">
        <v>1852</v>
      </c>
      <c r="E3009" s="5" t="s">
        <v>14682</v>
      </c>
      <c r="F3009" s="6">
        <v>3385</v>
      </c>
    </row>
    <row r="3010" spans="1:6" x14ac:dyDescent="0.25">
      <c r="A3010" s="4" t="s">
        <v>44</v>
      </c>
      <c r="B3010" s="1" t="s">
        <v>3159</v>
      </c>
      <c r="C3010" s="5" t="s">
        <v>3272</v>
      </c>
      <c r="D3010" s="1" t="s">
        <v>7399</v>
      </c>
      <c r="E3010" s="5" t="s">
        <v>11674</v>
      </c>
      <c r="F3010" s="6">
        <v>87</v>
      </c>
    </row>
    <row r="3011" spans="1:6" x14ac:dyDescent="0.25">
      <c r="A3011" s="4" t="s">
        <v>44</v>
      </c>
      <c r="B3011" s="1" t="s">
        <v>3159</v>
      </c>
      <c r="C3011" s="5" t="s">
        <v>3743</v>
      </c>
      <c r="D3011" s="1" t="s">
        <v>7920</v>
      </c>
      <c r="E3011" s="5" t="s">
        <v>12230</v>
      </c>
      <c r="F3011" s="6">
        <v>715</v>
      </c>
    </row>
    <row r="3012" spans="1:6" x14ac:dyDescent="0.25">
      <c r="A3012" s="4" t="s">
        <v>44</v>
      </c>
      <c r="B3012" s="1" t="s">
        <v>3159</v>
      </c>
      <c r="C3012" s="5" t="s">
        <v>3272</v>
      </c>
      <c r="D3012" s="1" t="s">
        <v>8145</v>
      </c>
      <c r="E3012" s="5" t="s">
        <v>12541</v>
      </c>
      <c r="F3012" s="6">
        <v>1066</v>
      </c>
    </row>
    <row r="3013" spans="1:6" x14ac:dyDescent="0.25">
      <c r="A3013" s="4" t="s">
        <v>44</v>
      </c>
      <c r="B3013" s="1" t="s">
        <v>3159</v>
      </c>
      <c r="C3013" s="5" t="s">
        <v>4087</v>
      </c>
      <c r="D3013" s="1" t="s">
        <v>8275</v>
      </c>
      <c r="E3013" s="5" t="s">
        <v>12683</v>
      </c>
      <c r="F3013" s="6">
        <v>1279</v>
      </c>
    </row>
    <row r="3014" spans="1:6" x14ac:dyDescent="0.25">
      <c r="A3014" s="4" t="s">
        <v>44</v>
      </c>
      <c r="B3014" s="1" t="s">
        <v>3159</v>
      </c>
      <c r="C3014" s="5" t="s">
        <v>5186</v>
      </c>
      <c r="D3014" s="1" t="s">
        <v>9028</v>
      </c>
      <c r="E3014" s="5" t="s">
        <v>14095</v>
      </c>
      <c r="F3014" s="6">
        <v>2752</v>
      </c>
    </row>
    <row r="3015" spans="1:6" x14ac:dyDescent="0.25">
      <c r="A3015" s="4" t="s">
        <v>44</v>
      </c>
      <c r="B3015" s="1" t="s">
        <v>3159</v>
      </c>
      <c r="C3015" s="5" t="s">
        <v>5194</v>
      </c>
      <c r="D3015" s="1" t="s">
        <v>9044</v>
      </c>
      <c r="E3015" s="5" t="s">
        <v>14119</v>
      </c>
      <c r="F3015" s="6">
        <v>2776</v>
      </c>
    </row>
    <row r="3016" spans="1:6" x14ac:dyDescent="0.25">
      <c r="A3016" s="4" t="s">
        <v>44</v>
      </c>
      <c r="B3016" s="1" t="s">
        <v>3159</v>
      </c>
      <c r="C3016" s="5" t="s">
        <v>6055</v>
      </c>
      <c r="D3016" s="1" t="s">
        <v>2661</v>
      </c>
      <c r="E3016" s="5" t="s">
        <v>15470</v>
      </c>
      <c r="F3016" s="6">
        <v>4208</v>
      </c>
    </row>
    <row r="3017" spans="1:6" x14ac:dyDescent="0.25">
      <c r="A3017" s="4" t="s">
        <v>44</v>
      </c>
      <c r="B3017" s="1" t="s">
        <v>3159</v>
      </c>
      <c r="C3017" s="5" t="s">
        <v>3272</v>
      </c>
      <c r="D3017" s="1" t="s">
        <v>11099</v>
      </c>
      <c r="E3017" s="5" t="s">
        <v>17448</v>
      </c>
      <c r="F3017" s="6">
        <v>9059</v>
      </c>
    </row>
    <row r="3018" spans="1:6" x14ac:dyDescent="0.25">
      <c r="A3018" s="4" t="s">
        <v>44</v>
      </c>
      <c r="B3018" s="1" t="s">
        <v>3159</v>
      </c>
      <c r="C3018" s="5" t="s">
        <v>5148</v>
      </c>
      <c r="D3018" s="1" t="s">
        <v>11116</v>
      </c>
      <c r="E3018" s="5" t="s">
        <v>17470</v>
      </c>
      <c r="F3018" s="6">
        <v>9081</v>
      </c>
    </row>
    <row r="3019" spans="1:6" x14ac:dyDescent="0.25">
      <c r="A3019" s="4" t="s">
        <v>44</v>
      </c>
      <c r="B3019" s="1" t="s">
        <v>3159</v>
      </c>
      <c r="C3019" s="5" t="s">
        <v>7162</v>
      </c>
      <c r="D3019" s="1" t="s">
        <v>10870</v>
      </c>
      <c r="E3019" s="5" t="s">
        <v>17693</v>
      </c>
      <c r="F3019" s="6">
        <v>9311</v>
      </c>
    </row>
    <row r="3020" spans="1:6" x14ac:dyDescent="0.25">
      <c r="A3020" s="4" t="s">
        <v>1454</v>
      </c>
      <c r="B3020" s="1" t="s">
        <v>3152</v>
      </c>
      <c r="C3020" s="5" t="s">
        <v>5268</v>
      </c>
      <c r="D3020" s="1" t="s">
        <v>1454</v>
      </c>
      <c r="E3020" s="5" t="s">
        <v>14224</v>
      </c>
      <c r="F3020" s="6">
        <v>2884</v>
      </c>
    </row>
    <row r="3021" spans="1:6" x14ac:dyDescent="0.25">
      <c r="A3021" s="4" t="s">
        <v>2766</v>
      </c>
      <c r="B3021" s="1" t="s">
        <v>3159</v>
      </c>
      <c r="C3021" s="5" t="s">
        <v>6726</v>
      </c>
      <c r="D3021" s="1" t="s">
        <v>2766</v>
      </c>
      <c r="E3021" s="5" t="s">
        <v>16761</v>
      </c>
      <c r="F3021" s="6">
        <v>6862</v>
      </c>
    </row>
    <row r="3022" spans="1:6" x14ac:dyDescent="0.25">
      <c r="A3022" s="4" t="s">
        <v>1441</v>
      </c>
      <c r="B3022" s="1" t="s">
        <v>812</v>
      </c>
      <c r="C3022" s="5" t="s">
        <v>5255</v>
      </c>
      <c r="D3022" s="1" t="s">
        <v>1441</v>
      </c>
      <c r="E3022" s="5" t="s">
        <v>14207</v>
      </c>
      <c r="F3022" s="6">
        <v>2867</v>
      </c>
    </row>
    <row r="3023" spans="1:6" x14ac:dyDescent="0.25">
      <c r="A3023" s="4" t="s">
        <v>1275</v>
      </c>
      <c r="B3023" s="1" t="s">
        <v>3148</v>
      </c>
      <c r="C3023" s="5" t="s">
        <v>5059</v>
      </c>
      <c r="D3023" s="1" t="s">
        <v>1275</v>
      </c>
      <c r="E3023" s="5" t="s">
        <v>13940</v>
      </c>
      <c r="F3023" s="6">
        <v>2592</v>
      </c>
    </row>
    <row r="3024" spans="1:6" x14ac:dyDescent="0.25">
      <c r="A3024" s="4" t="s">
        <v>980</v>
      </c>
      <c r="B3024" s="1" t="s">
        <v>3152</v>
      </c>
      <c r="C3024" s="5" t="s">
        <v>4726</v>
      </c>
      <c r="D3024" s="1" t="s">
        <v>8798</v>
      </c>
      <c r="E3024" s="5" t="s">
        <v>13547</v>
      </c>
      <c r="F3024" s="6">
        <v>2187</v>
      </c>
    </row>
    <row r="3025" spans="1:6" x14ac:dyDescent="0.25">
      <c r="A3025" s="4" t="s">
        <v>517</v>
      </c>
      <c r="B3025" s="1" t="s">
        <v>3152</v>
      </c>
      <c r="C3025" s="5" t="s">
        <v>4151</v>
      </c>
      <c r="D3025" s="1" t="s">
        <v>517</v>
      </c>
      <c r="E3025" s="5" t="s">
        <v>12812</v>
      </c>
      <c r="F3025" s="6">
        <v>1411</v>
      </c>
    </row>
    <row r="3026" spans="1:6" x14ac:dyDescent="0.25">
      <c r="A3026" s="4" t="s">
        <v>2042</v>
      </c>
      <c r="B3026" s="1" t="s">
        <v>3152</v>
      </c>
      <c r="C3026" s="5" t="s">
        <v>5562</v>
      </c>
      <c r="D3026" s="1" t="s">
        <v>2042</v>
      </c>
      <c r="E3026" s="5" t="s">
        <v>14882</v>
      </c>
      <c r="F3026" s="6">
        <v>3599</v>
      </c>
    </row>
    <row r="3027" spans="1:6" x14ac:dyDescent="0.25">
      <c r="A3027" s="4" t="s">
        <v>1922</v>
      </c>
      <c r="B3027" s="1" t="s">
        <v>3152</v>
      </c>
      <c r="C3027" s="5" t="s">
        <v>3820</v>
      </c>
      <c r="D3027" s="1" t="s">
        <v>1922</v>
      </c>
      <c r="E3027" s="5" t="s">
        <v>14755</v>
      </c>
      <c r="F3027" s="6">
        <v>3466</v>
      </c>
    </row>
    <row r="3028" spans="1:6" x14ac:dyDescent="0.25">
      <c r="A3028" s="4" t="s">
        <v>1535</v>
      </c>
      <c r="B3028" s="1" t="s">
        <v>3152</v>
      </c>
      <c r="C3028" s="5" t="s">
        <v>5355</v>
      </c>
      <c r="D3028" s="1" t="s">
        <v>1535</v>
      </c>
      <c r="E3028" s="5" t="s">
        <v>14316</v>
      </c>
      <c r="F3028" s="6">
        <v>2978</v>
      </c>
    </row>
    <row r="3029" spans="1:6" x14ac:dyDescent="0.25">
      <c r="A3029" s="4" t="s">
        <v>1132</v>
      </c>
      <c r="B3029" s="1" t="s">
        <v>3151</v>
      </c>
      <c r="C3029" s="5" t="s">
        <v>4874</v>
      </c>
      <c r="D3029" s="1" t="s">
        <v>8829</v>
      </c>
      <c r="E3029" s="5" t="s">
        <v>13705</v>
      </c>
      <c r="F3029" s="6">
        <v>2352</v>
      </c>
    </row>
    <row r="3030" spans="1:6" x14ac:dyDescent="0.25">
      <c r="A3030" s="4" t="s">
        <v>1584</v>
      </c>
      <c r="B3030" s="1" t="s">
        <v>3155</v>
      </c>
      <c r="C3030" s="5" t="s">
        <v>5404</v>
      </c>
      <c r="D3030" s="1" t="s">
        <v>9136</v>
      </c>
      <c r="E3030" s="5" t="s">
        <v>14369</v>
      </c>
      <c r="F3030" s="6">
        <v>3034</v>
      </c>
    </row>
    <row r="3031" spans="1:6" x14ac:dyDescent="0.25">
      <c r="A3031" s="4" t="s">
        <v>1175</v>
      </c>
      <c r="B3031" s="1" t="s">
        <v>3148</v>
      </c>
      <c r="C3031" s="5" t="s">
        <v>4926</v>
      </c>
      <c r="D3031" s="1" t="s">
        <v>1175</v>
      </c>
      <c r="E3031" s="5" t="s">
        <v>13771</v>
      </c>
      <c r="F3031" s="6">
        <v>2420</v>
      </c>
    </row>
    <row r="3032" spans="1:6" x14ac:dyDescent="0.25">
      <c r="A3032" s="4" t="s">
        <v>2016</v>
      </c>
      <c r="B3032" s="1" t="s">
        <v>3152</v>
      </c>
      <c r="C3032" s="5" t="s">
        <v>5714</v>
      </c>
      <c r="D3032" s="1" t="s">
        <v>2016</v>
      </c>
      <c r="E3032" s="5" t="s">
        <v>14855</v>
      </c>
      <c r="F3032" s="6">
        <v>3569</v>
      </c>
    </row>
    <row r="3033" spans="1:6" x14ac:dyDescent="0.25">
      <c r="A3033" s="4" t="s">
        <v>1602</v>
      </c>
      <c r="B3033" s="1" t="s">
        <v>3151</v>
      </c>
      <c r="C3033" s="5" t="s">
        <v>5421</v>
      </c>
      <c r="D3033" s="1" t="s">
        <v>1602</v>
      </c>
      <c r="E3033" s="5" t="s">
        <v>14388</v>
      </c>
      <c r="F3033" s="6">
        <v>3054</v>
      </c>
    </row>
    <row r="3034" spans="1:6" x14ac:dyDescent="0.25">
      <c r="A3034" s="4" t="s">
        <v>1890</v>
      </c>
      <c r="B3034" s="1" t="s">
        <v>3154</v>
      </c>
      <c r="C3034" s="5" t="s">
        <v>3306</v>
      </c>
      <c r="D3034" s="1" t="s">
        <v>1890</v>
      </c>
      <c r="E3034" s="5" t="s">
        <v>14723</v>
      </c>
      <c r="F3034" s="6">
        <v>3430</v>
      </c>
    </row>
    <row r="3035" spans="1:6" x14ac:dyDescent="0.25">
      <c r="A3035" s="4" t="s">
        <v>688</v>
      </c>
      <c r="B3035" s="1" t="s">
        <v>3153</v>
      </c>
      <c r="C3035" s="5" t="s">
        <v>4391</v>
      </c>
      <c r="D3035" s="1" t="s">
        <v>688</v>
      </c>
      <c r="E3035" s="5" t="s">
        <v>13142</v>
      </c>
      <c r="F3035" s="6">
        <v>1775</v>
      </c>
    </row>
    <row r="3036" spans="1:6" x14ac:dyDescent="0.25">
      <c r="A3036" s="4" t="s">
        <v>3001</v>
      </c>
      <c r="B3036" s="1" t="s">
        <v>3160</v>
      </c>
      <c r="C3036" s="5" t="s">
        <v>7063</v>
      </c>
      <c r="D3036" s="1" t="s">
        <v>3001</v>
      </c>
      <c r="E3036" s="5" t="s">
        <v>17530</v>
      </c>
      <c r="F3036" s="6">
        <v>9144</v>
      </c>
    </row>
    <row r="3037" spans="1:6" x14ac:dyDescent="0.25">
      <c r="A3037" s="4" t="s">
        <v>1791</v>
      </c>
      <c r="B3037" s="1" t="s">
        <v>3152</v>
      </c>
      <c r="C3037" s="5" t="s">
        <v>5570</v>
      </c>
      <c r="D3037" s="1" t="s">
        <v>1791</v>
      </c>
      <c r="E3037" s="5" t="s">
        <v>14612</v>
      </c>
      <c r="F3037" s="6">
        <v>3307</v>
      </c>
    </row>
    <row r="3038" spans="1:6" x14ac:dyDescent="0.25">
      <c r="A3038" s="4" t="s">
        <v>841</v>
      </c>
      <c r="B3038" s="1" t="s">
        <v>3147</v>
      </c>
      <c r="C3038" s="5" t="s">
        <v>4576</v>
      </c>
      <c r="D3038" s="1" t="s">
        <v>8731</v>
      </c>
      <c r="E3038" s="5" t="s">
        <v>13369</v>
      </c>
      <c r="F3038" s="6">
        <v>2002</v>
      </c>
    </row>
    <row r="3039" spans="1:6" x14ac:dyDescent="0.25">
      <c r="A3039" s="4" t="s">
        <v>2697</v>
      </c>
      <c r="B3039" s="1" t="s">
        <v>3161</v>
      </c>
      <c r="C3039" s="5" t="s">
        <v>6622</v>
      </c>
      <c r="D3039" s="1" t="s">
        <v>2697</v>
      </c>
      <c r="E3039" s="5" t="s">
        <v>16558</v>
      </c>
      <c r="F3039" s="6">
        <v>6224</v>
      </c>
    </row>
    <row r="3040" spans="1:6" x14ac:dyDescent="0.25">
      <c r="A3040" s="4" t="s">
        <v>2238</v>
      </c>
      <c r="B3040" s="1" t="s">
        <v>3158</v>
      </c>
      <c r="C3040" s="5" t="s">
        <v>5962</v>
      </c>
      <c r="D3040" s="1" t="s">
        <v>2238</v>
      </c>
      <c r="E3040" s="5" t="s">
        <v>15333</v>
      </c>
      <c r="F3040" s="6">
        <v>4070</v>
      </c>
    </row>
    <row r="3041" spans="1:6" x14ac:dyDescent="0.25">
      <c r="A3041" s="4" t="s">
        <v>1447</v>
      </c>
      <c r="B3041" s="1" t="s">
        <v>3165</v>
      </c>
      <c r="C3041" s="5" t="s">
        <v>5262</v>
      </c>
      <c r="D3041" s="1" t="s">
        <v>1447</v>
      </c>
      <c r="E3041" s="5" t="s">
        <v>14217</v>
      </c>
      <c r="F3041" s="6">
        <v>2877</v>
      </c>
    </row>
    <row r="3042" spans="1:6" x14ac:dyDescent="0.25">
      <c r="A3042" s="4" t="s">
        <v>2277</v>
      </c>
      <c r="B3042" s="1" t="s">
        <v>3158</v>
      </c>
      <c r="C3042" s="5" t="s">
        <v>6020</v>
      </c>
      <c r="D3042" s="1" t="s">
        <v>2277</v>
      </c>
      <c r="E3042" s="5" t="s">
        <v>15420</v>
      </c>
      <c r="F3042" s="6">
        <v>4158</v>
      </c>
    </row>
    <row r="3043" spans="1:6" x14ac:dyDescent="0.25">
      <c r="A3043" s="4" t="s">
        <v>1201</v>
      </c>
      <c r="B3043" s="1" t="s">
        <v>3160</v>
      </c>
      <c r="C3043" s="5" t="s">
        <v>4958</v>
      </c>
      <c r="D3043" s="1" t="s">
        <v>1201</v>
      </c>
      <c r="E3043" s="5" t="s">
        <v>13808</v>
      </c>
      <c r="F3043" s="6">
        <v>2458</v>
      </c>
    </row>
    <row r="3044" spans="1:6" x14ac:dyDescent="0.25">
      <c r="A3044" s="4" t="s">
        <v>1266</v>
      </c>
      <c r="B3044" s="1" t="s">
        <v>3144</v>
      </c>
      <c r="C3044" s="5" t="s">
        <v>5045</v>
      </c>
      <c r="D3044" s="1" t="s">
        <v>1266</v>
      </c>
      <c r="E3044" s="5" t="s">
        <v>13921</v>
      </c>
      <c r="F3044" s="6">
        <v>2573</v>
      </c>
    </row>
    <row r="3045" spans="1:6" x14ac:dyDescent="0.25">
      <c r="A3045" s="4" t="s">
        <v>2094</v>
      </c>
      <c r="B3045" s="1" t="s">
        <v>3154</v>
      </c>
      <c r="C3045" s="5" t="s">
        <v>5793</v>
      </c>
      <c r="D3045" s="1" t="s">
        <v>2094</v>
      </c>
      <c r="E3045" s="5" t="s">
        <v>15009</v>
      </c>
      <c r="F3045" s="6">
        <v>3736</v>
      </c>
    </row>
    <row r="3046" spans="1:6" x14ac:dyDescent="0.25">
      <c r="A3046" s="4" t="s">
        <v>2139</v>
      </c>
      <c r="B3046" s="1" t="s">
        <v>3147</v>
      </c>
      <c r="C3046" s="5" t="s">
        <v>4993</v>
      </c>
      <c r="D3046" s="1" t="s">
        <v>9377</v>
      </c>
      <c r="E3046" s="5" t="s">
        <v>15106</v>
      </c>
      <c r="F3046" s="6">
        <v>3835</v>
      </c>
    </row>
    <row r="3047" spans="1:6" x14ac:dyDescent="0.25">
      <c r="A3047" s="4" t="s">
        <v>360</v>
      </c>
      <c r="B3047" s="1" t="s">
        <v>3158</v>
      </c>
      <c r="C3047" s="5" t="s">
        <v>3860</v>
      </c>
      <c r="D3047" s="1" t="s">
        <v>360</v>
      </c>
      <c r="E3047" s="5" t="s">
        <v>12361</v>
      </c>
      <c r="F3047" s="6">
        <v>867</v>
      </c>
    </row>
    <row r="3048" spans="1:6" x14ac:dyDescent="0.25">
      <c r="A3048" s="4" t="s">
        <v>360</v>
      </c>
      <c r="B3048" s="1" t="s">
        <v>3158</v>
      </c>
      <c r="C3048" s="5">
        <v>222001</v>
      </c>
      <c r="D3048" s="1" t="s">
        <v>10807</v>
      </c>
      <c r="E3048" s="5" t="s">
        <v>17074</v>
      </c>
      <c r="F3048" s="6">
        <v>7785</v>
      </c>
    </row>
    <row r="3049" spans="1:6" x14ac:dyDescent="0.25">
      <c r="A3049" s="4" t="s">
        <v>1951</v>
      </c>
      <c r="B3049" s="1" t="s">
        <v>3152</v>
      </c>
      <c r="C3049" s="5" t="s">
        <v>3421</v>
      </c>
      <c r="D3049" s="1" t="s">
        <v>9222</v>
      </c>
      <c r="E3049" s="5" t="s">
        <v>14785</v>
      </c>
      <c r="F3049" s="6">
        <v>3496</v>
      </c>
    </row>
    <row r="3050" spans="1:6" x14ac:dyDescent="0.25">
      <c r="A3050" s="4" t="s">
        <v>1439</v>
      </c>
      <c r="B3050" s="1" t="s">
        <v>3144</v>
      </c>
      <c r="C3050" s="5" t="s">
        <v>5253</v>
      </c>
      <c r="D3050" s="1" t="s">
        <v>9095</v>
      </c>
      <c r="E3050" s="5" t="s">
        <v>14205</v>
      </c>
      <c r="F3050" s="6">
        <v>2865</v>
      </c>
    </row>
    <row r="3051" spans="1:6" x14ac:dyDescent="0.25">
      <c r="A3051" s="4" t="s">
        <v>2659</v>
      </c>
      <c r="B3051" s="1" t="s">
        <v>3146</v>
      </c>
      <c r="C3051" s="5" t="s">
        <v>6574</v>
      </c>
      <c r="D3051" s="1" t="s">
        <v>2659</v>
      </c>
      <c r="E3051" s="5" t="s">
        <v>16459</v>
      </c>
      <c r="F3051" s="6">
        <v>5967</v>
      </c>
    </row>
    <row r="3052" spans="1:6" x14ac:dyDescent="0.25">
      <c r="A3052" s="4" t="s">
        <v>878</v>
      </c>
      <c r="B3052" s="1" t="s">
        <v>3148</v>
      </c>
      <c r="C3052" s="5" t="s">
        <v>4622</v>
      </c>
      <c r="D3052" s="1" t="s">
        <v>878</v>
      </c>
      <c r="E3052" s="5" t="s">
        <v>13428</v>
      </c>
      <c r="F3052" s="6">
        <v>2062</v>
      </c>
    </row>
    <row r="3053" spans="1:6" x14ac:dyDescent="0.25">
      <c r="A3053" s="4" t="s">
        <v>920</v>
      </c>
      <c r="B3053" s="1" t="s">
        <v>3144</v>
      </c>
      <c r="C3053" s="5" t="s">
        <v>4668</v>
      </c>
      <c r="D3053" s="1" t="s">
        <v>8782</v>
      </c>
      <c r="E3053" s="5" t="s">
        <v>13486</v>
      </c>
      <c r="F3053" s="6">
        <v>2124</v>
      </c>
    </row>
    <row r="3054" spans="1:6" x14ac:dyDescent="0.25">
      <c r="A3054" s="4" t="s">
        <v>1903</v>
      </c>
      <c r="B3054" s="1" t="s">
        <v>3151</v>
      </c>
      <c r="C3054" s="5" t="s">
        <v>5653</v>
      </c>
      <c r="D3054" s="1" t="s">
        <v>1903</v>
      </c>
      <c r="E3054" s="5" t="s">
        <v>14736</v>
      </c>
      <c r="F3054" s="6">
        <v>3446</v>
      </c>
    </row>
    <row r="3055" spans="1:6" x14ac:dyDescent="0.25">
      <c r="A3055" s="4" t="s">
        <v>1292</v>
      </c>
      <c r="B3055" s="1" t="s">
        <v>812</v>
      </c>
      <c r="C3055" s="5" t="s">
        <v>5077</v>
      </c>
      <c r="D3055" s="1" t="s">
        <v>1292</v>
      </c>
      <c r="E3055" s="5" t="s">
        <v>13958</v>
      </c>
      <c r="F3055" s="6">
        <v>2610</v>
      </c>
    </row>
    <row r="3056" spans="1:6" x14ac:dyDescent="0.25">
      <c r="A3056" s="4" t="s">
        <v>2194</v>
      </c>
      <c r="B3056" s="1" t="s">
        <v>3152</v>
      </c>
      <c r="C3056" s="5" t="s">
        <v>4143</v>
      </c>
      <c r="D3056" s="1" t="s">
        <v>2194</v>
      </c>
      <c r="E3056" s="5" t="s">
        <v>15237</v>
      </c>
      <c r="F3056" s="6">
        <v>3972</v>
      </c>
    </row>
    <row r="3057" spans="1:6" x14ac:dyDescent="0.25">
      <c r="A3057" s="4" t="s">
        <v>236</v>
      </c>
      <c r="B3057" s="1" t="s">
        <v>3147</v>
      </c>
      <c r="C3057" s="5" t="s">
        <v>3650</v>
      </c>
      <c r="D3057" s="1" t="s">
        <v>7803</v>
      </c>
      <c r="E3057" s="5" t="s">
        <v>12104</v>
      </c>
      <c r="F3057" s="6">
        <v>565</v>
      </c>
    </row>
    <row r="3058" spans="1:6" x14ac:dyDescent="0.25">
      <c r="A3058" s="4" t="s">
        <v>236</v>
      </c>
      <c r="B3058" s="1" t="s">
        <v>3147</v>
      </c>
      <c r="C3058" s="5" t="s">
        <v>3650</v>
      </c>
      <c r="D3058" s="1" t="s">
        <v>11300</v>
      </c>
      <c r="E3058" s="5" t="s">
        <v>17713</v>
      </c>
      <c r="F3058" s="6">
        <v>9334</v>
      </c>
    </row>
    <row r="3059" spans="1:6" x14ac:dyDescent="0.25">
      <c r="A3059" s="4" t="s">
        <v>2617</v>
      </c>
      <c r="B3059" s="1" t="s">
        <v>3149</v>
      </c>
      <c r="C3059" s="5" t="s">
        <v>6524</v>
      </c>
      <c r="D3059" s="1" t="s">
        <v>2617</v>
      </c>
      <c r="E3059" s="5" t="s">
        <v>16363</v>
      </c>
      <c r="F3059" s="6">
        <v>5754</v>
      </c>
    </row>
    <row r="3060" spans="1:6" x14ac:dyDescent="0.25">
      <c r="A3060" s="4" t="s">
        <v>1324</v>
      </c>
      <c r="B3060" s="1" t="s">
        <v>3158</v>
      </c>
      <c r="C3060" s="5" t="s">
        <v>5109</v>
      </c>
      <c r="D3060" s="1" t="s">
        <v>1324</v>
      </c>
      <c r="E3060" s="5" t="s">
        <v>13998</v>
      </c>
      <c r="F3060" s="6">
        <v>2652</v>
      </c>
    </row>
    <row r="3061" spans="1:6" x14ac:dyDescent="0.25">
      <c r="A3061" s="4" t="s">
        <v>399</v>
      </c>
      <c r="B3061" s="1" t="s">
        <v>3160</v>
      </c>
      <c r="C3061" s="5" t="s">
        <v>3916</v>
      </c>
      <c r="D3061" s="1" t="s">
        <v>8074</v>
      </c>
      <c r="E3061" s="5" t="s">
        <v>12435</v>
      </c>
      <c r="F3061" s="6">
        <v>951</v>
      </c>
    </row>
    <row r="3062" spans="1:6" x14ac:dyDescent="0.25">
      <c r="A3062" s="4" t="s">
        <v>2974</v>
      </c>
      <c r="B3062" s="1" t="s">
        <v>3153</v>
      </c>
      <c r="C3062" s="5" t="s">
        <v>7010</v>
      </c>
      <c r="D3062" s="1" t="s">
        <v>2974</v>
      </c>
      <c r="E3062" s="5" t="s">
        <v>17434</v>
      </c>
      <c r="F3062" s="6">
        <v>9044</v>
      </c>
    </row>
    <row r="3063" spans="1:6" x14ac:dyDescent="0.25">
      <c r="A3063" s="4" t="s">
        <v>2609</v>
      </c>
      <c r="B3063" s="1" t="s">
        <v>3156</v>
      </c>
      <c r="C3063" s="5">
        <v>313702</v>
      </c>
      <c r="D3063" s="1" t="s">
        <v>2609</v>
      </c>
      <c r="E3063" s="5" t="s">
        <v>16348</v>
      </c>
      <c r="F3063" s="6">
        <v>5706</v>
      </c>
    </row>
    <row r="3064" spans="1:6" x14ac:dyDescent="0.25">
      <c r="A3064" s="4" t="s">
        <v>964</v>
      </c>
      <c r="B3064" s="1" t="s">
        <v>812</v>
      </c>
      <c r="C3064" s="5" t="s">
        <v>4711</v>
      </c>
      <c r="D3064" s="1" t="s">
        <v>964</v>
      </c>
      <c r="E3064" s="5" t="s">
        <v>13531</v>
      </c>
      <c r="F3064" s="6">
        <v>2170</v>
      </c>
    </row>
    <row r="3065" spans="1:6" x14ac:dyDescent="0.25">
      <c r="A3065" s="4" t="s">
        <v>388</v>
      </c>
      <c r="B3065" s="1" t="s">
        <v>3154</v>
      </c>
      <c r="C3065" s="5" t="s">
        <v>3904</v>
      </c>
      <c r="D3065" s="1" t="s">
        <v>388</v>
      </c>
      <c r="E3065" s="5" t="s">
        <v>12423</v>
      </c>
      <c r="F3065" s="6">
        <v>936</v>
      </c>
    </row>
    <row r="3066" spans="1:6" x14ac:dyDescent="0.25">
      <c r="A3066" s="4" t="s">
        <v>388</v>
      </c>
      <c r="B3066" s="1" t="s">
        <v>3154</v>
      </c>
      <c r="C3066" s="5" t="s">
        <v>5532</v>
      </c>
      <c r="D3066" s="1" t="s">
        <v>9183</v>
      </c>
      <c r="E3066" s="5" t="s">
        <v>14555</v>
      </c>
      <c r="F3066" s="6">
        <v>3246</v>
      </c>
    </row>
    <row r="3067" spans="1:6" x14ac:dyDescent="0.25">
      <c r="A3067" s="4" t="s">
        <v>388</v>
      </c>
      <c r="B3067" s="1" t="s">
        <v>3154</v>
      </c>
      <c r="C3067" s="5" t="s">
        <v>5864</v>
      </c>
      <c r="D3067" s="1" t="s">
        <v>9403</v>
      </c>
      <c r="E3067" s="5" t="s">
        <v>15148</v>
      </c>
      <c r="F3067" s="6">
        <v>3879</v>
      </c>
    </row>
    <row r="3068" spans="1:6" x14ac:dyDescent="0.25">
      <c r="A3068" s="4" t="s">
        <v>388</v>
      </c>
      <c r="B3068" s="1" t="s">
        <v>3154</v>
      </c>
      <c r="C3068" s="5" t="s">
        <v>3904</v>
      </c>
      <c r="D3068" s="1" t="s">
        <v>9769</v>
      </c>
      <c r="E3068" s="5" t="s">
        <v>15676</v>
      </c>
      <c r="F3068" s="6">
        <v>4423</v>
      </c>
    </row>
    <row r="3069" spans="1:6" x14ac:dyDescent="0.25">
      <c r="A3069" s="4" t="s">
        <v>840</v>
      </c>
      <c r="B3069" s="1" t="s">
        <v>3156</v>
      </c>
      <c r="C3069" s="5" t="s">
        <v>4575</v>
      </c>
      <c r="D3069" s="1" t="s">
        <v>840</v>
      </c>
      <c r="E3069" s="5" t="s">
        <v>13368</v>
      </c>
      <c r="F3069" s="6">
        <v>2001</v>
      </c>
    </row>
    <row r="3070" spans="1:6" x14ac:dyDescent="0.25">
      <c r="A3070" s="4" t="s">
        <v>2592</v>
      </c>
      <c r="B3070" s="1" t="s">
        <v>3147</v>
      </c>
      <c r="C3070" s="5" t="s">
        <v>6504</v>
      </c>
      <c r="D3070" s="1" t="s">
        <v>2592</v>
      </c>
      <c r="E3070" s="5" t="s">
        <v>16323</v>
      </c>
      <c r="F3070" s="6">
        <v>5644</v>
      </c>
    </row>
    <row r="3071" spans="1:6" x14ac:dyDescent="0.25">
      <c r="A3071" s="4" t="s">
        <v>1094</v>
      </c>
      <c r="B3071" s="1" t="s">
        <v>812</v>
      </c>
      <c r="C3071" s="5" t="s">
        <v>4837</v>
      </c>
      <c r="D3071" s="1" t="s">
        <v>1094</v>
      </c>
      <c r="E3071" s="5" t="s">
        <v>13665</v>
      </c>
      <c r="F3071" s="6">
        <v>2311</v>
      </c>
    </row>
    <row r="3072" spans="1:6" x14ac:dyDescent="0.25">
      <c r="A3072" s="4" t="s">
        <v>2023</v>
      </c>
      <c r="B3072" s="1" t="s">
        <v>3152</v>
      </c>
      <c r="C3072" s="5" t="s">
        <v>5400</v>
      </c>
      <c r="D3072" s="1" t="s">
        <v>2023</v>
      </c>
      <c r="E3072" s="5" t="s">
        <v>14862</v>
      </c>
      <c r="F3072" s="6">
        <v>3578</v>
      </c>
    </row>
    <row r="3073" spans="1:6" x14ac:dyDescent="0.25">
      <c r="A3073" s="4" t="s">
        <v>214</v>
      </c>
      <c r="B3073" s="1" t="s">
        <v>3158</v>
      </c>
      <c r="C3073" s="5" t="s">
        <v>3585</v>
      </c>
      <c r="D3073" s="1" t="s">
        <v>7724</v>
      </c>
      <c r="E3073" s="5" t="s">
        <v>12020</v>
      </c>
      <c r="F3073" s="6">
        <v>453</v>
      </c>
    </row>
    <row r="3074" spans="1:6" x14ac:dyDescent="0.25">
      <c r="A3074" s="4" t="s">
        <v>214</v>
      </c>
      <c r="B3074" s="1" t="s">
        <v>3158</v>
      </c>
      <c r="C3074" s="5" t="s">
        <v>3585</v>
      </c>
      <c r="D3074" s="1" t="s">
        <v>8732</v>
      </c>
      <c r="E3074" s="5" t="s">
        <v>13371</v>
      </c>
      <c r="F3074" s="6">
        <v>2004</v>
      </c>
    </row>
    <row r="3075" spans="1:6" x14ac:dyDescent="0.25">
      <c r="A3075" s="4" t="s">
        <v>214</v>
      </c>
      <c r="B3075" s="1" t="s">
        <v>3158</v>
      </c>
      <c r="C3075" s="5" t="s">
        <v>5765</v>
      </c>
      <c r="D3075" s="1" t="s">
        <v>9281</v>
      </c>
      <c r="E3075" s="5" t="s">
        <v>14957</v>
      </c>
      <c r="F3075" s="6">
        <v>3680</v>
      </c>
    </row>
    <row r="3076" spans="1:6" x14ac:dyDescent="0.25">
      <c r="A3076" s="4" t="s">
        <v>214</v>
      </c>
      <c r="B3076" s="1" t="s">
        <v>3158</v>
      </c>
      <c r="C3076" s="5" t="s">
        <v>5854</v>
      </c>
      <c r="D3076" s="1" t="s">
        <v>9389</v>
      </c>
      <c r="E3076" s="5" t="s">
        <v>15127</v>
      </c>
      <c r="F3076" s="6">
        <v>3858</v>
      </c>
    </row>
    <row r="3077" spans="1:6" x14ac:dyDescent="0.25">
      <c r="A3077" s="4" t="s">
        <v>3083</v>
      </c>
      <c r="B3077" s="1" t="s">
        <v>3148</v>
      </c>
      <c r="C3077" s="5" t="s">
        <v>7237</v>
      </c>
      <c r="D3077" s="1" t="s">
        <v>3083</v>
      </c>
      <c r="E3077" s="5" t="s">
        <v>17908</v>
      </c>
      <c r="F3077" s="6">
        <v>9537</v>
      </c>
    </row>
    <row r="3078" spans="1:6" x14ac:dyDescent="0.25">
      <c r="A3078" s="4" t="s">
        <v>1319</v>
      </c>
      <c r="B3078" s="1" t="s">
        <v>3159</v>
      </c>
      <c r="C3078" s="5" t="s">
        <v>5104</v>
      </c>
      <c r="D3078" s="1" t="s">
        <v>1319</v>
      </c>
      <c r="E3078" s="5" t="s">
        <v>13992</v>
      </c>
      <c r="F3078" s="6">
        <v>2646</v>
      </c>
    </row>
    <row r="3079" spans="1:6" x14ac:dyDescent="0.25">
      <c r="A3079" s="4" t="s">
        <v>302</v>
      </c>
      <c r="B3079" s="1" t="s">
        <v>3160</v>
      </c>
      <c r="C3079" s="5" t="s">
        <v>3777</v>
      </c>
      <c r="D3079" s="1" t="s">
        <v>7956</v>
      </c>
      <c r="E3079" s="5" t="s">
        <v>12271</v>
      </c>
      <c r="F3079" s="6">
        <v>763</v>
      </c>
    </row>
    <row r="3080" spans="1:6" x14ac:dyDescent="0.25">
      <c r="A3080" s="4" t="s">
        <v>302</v>
      </c>
      <c r="B3080" s="1" t="s">
        <v>3160</v>
      </c>
      <c r="C3080" s="5" t="s">
        <v>6844</v>
      </c>
      <c r="D3080" s="1" t="s">
        <v>10753</v>
      </c>
      <c r="E3080" s="5" t="s">
        <v>17001</v>
      </c>
      <c r="F3080" s="6">
        <v>7550</v>
      </c>
    </row>
    <row r="3081" spans="1:6" x14ac:dyDescent="0.25">
      <c r="A3081" s="4" t="s">
        <v>2008</v>
      </c>
      <c r="B3081" s="1" t="s">
        <v>3158</v>
      </c>
      <c r="C3081" s="5" t="s">
        <v>4698</v>
      </c>
      <c r="D3081" s="1" t="s">
        <v>9231</v>
      </c>
      <c r="E3081" s="5" t="s">
        <v>14846</v>
      </c>
      <c r="F3081" s="6">
        <v>3559</v>
      </c>
    </row>
    <row r="3082" spans="1:6" x14ac:dyDescent="0.25">
      <c r="A3082" s="4" t="s">
        <v>671</v>
      </c>
      <c r="B3082" s="1" t="s">
        <v>3159</v>
      </c>
      <c r="C3082" s="5" t="s">
        <v>4369</v>
      </c>
      <c r="D3082" s="1" t="s">
        <v>671</v>
      </c>
      <c r="E3082" s="5" t="s">
        <v>13109</v>
      </c>
      <c r="F3082" s="6">
        <v>1742</v>
      </c>
    </row>
    <row r="3083" spans="1:6" x14ac:dyDescent="0.25">
      <c r="A3083" s="4" t="s">
        <v>2950</v>
      </c>
      <c r="B3083" s="1" t="s">
        <v>3152</v>
      </c>
      <c r="C3083" s="5" t="s">
        <v>6969</v>
      </c>
      <c r="D3083" s="1" t="s">
        <v>2950</v>
      </c>
      <c r="E3083" s="5" t="s">
        <v>17347</v>
      </c>
      <c r="F3083" s="6">
        <v>8846</v>
      </c>
    </row>
    <row r="3084" spans="1:6" x14ac:dyDescent="0.25">
      <c r="A3084" s="4" t="s">
        <v>489</v>
      </c>
      <c r="B3084" s="1" t="s">
        <v>3156</v>
      </c>
      <c r="C3084" s="5" t="s">
        <v>4112</v>
      </c>
      <c r="D3084" s="1" t="s">
        <v>489</v>
      </c>
      <c r="E3084" s="5" t="s">
        <v>12715</v>
      </c>
      <c r="F3084" s="6">
        <v>1312</v>
      </c>
    </row>
    <row r="3085" spans="1:6" x14ac:dyDescent="0.25">
      <c r="A3085" s="4" t="s">
        <v>489</v>
      </c>
      <c r="B3085" s="1" t="s">
        <v>3156</v>
      </c>
      <c r="C3085" s="5" t="s">
        <v>4112</v>
      </c>
      <c r="D3085" s="1" t="s">
        <v>11019</v>
      </c>
      <c r="E3085" s="5" t="s">
        <v>17339</v>
      </c>
      <c r="F3085" s="6">
        <v>8813</v>
      </c>
    </row>
    <row r="3086" spans="1:6" x14ac:dyDescent="0.25">
      <c r="A3086" s="4" t="s">
        <v>2290</v>
      </c>
      <c r="B3086" s="1" t="s">
        <v>3149</v>
      </c>
      <c r="C3086" s="5" t="s">
        <v>6047</v>
      </c>
      <c r="D3086" s="1" t="s">
        <v>9611</v>
      </c>
      <c r="E3086" s="5" t="s">
        <v>15460</v>
      </c>
      <c r="F3086" s="6">
        <v>4198</v>
      </c>
    </row>
    <row r="3087" spans="1:6" x14ac:dyDescent="0.25">
      <c r="A3087" s="4" t="s">
        <v>268</v>
      </c>
      <c r="B3087" s="1" t="s">
        <v>3154</v>
      </c>
      <c r="C3087" s="5" t="s">
        <v>3721</v>
      </c>
      <c r="D3087" s="1" t="s">
        <v>268</v>
      </c>
      <c r="E3087" s="5" t="s">
        <v>12205</v>
      </c>
      <c r="F3087" s="6">
        <v>680</v>
      </c>
    </row>
    <row r="3088" spans="1:6" x14ac:dyDescent="0.25">
      <c r="A3088" s="4" t="s">
        <v>268</v>
      </c>
      <c r="B3088" s="1" t="s">
        <v>3154</v>
      </c>
      <c r="C3088" s="5" t="s">
        <v>5524</v>
      </c>
      <c r="D3088" s="1" t="s">
        <v>9180</v>
      </c>
      <c r="E3088" s="5" t="s">
        <v>14546</v>
      </c>
      <c r="F3088" s="6">
        <v>3236</v>
      </c>
    </row>
    <row r="3089" spans="1:6" x14ac:dyDescent="0.25">
      <c r="A3089" s="4" t="s">
        <v>268</v>
      </c>
      <c r="B3089" s="1" t="s">
        <v>3154</v>
      </c>
      <c r="C3089" s="5" t="s">
        <v>3721</v>
      </c>
      <c r="D3089" s="1" t="s">
        <v>9417</v>
      </c>
      <c r="E3089" s="5" t="s">
        <v>15167</v>
      </c>
      <c r="F3089" s="6">
        <v>3899</v>
      </c>
    </row>
    <row r="3090" spans="1:6" x14ac:dyDescent="0.25">
      <c r="A3090" s="4" t="s">
        <v>268</v>
      </c>
      <c r="B3090" s="1" t="s">
        <v>3154</v>
      </c>
      <c r="C3090" s="5" t="s">
        <v>3721</v>
      </c>
      <c r="D3090" s="1" t="s">
        <v>10426</v>
      </c>
      <c r="E3090" s="5" t="s">
        <v>16571</v>
      </c>
      <c r="F3090" s="6">
        <v>6264</v>
      </c>
    </row>
    <row r="3091" spans="1:6" x14ac:dyDescent="0.25">
      <c r="A3091" s="4" t="s">
        <v>2569</v>
      </c>
      <c r="B3091" s="1" t="s">
        <v>3153</v>
      </c>
      <c r="C3091" s="5" t="s">
        <v>6477</v>
      </c>
      <c r="D3091" s="1" t="s">
        <v>10238</v>
      </c>
      <c r="E3091" s="5" t="s">
        <v>16286</v>
      </c>
      <c r="F3091" s="6">
        <v>5570</v>
      </c>
    </row>
    <row r="3092" spans="1:6" x14ac:dyDescent="0.25">
      <c r="A3092" s="4" t="s">
        <v>1931</v>
      </c>
      <c r="B3092" s="1" t="s">
        <v>812</v>
      </c>
      <c r="C3092" s="5" t="s">
        <v>5667</v>
      </c>
      <c r="D3092" s="1" t="s">
        <v>1931</v>
      </c>
      <c r="E3092" s="5" t="s">
        <v>14765</v>
      </c>
      <c r="F3092" s="6">
        <v>3476</v>
      </c>
    </row>
    <row r="3093" spans="1:6" x14ac:dyDescent="0.25">
      <c r="A3093" s="4" t="s">
        <v>718</v>
      </c>
      <c r="B3093" s="1" t="s">
        <v>3160</v>
      </c>
      <c r="C3093" s="5" t="s">
        <v>4428</v>
      </c>
      <c r="D3093" s="1" t="s">
        <v>718</v>
      </c>
      <c r="E3093" s="5" t="s">
        <v>13187</v>
      </c>
      <c r="F3093" s="6">
        <v>1820</v>
      </c>
    </row>
    <row r="3094" spans="1:6" x14ac:dyDescent="0.25">
      <c r="A3094" s="4" t="s">
        <v>981</v>
      </c>
      <c r="B3094" s="1" t="s">
        <v>3152</v>
      </c>
      <c r="C3094" s="5" t="s">
        <v>4727</v>
      </c>
      <c r="D3094" s="1" t="s">
        <v>981</v>
      </c>
      <c r="E3094" s="5" t="s">
        <v>13548</v>
      </c>
      <c r="F3094" s="6">
        <v>2188</v>
      </c>
    </row>
    <row r="3095" spans="1:6" x14ac:dyDescent="0.25">
      <c r="A3095" s="4" t="s">
        <v>69</v>
      </c>
      <c r="B3095" s="1" t="s">
        <v>3156</v>
      </c>
      <c r="C3095" s="5" t="s">
        <v>3317</v>
      </c>
      <c r="D3095" s="1" t="s">
        <v>7442</v>
      </c>
      <c r="E3095" s="5" t="s">
        <v>11721</v>
      </c>
      <c r="F3095" s="6">
        <v>142</v>
      </c>
    </row>
    <row r="3096" spans="1:6" x14ac:dyDescent="0.25">
      <c r="A3096" s="4" t="s">
        <v>69</v>
      </c>
      <c r="B3096" s="1" t="s">
        <v>3156</v>
      </c>
      <c r="C3096" s="5" t="s">
        <v>3943</v>
      </c>
      <c r="D3096" s="1" t="s">
        <v>8094</v>
      </c>
      <c r="E3096" s="5" t="s">
        <v>12468</v>
      </c>
      <c r="F3096" s="6">
        <v>986</v>
      </c>
    </row>
    <row r="3097" spans="1:6" x14ac:dyDescent="0.25">
      <c r="A3097" s="4" t="s">
        <v>69</v>
      </c>
      <c r="B3097" s="1" t="s">
        <v>3156</v>
      </c>
      <c r="C3097" s="5" t="s">
        <v>4155</v>
      </c>
      <c r="D3097" s="1" t="s">
        <v>8389</v>
      </c>
      <c r="E3097" s="5" t="s">
        <v>12821</v>
      </c>
      <c r="F3097" s="6">
        <v>1420</v>
      </c>
    </row>
    <row r="3098" spans="1:6" x14ac:dyDescent="0.25">
      <c r="A3098" s="4" t="s">
        <v>69</v>
      </c>
      <c r="B3098" s="1" t="s">
        <v>3156</v>
      </c>
      <c r="C3098" s="5" t="s">
        <v>3943</v>
      </c>
      <c r="D3098" s="1" t="s">
        <v>8646</v>
      </c>
      <c r="E3098" s="5" t="s">
        <v>13212</v>
      </c>
      <c r="F3098" s="6">
        <v>1845</v>
      </c>
    </row>
    <row r="3099" spans="1:6" x14ac:dyDescent="0.25">
      <c r="A3099" s="4" t="s">
        <v>69</v>
      </c>
      <c r="B3099" s="1" t="s">
        <v>3156</v>
      </c>
      <c r="C3099" s="5" t="s">
        <v>5116</v>
      </c>
      <c r="D3099" s="1" t="s">
        <v>8981</v>
      </c>
      <c r="E3099" s="5" t="s">
        <v>14006</v>
      </c>
      <c r="F3099" s="6">
        <v>2660</v>
      </c>
    </row>
    <row r="3100" spans="1:6" x14ac:dyDescent="0.25">
      <c r="A3100" s="4" t="s">
        <v>2500</v>
      </c>
      <c r="B3100" s="1" t="s">
        <v>3156</v>
      </c>
      <c r="C3100" s="5" t="s">
        <v>6373</v>
      </c>
      <c r="D3100" s="1" t="s">
        <v>10078</v>
      </c>
      <c r="E3100" s="5" t="s">
        <v>16075</v>
      </c>
      <c r="F3100" s="6">
        <v>5115</v>
      </c>
    </row>
    <row r="3101" spans="1:6" x14ac:dyDescent="0.25">
      <c r="A3101" s="4" t="s">
        <v>69</v>
      </c>
      <c r="B3101" s="1" t="s">
        <v>3156</v>
      </c>
      <c r="C3101" s="5" t="s">
        <v>4155</v>
      </c>
      <c r="D3101" s="1" t="s">
        <v>10081</v>
      </c>
      <c r="E3101" s="5" t="s">
        <v>16078</v>
      </c>
      <c r="F3101" s="6">
        <v>5118</v>
      </c>
    </row>
    <row r="3102" spans="1:6" x14ac:dyDescent="0.25">
      <c r="A3102" s="4" t="s">
        <v>69</v>
      </c>
      <c r="B3102" s="1" t="s">
        <v>3156</v>
      </c>
      <c r="C3102" s="5" t="s">
        <v>6384</v>
      </c>
      <c r="D3102" s="1" t="s">
        <v>10105</v>
      </c>
      <c r="E3102" s="5" t="s">
        <v>16104</v>
      </c>
      <c r="F3102" s="6">
        <v>5158</v>
      </c>
    </row>
    <row r="3103" spans="1:6" x14ac:dyDescent="0.25">
      <c r="A3103" s="4" t="s">
        <v>69</v>
      </c>
      <c r="B3103" s="1" t="s">
        <v>3156</v>
      </c>
      <c r="C3103" s="5" t="s">
        <v>6675</v>
      </c>
      <c r="D3103" s="1" t="s">
        <v>10505</v>
      </c>
      <c r="E3103" s="5" t="s">
        <v>16674</v>
      </c>
      <c r="F3103" s="6">
        <v>6542</v>
      </c>
    </row>
    <row r="3104" spans="1:6" x14ac:dyDescent="0.25">
      <c r="A3104" s="4" t="s">
        <v>2500</v>
      </c>
      <c r="B3104" s="1" t="s">
        <v>3156</v>
      </c>
      <c r="C3104" s="5" t="s">
        <v>5116</v>
      </c>
      <c r="D3104" s="1" t="s">
        <v>10539</v>
      </c>
      <c r="E3104" s="5" t="s">
        <v>16720</v>
      </c>
      <c r="F3104" s="6">
        <v>6693</v>
      </c>
    </row>
    <row r="3105" spans="1:6" x14ac:dyDescent="0.25">
      <c r="A3105" s="4" t="s">
        <v>69</v>
      </c>
      <c r="B3105" s="1" t="s">
        <v>3156</v>
      </c>
      <c r="C3105" s="5" t="s">
        <v>3317</v>
      </c>
      <c r="D3105" s="1" t="s">
        <v>10607</v>
      </c>
      <c r="E3105" s="5" t="s">
        <v>16814</v>
      </c>
      <c r="F3105" s="6">
        <v>7017</v>
      </c>
    </row>
    <row r="3106" spans="1:6" x14ac:dyDescent="0.25">
      <c r="A3106" s="4" t="s">
        <v>69</v>
      </c>
      <c r="B3106" s="1" t="s">
        <v>3156</v>
      </c>
      <c r="C3106" s="5" t="s">
        <v>3317</v>
      </c>
      <c r="D3106" s="1" t="s">
        <v>10663</v>
      </c>
      <c r="E3106" s="5" t="s">
        <v>16881</v>
      </c>
      <c r="F3106" s="6">
        <v>7159</v>
      </c>
    </row>
    <row r="3107" spans="1:6" x14ac:dyDescent="0.25">
      <c r="A3107" s="4" t="s">
        <v>69</v>
      </c>
      <c r="B3107" s="1" t="s">
        <v>3156</v>
      </c>
      <c r="C3107" s="5" t="s">
        <v>3943</v>
      </c>
      <c r="D3107" s="1" t="s">
        <v>11105</v>
      </c>
      <c r="E3107" s="5" t="s">
        <v>17456</v>
      </c>
      <c r="F3107" s="6">
        <v>9067</v>
      </c>
    </row>
    <row r="3108" spans="1:6" x14ac:dyDescent="0.25">
      <c r="A3108" s="4" t="s">
        <v>69</v>
      </c>
      <c r="B3108" s="1" t="s">
        <v>3156</v>
      </c>
      <c r="C3108" s="5" t="s">
        <v>3317</v>
      </c>
      <c r="D3108" s="1" t="s">
        <v>11545</v>
      </c>
      <c r="E3108" s="5" t="s">
        <v>18015</v>
      </c>
      <c r="F3108" s="6">
        <v>9647</v>
      </c>
    </row>
    <row r="3109" spans="1:6" x14ac:dyDescent="0.25">
      <c r="A3109" s="4" t="s">
        <v>1407</v>
      </c>
      <c r="B3109" s="1" t="s">
        <v>3158</v>
      </c>
      <c r="C3109" s="5" t="s">
        <v>5210</v>
      </c>
      <c r="D3109" s="1" t="s">
        <v>1407</v>
      </c>
      <c r="E3109" s="5" t="s">
        <v>14140</v>
      </c>
      <c r="F3109" s="6">
        <v>2797</v>
      </c>
    </row>
    <row r="3110" spans="1:6" x14ac:dyDescent="0.25">
      <c r="A3110" s="4" t="s">
        <v>1448</v>
      </c>
      <c r="B3110" s="1" t="s">
        <v>3165</v>
      </c>
      <c r="C3110" s="5">
        <v>175015</v>
      </c>
      <c r="D3110" s="1" t="s">
        <v>9100</v>
      </c>
      <c r="E3110" s="5" t="s">
        <v>14218</v>
      </c>
      <c r="F3110" s="6">
        <v>2878</v>
      </c>
    </row>
    <row r="3111" spans="1:6" x14ac:dyDescent="0.25">
      <c r="A3111" s="4" t="s">
        <v>2367</v>
      </c>
      <c r="B3111" s="1" t="s">
        <v>3151</v>
      </c>
      <c r="C3111" s="5" t="s">
        <v>6162</v>
      </c>
      <c r="D3111" s="1" t="s">
        <v>2367</v>
      </c>
      <c r="E3111" s="5" t="s">
        <v>15646</v>
      </c>
      <c r="F3111" s="6">
        <v>4389</v>
      </c>
    </row>
    <row r="3112" spans="1:6" x14ac:dyDescent="0.25">
      <c r="A3112" s="4" t="s">
        <v>1830</v>
      </c>
      <c r="B3112" s="1" t="s">
        <v>3166</v>
      </c>
      <c r="C3112" s="5" t="s">
        <v>5604</v>
      </c>
      <c r="D3112" s="1" t="s">
        <v>1830</v>
      </c>
      <c r="E3112" s="5" t="s">
        <v>14659</v>
      </c>
      <c r="F3112" s="6">
        <v>3357</v>
      </c>
    </row>
    <row r="3113" spans="1:6" x14ac:dyDescent="0.25">
      <c r="A3113" s="4" t="s">
        <v>293</v>
      </c>
      <c r="B3113" s="1" t="s">
        <v>3164</v>
      </c>
      <c r="C3113" s="5" t="s">
        <v>3768</v>
      </c>
      <c r="D3113" s="1" t="s">
        <v>7946</v>
      </c>
      <c r="E3113" s="5" t="s">
        <v>12261</v>
      </c>
      <c r="F3113" s="6">
        <v>753</v>
      </c>
    </row>
    <row r="3114" spans="1:6" x14ac:dyDescent="0.25">
      <c r="A3114" s="4" t="s">
        <v>293</v>
      </c>
      <c r="B3114" s="1" t="s">
        <v>3164</v>
      </c>
      <c r="C3114" s="5" t="s">
        <v>3768</v>
      </c>
      <c r="D3114" s="1" t="s">
        <v>9732</v>
      </c>
      <c r="E3114" s="5" t="s">
        <v>15629</v>
      </c>
      <c r="F3114" s="6">
        <v>4371</v>
      </c>
    </row>
    <row r="3115" spans="1:6" x14ac:dyDescent="0.25">
      <c r="A3115" s="4" t="s">
        <v>293</v>
      </c>
      <c r="B3115" s="1" t="s">
        <v>3164</v>
      </c>
      <c r="C3115" s="5" t="s">
        <v>3768</v>
      </c>
      <c r="D3115" s="1" t="s">
        <v>11150</v>
      </c>
      <c r="E3115" s="5" t="s">
        <v>17511</v>
      </c>
      <c r="F3115" s="6">
        <v>9123</v>
      </c>
    </row>
    <row r="3116" spans="1:6" x14ac:dyDescent="0.25">
      <c r="A3116" s="4" t="s">
        <v>2773</v>
      </c>
      <c r="B3116" s="1" t="s">
        <v>3162</v>
      </c>
      <c r="C3116" s="5" t="s">
        <v>6738</v>
      </c>
      <c r="D3116" s="1" t="s">
        <v>2773</v>
      </c>
      <c r="E3116" s="5" t="s">
        <v>16782</v>
      </c>
      <c r="F3116" s="6">
        <v>6932</v>
      </c>
    </row>
    <row r="3117" spans="1:6" x14ac:dyDescent="0.25">
      <c r="A3117" s="4" t="s">
        <v>2389</v>
      </c>
      <c r="B3117" s="1" t="s">
        <v>3153</v>
      </c>
      <c r="C3117" s="5">
        <v>476221</v>
      </c>
      <c r="D3117" s="1" t="s">
        <v>9825</v>
      </c>
      <c r="E3117" s="5" t="s">
        <v>15744</v>
      </c>
      <c r="F3117" s="6">
        <v>4545</v>
      </c>
    </row>
    <row r="3118" spans="1:6" x14ac:dyDescent="0.25">
      <c r="A3118" s="4" t="s">
        <v>710</v>
      </c>
      <c r="B3118" s="1" t="s">
        <v>3167</v>
      </c>
      <c r="C3118" s="5" t="s">
        <v>4421</v>
      </c>
      <c r="D3118" s="1" t="s">
        <v>710</v>
      </c>
      <c r="E3118" s="5" t="s">
        <v>13179</v>
      </c>
      <c r="F3118" s="6">
        <v>1812</v>
      </c>
    </row>
    <row r="3119" spans="1:6" x14ac:dyDescent="0.25">
      <c r="A3119" s="4" t="s">
        <v>333</v>
      </c>
      <c r="B3119" s="1" t="s">
        <v>3158</v>
      </c>
      <c r="C3119" s="5" t="s">
        <v>3817</v>
      </c>
      <c r="D3119" s="1" t="s">
        <v>7994</v>
      </c>
      <c r="E3119" s="5" t="s">
        <v>12313</v>
      </c>
      <c r="F3119" s="6">
        <v>809</v>
      </c>
    </row>
    <row r="3120" spans="1:6" x14ac:dyDescent="0.25">
      <c r="A3120" s="4" t="s">
        <v>333</v>
      </c>
      <c r="B3120" s="1" t="s">
        <v>3158</v>
      </c>
      <c r="C3120" s="5" t="s">
        <v>5474</v>
      </c>
      <c r="D3120" s="1" t="s">
        <v>9156</v>
      </c>
      <c r="E3120" s="5" t="s">
        <v>14479</v>
      </c>
      <c r="F3120" s="6">
        <v>3164</v>
      </c>
    </row>
    <row r="3121" spans="1:6" x14ac:dyDescent="0.25">
      <c r="A3121" s="4" t="s">
        <v>1477</v>
      </c>
      <c r="B3121" s="1" t="s">
        <v>3152</v>
      </c>
      <c r="C3121" s="5" t="s">
        <v>5293</v>
      </c>
      <c r="D3121" s="1" t="s">
        <v>1477</v>
      </c>
      <c r="E3121" s="5" t="s">
        <v>14249</v>
      </c>
      <c r="F3121" s="6">
        <v>2910</v>
      </c>
    </row>
    <row r="3122" spans="1:6" x14ac:dyDescent="0.25">
      <c r="A3122" s="4" t="s">
        <v>1354</v>
      </c>
      <c r="B3122" s="1" t="s">
        <v>3159</v>
      </c>
      <c r="C3122" s="5" t="s">
        <v>5148</v>
      </c>
      <c r="D3122" s="1" t="s">
        <v>1354</v>
      </c>
      <c r="E3122" s="5" t="s">
        <v>14046</v>
      </c>
      <c r="F3122" s="6">
        <v>2700</v>
      </c>
    </row>
    <row r="3123" spans="1:6" x14ac:dyDescent="0.25">
      <c r="A3123" s="4" t="s">
        <v>1735</v>
      </c>
      <c r="B3123" s="1" t="s">
        <v>3154</v>
      </c>
      <c r="C3123" s="5" t="s">
        <v>5521</v>
      </c>
      <c r="D3123" s="1" t="s">
        <v>1735</v>
      </c>
      <c r="E3123" s="5" t="s">
        <v>14541</v>
      </c>
      <c r="F3123" s="6">
        <v>3230</v>
      </c>
    </row>
    <row r="3124" spans="1:6" x14ac:dyDescent="0.25">
      <c r="A3124" s="4" t="s">
        <v>2084</v>
      </c>
      <c r="B3124" s="1" t="s">
        <v>3160</v>
      </c>
      <c r="C3124" s="5" t="s">
        <v>5777</v>
      </c>
      <c r="D3124" s="1" t="s">
        <v>2084</v>
      </c>
      <c r="E3124" s="5" t="s">
        <v>14979</v>
      </c>
      <c r="F3124" s="6">
        <v>3702</v>
      </c>
    </row>
    <row r="3125" spans="1:6" x14ac:dyDescent="0.25">
      <c r="A3125" s="4" t="s">
        <v>1732</v>
      </c>
      <c r="B3125" s="1" t="s">
        <v>3154</v>
      </c>
      <c r="C3125" s="5" t="s">
        <v>5517</v>
      </c>
      <c r="D3125" s="1" t="s">
        <v>9173</v>
      </c>
      <c r="E3125" s="5" t="s">
        <v>14536</v>
      </c>
      <c r="F3125" s="6">
        <v>3224</v>
      </c>
    </row>
    <row r="3126" spans="1:6" x14ac:dyDescent="0.25">
      <c r="A3126" s="4" t="s">
        <v>128</v>
      </c>
      <c r="B3126" s="1" t="s">
        <v>3147</v>
      </c>
      <c r="C3126" s="5" t="s">
        <v>3395</v>
      </c>
      <c r="D3126" s="1" t="s">
        <v>7519</v>
      </c>
      <c r="E3126" s="5" t="s">
        <v>11804</v>
      </c>
      <c r="F3126" s="6">
        <v>231</v>
      </c>
    </row>
    <row r="3127" spans="1:6" x14ac:dyDescent="0.25">
      <c r="A3127" s="4" t="s">
        <v>128</v>
      </c>
      <c r="B3127" s="1" t="s">
        <v>3147</v>
      </c>
      <c r="C3127" s="5" t="s">
        <v>6150</v>
      </c>
      <c r="D3127" s="1" t="s">
        <v>9727</v>
      </c>
      <c r="E3127" s="5" t="s">
        <v>15624</v>
      </c>
      <c r="F3127" s="6">
        <v>4366</v>
      </c>
    </row>
    <row r="3128" spans="1:6" x14ac:dyDescent="0.25">
      <c r="A3128" s="4" t="s">
        <v>128</v>
      </c>
      <c r="B3128" s="1" t="s">
        <v>3147</v>
      </c>
      <c r="C3128" s="5" t="s">
        <v>3395</v>
      </c>
      <c r="D3128" s="1" t="s">
        <v>10337</v>
      </c>
      <c r="E3128" s="5" t="s">
        <v>16443</v>
      </c>
      <c r="F3128" s="6">
        <v>5921</v>
      </c>
    </row>
    <row r="3129" spans="1:6" x14ac:dyDescent="0.25">
      <c r="A3129" s="4" t="s">
        <v>128</v>
      </c>
      <c r="B3129" s="1" t="s">
        <v>3147</v>
      </c>
      <c r="C3129" s="5" t="s">
        <v>3395</v>
      </c>
      <c r="D3129" s="1" t="s">
        <v>11345</v>
      </c>
      <c r="E3129" s="5" t="s">
        <v>17767</v>
      </c>
      <c r="F3129" s="6">
        <v>9389</v>
      </c>
    </row>
    <row r="3130" spans="1:6" x14ac:dyDescent="0.25">
      <c r="A3130" s="4" t="s">
        <v>2306</v>
      </c>
      <c r="B3130" s="1" t="s">
        <v>3154</v>
      </c>
      <c r="C3130" s="5" t="s">
        <v>5883</v>
      </c>
      <c r="D3130" s="1" t="s">
        <v>2306</v>
      </c>
      <c r="E3130" s="5" t="s">
        <v>15499</v>
      </c>
      <c r="F3130" s="6">
        <v>4237</v>
      </c>
    </row>
    <row r="3131" spans="1:6" x14ac:dyDescent="0.25">
      <c r="A3131" s="4" t="s">
        <v>2344</v>
      </c>
      <c r="B3131" s="1" t="s">
        <v>3144</v>
      </c>
      <c r="C3131" s="5" t="s">
        <v>6130</v>
      </c>
      <c r="D3131" s="1" t="s">
        <v>2344</v>
      </c>
      <c r="E3131" s="5" t="s">
        <v>15586</v>
      </c>
      <c r="F3131" s="6">
        <v>4328</v>
      </c>
    </row>
    <row r="3132" spans="1:6" x14ac:dyDescent="0.25">
      <c r="A3132" s="4" t="s">
        <v>2611</v>
      </c>
      <c r="B3132" s="1" t="s">
        <v>3153</v>
      </c>
      <c r="C3132" s="5" t="s">
        <v>6519</v>
      </c>
      <c r="D3132" s="1" t="s">
        <v>2611</v>
      </c>
      <c r="E3132" s="5" t="s">
        <v>16350</v>
      </c>
      <c r="F3132" s="6">
        <v>5714</v>
      </c>
    </row>
    <row r="3133" spans="1:6" x14ac:dyDescent="0.25">
      <c r="A3133" s="4" t="s">
        <v>2158</v>
      </c>
      <c r="B3133" s="1" t="s">
        <v>3157</v>
      </c>
      <c r="C3133" s="5" t="s">
        <v>3305</v>
      </c>
      <c r="D3133" s="1" t="s">
        <v>2158</v>
      </c>
      <c r="E3133" s="5" t="s">
        <v>15145</v>
      </c>
      <c r="F3133" s="6">
        <v>3876</v>
      </c>
    </row>
    <row r="3134" spans="1:6" x14ac:dyDescent="0.25">
      <c r="A3134" s="4" t="s">
        <v>1960</v>
      </c>
      <c r="B3134" s="1" t="s">
        <v>3144</v>
      </c>
      <c r="C3134" s="5" t="s">
        <v>5490</v>
      </c>
      <c r="D3134" s="1" t="s">
        <v>1960</v>
      </c>
      <c r="E3134" s="5" t="s">
        <v>14796</v>
      </c>
      <c r="F3134" s="6">
        <v>3507</v>
      </c>
    </row>
    <row r="3135" spans="1:6" x14ac:dyDescent="0.25">
      <c r="A3135" s="4" t="s">
        <v>2014</v>
      </c>
      <c r="B3135" s="1" t="s">
        <v>3154</v>
      </c>
      <c r="C3135" s="5" t="s">
        <v>5708</v>
      </c>
      <c r="D3135" s="1" t="s">
        <v>2014</v>
      </c>
      <c r="E3135" s="5" t="s">
        <v>14852</v>
      </c>
      <c r="F3135" s="6">
        <v>3565</v>
      </c>
    </row>
    <row r="3136" spans="1:6" x14ac:dyDescent="0.25">
      <c r="A3136" s="4" t="s">
        <v>2259</v>
      </c>
      <c r="B3136" s="1" t="s">
        <v>3146</v>
      </c>
      <c r="C3136" s="5" t="s">
        <v>5992</v>
      </c>
      <c r="D3136" s="1" t="s">
        <v>2259</v>
      </c>
      <c r="E3136" s="5" t="s">
        <v>15375</v>
      </c>
      <c r="F3136" s="6">
        <v>4112</v>
      </c>
    </row>
    <row r="3137" spans="1:6" x14ac:dyDescent="0.25">
      <c r="A3137" s="4" t="s">
        <v>192</v>
      </c>
      <c r="B3137" s="1" t="s">
        <v>3147</v>
      </c>
      <c r="C3137" s="5" t="s">
        <v>3525</v>
      </c>
      <c r="D3137" s="1" t="s">
        <v>192</v>
      </c>
      <c r="E3137" s="5" t="s">
        <v>11952</v>
      </c>
      <c r="F3137" s="6">
        <v>385</v>
      </c>
    </row>
    <row r="3138" spans="1:6" x14ac:dyDescent="0.25">
      <c r="A3138" s="4" t="s">
        <v>1585</v>
      </c>
      <c r="B3138" s="1" t="s">
        <v>3155</v>
      </c>
      <c r="C3138" s="5" t="s">
        <v>5405</v>
      </c>
      <c r="D3138" s="1" t="s">
        <v>1585</v>
      </c>
      <c r="E3138" s="5" t="s">
        <v>14370</v>
      </c>
      <c r="F3138" s="6">
        <v>3035</v>
      </c>
    </row>
    <row r="3139" spans="1:6" x14ac:dyDescent="0.25">
      <c r="A3139" s="4" t="s">
        <v>1652</v>
      </c>
      <c r="B3139" s="1" t="s">
        <v>3147</v>
      </c>
      <c r="C3139" s="5" t="s">
        <v>5453</v>
      </c>
      <c r="D3139" s="1" t="s">
        <v>1652</v>
      </c>
      <c r="E3139" s="5" t="s">
        <v>14442</v>
      </c>
      <c r="F3139" s="6">
        <v>3127</v>
      </c>
    </row>
    <row r="3140" spans="1:6" x14ac:dyDescent="0.25">
      <c r="A3140" s="4" t="s">
        <v>3035</v>
      </c>
      <c r="B3140" s="1" t="s">
        <v>3149</v>
      </c>
      <c r="C3140" s="5" t="s">
        <v>7128</v>
      </c>
      <c r="D3140" s="1" t="s">
        <v>3035</v>
      </c>
      <c r="E3140" s="5" t="s">
        <v>17628</v>
      </c>
      <c r="F3140" s="6">
        <v>9245</v>
      </c>
    </row>
    <row r="3141" spans="1:6" x14ac:dyDescent="0.25">
      <c r="A3141" s="4" t="s">
        <v>1242</v>
      </c>
      <c r="B3141" s="1" t="s">
        <v>3144</v>
      </c>
      <c r="C3141" s="5">
        <v>416216</v>
      </c>
      <c r="D3141" s="1" t="s">
        <v>1242</v>
      </c>
      <c r="E3141" s="5" t="s">
        <v>13878</v>
      </c>
      <c r="F3141" s="6">
        <v>2529</v>
      </c>
    </row>
    <row r="3142" spans="1:6" x14ac:dyDescent="0.25">
      <c r="A3142" s="4" t="s">
        <v>2328</v>
      </c>
      <c r="B3142" s="1" t="s">
        <v>812</v>
      </c>
      <c r="C3142" s="5" t="s">
        <v>6105</v>
      </c>
      <c r="D3142" s="1" t="s">
        <v>9674</v>
      </c>
      <c r="E3142" s="5" t="s">
        <v>15551</v>
      </c>
      <c r="F3142" s="6">
        <v>4292</v>
      </c>
    </row>
    <row r="3143" spans="1:6" x14ac:dyDescent="0.25">
      <c r="A3143" s="4" t="s">
        <v>1771</v>
      </c>
      <c r="B3143" s="1" t="s">
        <v>3152</v>
      </c>
      <c r="C3143" s="5" t="s">
        <v>5555</v>
      </c>
      <c r="D3143" s="1" t="s">
        <v>1771</v>
      </c>
      <c r="E3143" s="5" t="s">
        <v>14588</v>
      </c>
      <c r="F3143" s="6">
        <v>3280</v>
      </c>
    </row>
    <row r="3144" spans="1:6" x14ac:dyDescent="0.25">
      <c r="A3144" s="4" t="s">
        <v>2897</v>
      </c>
      <c r="B3144" s="1" t="s">
        <v>3155</v>
      </c>
      <c r="C3144" s="5" t="s">
        <v>6902</v>
      </c>
      <c r="D3144" s="1" t="s">
        <v>10897</v>
      </c>
      <c r="E3144" s="5" t="s">
        <v>17184</v>
      </c>
      <c r="F3144" s="6">
        <v>8149</v>
      </c>
    </row>
    <row r="3145" spans="1:6" x14ac:dyDescent="0.25">
      <c r="A3145" s="4" t="s">
        <v>2809</v>
      </c>
      <c r="B3145" s="1" t="s">
        <v>3168</v>
      </c>
      <c r="C3145" s="5">
        <v>799277</v>
      </c>
      <c r="D3145" s="1" t="s">
        <v>10689</v>
      </c>
      <c r="E3145" s="5" t="s">
        <v>16914</v>
      </c>
      <c r="F3145" s="6">
        <v>7248</v>
      </c>
    </row>
    <row r="3146" spans="1:6" x14ac:dyDescent="0.25">
      <c r="A3146" s="4" t="s">
        <v>1910</v>
      </c>
      <c r="B3146" s="1" t="s">
        <v>3154</v>
      </c>
      <c r="C3146" s="5" t="s">
        <v>3365</v>
      </c>
      <c r="D3146" s="1" t="s">
        <v>1910</v>
      </c>
      <c r="E3146" s="5" t="s">
        <v>14743</v>
      </c>
      <c r="F3146" s="6">
        <v>3454</v>
      </c>
    </row>
    <row r="3147" spans="1:6" x14ac:dyDescent="0.25">
      <c r="A3147" s="4" t="s">
        <v>2047</v>
      </c>
      <c r="B3147" s="1" t="s">
        <v>3154</v>
      </c>
      <c r="C3147" s="5" t="s">
        <v>4354</v>
      </c>
      <c r="D3147" s="1" t="s">
        <v>2047</v>
      </c>
      <c r="E3147" s="5" t="s">
        <v>14887</v>
      </c>
      <c r="F3147" s="6">
        <v>3604</v>
      </c>
    </row>
    <row r="3148" spans="1:6" x14ac:dyDescent="0.25">
      <c r="A3148" s="4" t="s">
        <v>2859</v>
      </c>
      <c r="B3148" s="1" t="s">
        <v>3158</v>
      </c>
      <c r="C3148" s="5" t="s">
        <v>6863</v>
      </c>
      <c r="D3148" s="1" t="s">
        <v>2859</v>
      </c>
      <c r="E3148" s="5" t="s">
        <v>17042</v>
      </c>
      <c r="F3148" s="6">
        <v>7662</v>
      </c>
    </row>
    <row r="3149" spans="1:6" x14ac:dyDescent="0.25">
      <c r="A3149" s="4" t="s">
        <v>1842</v>
      </c>
      <c r="B3149" s="1" t="s">
        <v>3152</v>
      </c>
      <c r="C3149" s="5">
        <v>143415</v>
      </c>
      <c r="D3149" s="1" t="s">
        <v>1842</v>
      </c>
      <c r="E3149" s="5" t="s">
        <v>14671</v>
      </c>
      <c r="F3149" s="6">
        <v>3371</v>
      </c>
    </row>
    <row r="3150" spans="1:6" x14ac:dyDescent="0.25">
      <c r="A3150" s="4" t="s">
        <v>2240</v>
      </c>
      <c r="B3150" s="1" t="s">
        <v>3158</v>
      </c>
      <c r="C3150" s="5" t="s">
        <v>5970</v>
      </c>
      <c r="D3150" s="1" t="s">
        <v>2240</v>
      </c>
      <c r="E3150" s="5" t="s">
        <v>15342</v>
      </c>
      <c r="F3150" s="6">
        <v>4079</v>
      </c>
    </row>
    <row r="3151" spans="1:6" x14ac:dyDescent="0.25">
      <c r="A3151" s="4" t="s">
        <v>230</v>
      </c>
      <c r="B3151" s="1" t="s">
        <v>3154</v>
      </c>
      <c r="C3151" s="5" t="s">
        <v>3631</v>
      </c>
      <c r="D3151" s="1" t="s">
        <v>7777</v>
      </c>
      <c r="E3151" s="5" t="s">
        <v>12077</v>
      </c>
      <c r="F3151" s="6">
        <v>525</v>
      </c>
    </row>
    <row r="3152" spans="1:6" x14ac:dyDescent="0.25">
      <c r="A3152" s="4" t="s">
        <v>230</v>
      </c>
      <c r="B3152" s="1" t="s">
        <v>3154</v>
      </c>
      <c r="C3152" s="5" t="s">
        <v>3631</v>
      </c>
      <c r="D3152" s="1" t="s">
        <v>9176</v>
      </c>
      <c r="E3152" s="5" t="s">
        <v>14542</v>
      </c>
      <c r="F3152" s="6">
        <v>3231</v>
      </c>
    </row>
    <row r="3153" spans="1:6" x14ac:dyDescent="0.25">
      <c r="A3153" s="4" t="s">
        <v>230</v>
      </c>
      <c r="B3153" s="1" t="s">
        <v>3154</v>
      </c>
      <c r="C3153" s="5" t="s">
        <v>3631</v>
      </c>
      <c r="D3153" s="1" t="s">
        <v>11283</v>
      </c>
      <c r="E3153" s="5" t="s">
        <v>17695</v>
      </c>
      <c r="F3153" s="6">
        <v>9314</v>
      </c>
    </row>
    <row r="3154" spans="1:6" x14ac:dyDescent="0.25">
      <c r="A3154" s="4" t="s">
        <v>773</v>
      </c>
      <c r="B3154" s="1" t="s">
        <v>3158</v>
      </c>
      <c r="C3154" s="5" t="s">
        <v>4495</v>
      </c>
      <c r="D3154" s="1" t="s">
        <v>773</v>
      </c>
      <c r="E3154" s="5" t="s">
        <v>13271</v>
      </c>
      <c r="F3154" s="6">
        <v>1904</v>
      </c>
    </row>
    <row r="3155" spans="1:6" x14ac:dyDescent="0.25">
      <c r="A3155" s="4" t="s">
        <v>1038</v>
      </c>
      <c r="B3155" s="1" t="s">
        <v>3176</v>
      </c>
      <c r="C3155" s="5" t="s">
        <v>4781</v>
      </c>
      <c r="D3155" s="1" t="s">
        <v>1038</v>
      </c>
      <c r="E3155" s="5" t="s">
        <v>13605</v>
      </c>
      <c r="F3155" s="6">
        <v>2247</v>
      </c>
    </row>
    <row r="3156" spans="1:6" x14ac:dyDescent="0.25">
      <c r="A3156" s="4" t="s">
        <v>204</v>
      </c>
      <c r="B3156" s="1" t="s">
        <v>3155</v>
      </c>
      <c r="C3156" s="5" t="s">
        <v>3559</v>
      </c>
      <c r="D3156" s="1" t="s">
        <v>204</v>
      </c>
      <c r="E3156" s="5" t="s">
        <v>11993</v>
      </c>
      <c r="F3156" s="6">
        <v>426</v>
      </c>
    </row>
    <row r="3157" spans="1:6" x14ac:dyDescent="0.25">
      <c r="A3157" s="4" t="s">
        <v>204</v>
      </c>
      <c r="B3157" s="1" t="s">
        <v>3155</v>
      </c>
      <c r="C3157" s="5" t="s">
        <v>4904</v>
      </c>
      <c r="D3157" s="1" t="s">
        <v>8844</v>
      </c>
      <c r="E3157" s="5" t="s">
        <v>13740</v>
      </c>
      <c r="F3157" s="6">
        <v>2388</v>
      </c>
    </row>
    <row r="3158" spans="1:6" x14ac:dyDescent="0.25">
      <c r="A3158" s="4" t="s">
        <v>204</v>
      </c>
      <c r="B3158" s="1" t="s">
        <v>3155</v>
      </c>
      <c r="C3158" s="5">
        <v>533002</v>
      </c>
      <c r="D3158" s="1" t="s">
        <v>10021</v>
      </c>
      <c r="E3158" s="5" t="s">
        <v>15999</v>
      </c>
      <c r="F3158" s="6">
        <v>4936</v>
      </c>
    </row>
    <row r="3159" spans="1:6" x14ac:dyDescent="0.25">
      <c r="A3159" s="4" t="s">
        <v>204</v>
      </c>
      <c r="B3159" s="1" t="s">
        <v>3155</v>
      </c>
      <c r="C3159" s="5" t="s">
        <v>4904</v>
      </c>
      <c r="D3159" s="1" t="s">
        <v>10445</v>
      </c>
      <c r="E3159" s="5" t="s">
        <v>16598</v>
      </c>
      <c r="F3159" s="6">
        <v>6333</v>
      </c>
    </row>
    <row r="3160" spans="1:6" x14ac:dyDescent="0.25">
      <c r="A3160" s="4" t="s">
        <v>204</v>
      </c>
      <c r="B3160" s="1" t="s">
        <v>3155</v>
      </c>
      <c r="C3160" s="5" t="s">
        <v>4904</v>
      </c>
      <c r="D3160" s="1" t="s">
        <v>10754</v>
      </c>
      <c r="E3160" s="5" t="s">
        <v>17003</v>
      </c>
      <c r="F3160" s="6">
        <v>7559</v>
      </c>
    </row>
    <row r="3161" spans="1:6" x14ac:dyDescent="0.25">
      <c r="A3161" s="4" t="s">
        <v>204</v>
      </c>
      <c r="B3161" s="1" t="s">
        <v>3155</v>
      </c>
      <c r="C3161" s="5">
        <v>533001</v>
      </c>
      <c r="D3161" s="1" t="s">
        <v>10828</v>
      </c>
      <c r="E3161" s="5" t="s">
        <v>17100</v>
      </c>
      <c r="F3161" s="6">
        <v>7880</v>
      </c>
    </row>
    <row r="3162" spans="1:6" x14ac:dyDescent="0.25">
      <c r="A3162" s="4" t="s">
        <v>204</v>
      </c>
      <c r="B3162" s="1" t="s">
        <v>3155</v>
      </c>
      <c r="C3162" s="5" t="s">
        <v>4904</v>
      </c>
      <c r="D3162" s="1" t="s">
        <v>11082</v>
      </c>
      <c r="E3162" s="5" t="s">
        <v>17424</v>
      </c>
      <c r="F3162" s="6">
        <v>9032</v>
      </c>
    </row>
    <row r="3163" spans="1:6" x14ac:dyDescent="0.25">
      <c r="A3163" s="4" t="s">
        <v>204</v>
      </c>
      <c r="B3163" s="1" t="s">
        <v>3155</v>
      </c>
      <c r="C3163" s="5" t="s">
        <v>7082</v>
      </c>
      <c r="D3163" s="1" t="s">
        <v>11179</v>
      </c>
      <c r="E3163" s="5" t="s">
        <v>17555</v>
      </c>
      <c r="F3163" s="6">
        <v>9169</v>
      </c>
    </row>
    <row r="3164" spans="1:6" x14ac:dyDescent="0.25">
      <c r="A3164" s="4" t="s">
        <v>1805</v>
      </c>
      <c r="B3164" s="1" t="s">
        <v>3158</v>
      </c>
      <c r="C3164" s="5" t="s">
        <v>5577</v>
      </c>
      <c r="D3164" s="1" t="s">
        <v>1805</v>
      </c>
      <c r="E3164" s="5" t="s">
        <v>14627</v>
      </c>
      <c r="F3164" s="6">
        <v>3323</v>
      </c>
    </row>
    <row r="3165" spans="1:6" x14ac:dyDescent="0.25">
      <c r="A3165" s="4" t="s">
        <v>1898</v>
      </c>
      <c r="B3165" s="1" t="s">
        <v>3154</v>
      </c>
      <c r="C3165" s="5" t="s">
        <v>4357</v>
      </c>
      <c r="D3165" s="1" t="s">
        <v>1898</v>
      </c>
      <c r="E3165" s="5" t="s">
        <v>14731</v>
      </c>
      <c r="F3165" s="6">
        <v>3441</v>
      </c>
    </row>
    <row r="3166" spans="1:6" x14ac:dyDescent="0.25">
      <c r="A3166" s="4" t="s">
        <v>1812</v>
      </c>
      <c r="B3166" s="1" t="s">
        <v>3152</v>
      </c>
      <c r="C3166" s="5" t="s">
        <v>5584</v>
      </c>
      <c r="D3166" s="1" t="s">
        <v>1812</v>
      </c>
      <c r="E3166" s="5" t="s">
        <v>14634</v>
      </c>
      <c r="F3166" s="6">
        <v>3330</v>
      </c>
    </row>
    <row r="3167" spans="1:6" x14ac:dyDescent="0.25">
      <c r="A3167" s="4" t="s">
        <v>898</v>
      </c>
      <c r="B3167" s="1" t="s">
        <v>3165</v>
      </c>
      <c r="C3167" s="5" t="s">
        <v>4646</v>
      </c>
      <c r="D3167" s="1" t="s">
        <v>898</v>
      </c>
      <c r="E3167" s="5" t="s">
        <v>13464</v>
      </c>
      <c r="F3167" s="6">
        <v>2101</v>
      </c>
    </row>
    <row r="3168" spans="1:6" x14ac:dyDescent="0.25">
      <c r="A3168" s="4" t="s">
        <v>1766</v>
      </c>
      <c r="B3168" s="1" t="s">
        <v>3152</v>
      </c>
      <c r="C3168" s="5" t="s">
        <v>5551</v>
      </c>
      <c r="D3168" s="1" t="s">
        <v>1766</v>
      </c>
      <c r="E3168" s="5" t="s">
        <v>14583</v>
      </c>
      <c r="F3168" s="6">
        <v>3275</v>
      </c>
    </row>
    <row r="3169" spans="1:6" x14ac:dyDescent="0.25">
      <c r="A3169" s="4" t="s">
        <v>899</v>
      </c>
      <c r="B3169" s="1" t="s">
        <v>3152</v>
      </c>
      <c r="C3169" s="5" t="s">
        <v>4647</v>
      </c>
      <c r="D3169" s="1" t="s">
        <v>899</v>
      </c>
      <c r="E3169" s="5" t="s">
        <v>13465</v>
      </c>
      <c r="F3169" s="6">
        <v>2102</v>
      </c>
    </row>
    <row r="3170" spans="1:6" x14ac:dyDescent="0.25">
      <c r="A3170" s="4" t="s">
        <v>2989</v>
      </c>
      <c r="B3170" s="1" t="s">
        <v>3150</v>
      </c>
      <c r="C3170" s="5" t="s">
        <v>7038</v>
      </c>
      <c r="D3170" s="1" t="s">
        <v>2989</v>
      </c>
      <c r="E3170" s="5" t="s">
        <v>17480</v>
      </c>
      <c r="F3170" s="6">
        <v>9091</v>
      </c>
    </row>
    <row r="3171" spans="1:6" x14ac:dyDescent="0.25">
      <c r="A3171" s="4" t="s">
        <v>2519</v>
      </c>
      <c r="B3171" s="1" t="s">
        <v>3144</v>
      </c>
      <c r="C3171" s="5" t="s">
        <v>6409</v>
      </c>
      <c r="D3171" s="1" t="s">
        <v>2519</v>
      </c>
      <c r="E3171" s="5" t="s">
        <v>16153</v>
      </c>
      <c r="F3171" s="6">
        <v>5261</v>
      </c>
    </row>
    <row r="3172" spans="1:6" x14ac:dyDescent="0.25">
      <c r="A3172" s="4" t="s">
        <v>1683</v>
      </c>
      <c r="B3172" s="1" t="s">
        <v>3144</v>
      </c>
      <c r="C3172" s="5" t="s">
        <v>5142</v>
      </c>
      <c r="D3172" s="1" t="s">
        <v>1683</v>
      </c>
      <c r="E3172" s="5" t="s">
        <v>14473</v>
      </c>
      <c r="F3172" s="6">
        <v>3158</v>
      </c>
    </row>
    <row r="3173" spans="1:6" x14ac:dyDescent="0.25">
      <c r="A3173" s="4" t="s">
        <v>1424</v>
      </c>
      <c r="B3173" s="1" t="s">
        <v>3144</v>
      </c>
      <c r="C3173" s="5" t="s">
        <v>5231</v>
      </c>
      <c r="D3173" s="1" t="s">
        <v>1424</v>
      </c>
      <c r="E3173" s="5" t="s">
        <v>14165</v>
      </c>
      <c r="F3173" s="6">
        <v>2822</v>
      </c>
    </row>
    <row r="3174" spans="1:6" x14ac:dyDescent="0.25">
      <c r="A3174" s="4" t="s">
        <v>2760</v>
      </c>
      <c r="B3174" s="1" t="s">
        <v>3144</v>
      </c>
      <c r="C3174" s="5" t="s">
        <v>6718</v>
      </c>
      <c r="D3174" s="1" t="s">
        <v>2760</v>
      </c>
      <c r="E3174" s="5" t="s">
        <v>16746</v>
      </c>
      <c r="F3174" s="6">
        <v>6799</v>
      </c>
    </row>
    <row r="3175" spans="1:6" x14ac:dyDescent="0.25">
      <c r="A3175" s="4" t="s">
        <v>2116</v>
      </c>
      <c r="B3175" s="1" t="s">
        <v>3144</v>
      </c>
      <c r="C3175" s="5" t="s">
        <v>5819</v>
      </c>
      <c r="D3175" s="1" t="s">
        <v>2116</v>
      </c>
      <c r="E3175" s="5" t="s">
        <v>15057</v>
      </c>
      <c r="F3175" s="6">
        <v>3785</v>
      </c>
    </row>
    <row r="3176" spans="1:6" x14ac:dyDescent="0.25">
      <c r="A3176" s="4" t="s">
        <v>1001</v>
      </c>
      <c r="B3176" s="1" t="s">
        <v>3152</v>
      </c>
      <c r="C3176" s="5" t="s">
        <v>4747</v>
      </c>
      <c r="D3176" s="1" t="s">
        <v>1001</v>
      </c>
      <c r="E3176" s="5" t="s">
        <v>13568</v>
      </c>
      <c r="F3176" s="6">
        <v>2208</v>
      </c>
    </row>
    <row r="3177" spans="1:6" x14ac:dyDescent="0.25">
      <c r="A3177" s="4" t="s">
        <v>1001</v>
      </c>
      <c r="B3177" s="1" t="s">
        <v>3154</v>
      </c>
      <c r="C3177" s="5" t="s">
        <v>5979</v>
      </c>
      <c r="D3177" s="1" t="s">
        <v>9541</v>
      </c>
      <c r="E3177" s="5" t="s">
        <v>15352</v>
      </c>
      <c r="F3177" s="6">
        <v>4089</v>
      </c>
    </row>
    <row r="3178" spans="1:6" x14ac:dyDescent="0.25">
      <c r="A3178" s="4" t="s">
        <v>1001</v>
      </c>
      <c r="B3178" s="1" t="s">
        <v>3154</v>
      </c>
      <c r="C3178" s="5" t="s">
        <v>3375</v>
      </c>
      <c r="D3178" s="1" t="s">
        <v>9576</v>
      </c>
      <c r="E3178" s="5" t="s">
        <v>15412</v>
      </c>
      <c r="F3178" s="6">
        <v>4149</v>
      </c>
    </row>
    <row r="3179" spans="1:6" x14ac:dyDescent="0.25">
      <c r="A3179" s="4" t="s">
        <v>1488</v>
      </c>
      <c r="B3179" s="1" t="s">
        <v>3154</v>
      </c>
      <c r="C3179" s="5">
        <v>125201</v>
      </c>
      <c r="D3179" s="1" t="s">
        <v>1488</v>
      </c>
      <c r="E3179" s="5" t="s">
        <v>14261</v>
      </c>
      <c r="F3179" s="6">
        <v>2922</v>
      </c>
    </row>
    <row r="3180" spans="1:6" x14ac:dyDescent="0.25">
      <c r="A3180" s="4" t="s">
        <v>1673</v>
      </c>
      <c r="B3180" s="1" t="s">
        <v>3152</v>
      </c>
      <c r="C3180" s="5" t="s">
        <v>3809</v>
      </c>
      <c r="D3180" s="1" t="s">
        <v>1673</v>
      </c>
      <c r="E3180" s="5" t="s">
        <v>14463</v>
      </c>
      <c r="F3180" s="6">
        <v>3148</v>
      </c>
    </row>
    <row r="3181" spans="1:6" x14ac:dyDescent="0.25">
      <c r="A3181" s="4" t="s">
        <v>1570</v>
      </c>
      <c r="B3181" s="1" t="s">
        <v>3147</v>
      </c>
      <c r="C3181" s="5" t="s">
        <v>5390</v>
      </c>
      <c r="D3181" s="1" t="s">
        <v>9133</v>
      </c>
      <c r="E3181" s="5" t="s">
        <v>14354</v>
      </c>
      <c r="F3181" s="6">
        <v>3018</v>
      </c>
    </row>
    <row r="3182" spans="1:6" x14ac:dyDescent="0.25">
      <c r="A3182" s="4" t="s">
        <v>1948</v>
      </c>
      <c r="B3182" s="1" t="s">
        <v>3149</v>
      </c>
      <c r="C3182" s="5" t="s">
        <v>5681</v>
      </c>
      <c r="D3182" s="1" t="s">
        <v>1948</v>
      </c>
      <c r="E3182" s="5" t="s">
        <v>14782</v>
      </c>
      <c r="F3182" s="6">
        <v>3493</v>
      </c>
    </row>
    <row r="3183" spans="1:6" x14ac:dyDescent="0.25">
      <c r="A3183" s="4" t="s">
        <v>656</v>
      </c>
      <c r="B3183" s="1" t="s">
        <v>3154</v>
      </c>
      <c r="C3183" s="5" t="s">
        <v>4351</v>
      </c>
      <c r="D3183" s="1" t="s">
        <v>656</v>
      </c>
      <c r="E3183" s="5" t="s">
        <v>13091</v>
      </c>
      <c r="F3183" s="6">
        <v>1723</v>
      </c>
    </row>
    <row r="3184" spans="1:6" x14ac:dyDescent="0.25">
      <c r="A3184" s="4" t="s">
        <v>1040</v>
      </c>
      <c r="B3184" s="1" t="s">
        <v>3148</v>
      </c>
      <c r="C3184" s="5" t="s">
        <v>4783</v>
      </c>
      <c r="D3184" s="1" t="s">
        <v>1040</v>
      </c>
      <c r="E3184" s="5" t="s">
        <v>13608</v>
      </c>
      <c r="F3184" s="6">
        <v>2250</v>
      </c>
    </row>
    <row r="3185" spans="1:6" x14ac:dyDescent="0.25">
      <c r="A3185" s="4" t="s">
        <v>1607</v>
      </c>
      <c r="B3185" s="1" t="s">
        <v>3151</v>
      </c>
      <c r="C3185" s="5" t="s">
        <v>5424</v>
      </c>
      <c r="D3185" s="1" t="s">
        <v>1607</v>
      </c>
      <c r="E3185" s="5" t="s">
        <v>14393</v>
      </c>
      <c r="F3185" s="6">
        <v>3064</v>
      </c>
    </row>
    <row r="3186" spans="1:6" x14ac:dyDescent="0.25">
      <c r="A3186" s="4" t="s">
        <v>1005</v>
      </c>
      <c r="B3186" s="1" t="s">
        <v>3148</v>
      </c>
      <c r="C3186" s="5" t="s">
        <v>4751</v>
      </c>
      <c r="D3186" s="1" t="s">
        <v>1005</v>
      </c>
      <c r="E3186" s="5" t="s">
        <v>13572</v>
      </c>
      <c r="F3186" s="6">
        <v>2212</v>
      </c>
    </row>
    <row r="3187" spans="1:6" x14ac:dyDescent="0.25">
      <c r="A3187" s="4" t="s">
        <v>101</v>
      </c>
      <c r="B3187" s="1" t="s">
        <v>3154</v>
      </c>
      <c r="C3187" s="5" t="s">
        <v>3359</v>
      </c>
      <c r="D3187" s="1" t="s">
        <v>7484</v>
      </c>
      <c r="E3187" s="5" t="s">
        <v>11767</v>
      </c>
      <c r="F3187" s="6">
        <v>188</v>
      </c>
    </row>
    <row r="3188" spans="1:6" x14ac:dyDescent="0.25">
      <c r="A3188" s="4" t="s">
        <v>1309</v>
      </c>
      <c r="B3188" s="1" t="s">
        <v>3146</v>
      </c>
      <c r="C3188" s="5" t="s">
        <v>5094</v>
      </c>
      <c r="D3188" s="1" t="s">
        <v>8971</v>
      </c>
      <c r="E3188" s="5" t="s">
        <v>13980</v>
      </c>
      <c r="F3188" s="6">
        <v>2633</v>
      </c>
    </row>
    <row r="3189" spans="1:6" x14ac:dyDescent="0.25">
      <c r="A3189" s="4" t="s">
        <v>1674</v>
      </c>
      <c r="B3189" s="1" t="s">
        <v>3146</v>
      </c>
      <c r="C3189" s="5" t="s">
        <v>5466</v>
      </c>
      <c r="D3189" s="1" t="s">
        <v>1674</v>
      </c>
      <c r="E3189" s="5" t="s">
        <v>14464</v>
      </c>
      <c r="F3189" s="6">
        <v>3149</v>
      </c>
    </row>
    <row r="3190" spans="1:6" x14ac:dyDescent="0.25">
      <c r="A3190" s="4" t="s">
        <v>2417</v>
      </c>
      <c r="B3190" s="1" t="s">
        <v>3144</v>
      </c>
      <c r="C3190" s="5" t="s">
        <v>6260</v>
      </c>
      <c r="D3190" s="1" t="s">
        <v>9900</v>
      </c>
      <c r="E3190" s="5" t="s">
        <v>15837</v>
      </c>
      <c r="F3190" s="6">
        <v>4749</v>
      </c>
    </row>
    <row r="3191" spans="1:6" x14ac:dyDescent="0.25">
      <c r="A3191" s="4" t="s">
        <v>1536</v>
      </c>
      <c r="B3191" s="1" t="s">
        <v>3148</v>
      </c>
      <c r="C3191" s="5" t="s">
        <v>5356</v>
      </c>
      <c r="D3191" s="1" t="s">
        <v>1536</v>
      </c>
      <c r="E3191" s="5" t="s">
        <v>14317</v>
      </c>
      <c r="F3191" s="6">
        <v>2979</v>
      </c>
    </row>
    <row r="3192" spans="1:6" x14ac:dyDescent="0.25">
      <c r="A3192" s="4" t="s">
        <v>368</v>
      </c>
      <c r="B3192" s="1" t="s">
        <v>3147</v>
      </c>
      <c r="C3192" s="5" t="s">
        <v>3879</v>
      </c>
      <c r="D3192" s="1" t="s">
        <v>368</v>
      </c>
      <c r="E3192" s="5" t="s">
        <v>12385</v>
      </c>
      <c r="F3192" s="6">
        <v>894</v>
      </c>
    </row>
    <row r="3193" spans="1:6" x14ac:dyDescent="0.25">
      <c r="A3193" s="4" t="s">
        <v>368</v>
      </c>
      <c r="B3193" s="1" t="s">
        <v>3147</v>
      </c>
      <c r="C3193" s="5" t="s">
        <v>7109</v>
      </c>
      <c r="D3193" s="1" t="s">
        <v>11207</v>
      </c>
      <c r="E3193" s="5" t="s">
        <v>17597</v>
      </c>
      <c r="F3193" s="6">
        <v>9212</v>
      </c>
    </row>
    <row r="3194" spans="1:6" x14ac:dyDescent="0.25">
      <c r="A3194" s="4" t="s">
        <v>603</v>
      </c>
      <c r="B3194" s="1" t="s">
        <v>3150</v>
      </c>
      <c r="C3194" s="5" t="s">
        <v>4270</v>
      </c>
      <c r="D3194" s="1" t="s">
        <v>603</v>
      </c>
      <c r="E3194" s="5" t="s">
        <v>12982</v>
      </c>
      <c r="F3194" s="6">
        <v>1593</v>
      </c>
    </row>
    <row r="3195" spans="1:6" x14ac:dyDescent="0.25">
      <c r="A3195" s="4" t="s">
        <v>2364</v>
      </c>
      <c r="B3195" s="1" t="s">
        <v>3151</v>
      </c>
      <c r="C3195" s="5" t="s">
        <v>6159</v>
      </c>
      <c r="D3195" s="1" t="s">
        <v>2364</v>
      </c>
      <c r="E3195" s="5" t="s">
        <v>15638</v>
      </c>
      <c r="F3195" s="6">
        <v>4380</v>
      </c>
    </row>
    <row r="3196" spans="1:6" x14ac:dyDescent="0.25">
      <c r="A3196" s="4" t="s">
        <v>2278</v>
      </c>
      <c r="B3196" s="1" t="s">
        <v>3144</v>
      </c>
      <c r="C3196" s="5" t="s">
        <v>6022</v>
      </c>
      <c r="D3196" s="1" t="s">
        <v>2278</v>
      </c>
      <c r="E3196" s="5" t="s">
        <v>15423</v>
      </c>
      <c r="F3196" s="6">
        <v>4161</v>
      </c>
    </row>
    <row r="3197" spans="1:6" x14ac:dyDescent="0.25">
      <c r="A3197" s="4" t="s">
        <v>2533</v>
      </c>
      <c r="B3197" s="1" t="s">
        <v>3144</v>
      </c>
      <c r="C3197" s="5" t="s">
        <v>6437</v>
      </c>
      <c r="D3197" s="1" t="s">
        <v>10195</v>
      </c>
      <c r="E3197" s="5" t="s">
        <v>16215</v>
      </c>
      <c r="F3197" s="6">
        <v>5404</v>
      </c>
    </row>
    <row r="3198" spans="1:6" x14ac:dyDescent="0.25">
      <c r="A3198" s="4" t="s">
        <v>2533</v>
      </c>
      <c r="B3198" s="1" t="s">
        <v>3144</v>
      </c>
      <c r="C3198" s="5" t="s">
        <v>6605</v>
      </c>
      <c r="D3198" s="1" t="s">
        <v>10383</v>
      </c>
      <c r="E3198" s="5" t="s">
        <v>16517</v>
      </c>
      <c r="F3198" s="6">
        <v>6136</v>
      </c>
    </row>
    <row r="3199" spans="1:6" x14ac:dyDescent="0.25">
      <c r="A3199" s="4" t="s">
        <v>2533</v>
      </c>
      <c r="B3199" s="1" t="s">
        <v>3144</v>
      </c>
      <c r="C3199" s="5" t="s">
        <v>3364</v>
      </c>
      <c r="D3199" s="1" t="s">
        <v>10399</v>
      </c>
      <c r="E3199" s="5" t="s">
        <v>16539</v>
      </c>
      <c r="F3199" s="6">
        <v>6190</v>
      </c>
    </row>
    <row r="3200" spans="1:6" x14ac:dyDescent="0.25">
      <c r="A3200" s="4" t="s">
        <v>90</v>
      </c>
      <c r="B3200" s="1" t="s">
        <v>3144</v>
      </c>
      <c r="C3200" s="5" t="s">
        <v>3346</v>
      </c>
      <c r="D3200" s="1" t="s">
        <v>7473</v>
      </c>
      <c r="E3200" s="5" t="s">
        <v>11754</v>
      </c>
      <c r="F3200" s="6">
        <v>175</v>
      </c>
    </row>
    <row r="3201" spans="1:6" x14ac:dyDescent="0.25">
      <c r="A3201" s="4" t="s">
        <v>90</v>
      </c>
      <c r="B3201" s="1" t="s">
        <v>3144</v>
      </c>
      <c r="C3201" s="5" t="s">
        <v>3364</v>
      </c>
      <c r="D3201" s="1" t="s">
        <v>2533</v>
      </c>
      <c r="E3201" s="5" t="s">
        <v>11773</v>
      </c>
      <c r="F3201" s="6">
        <v>194</v>
      </c>
    </row>
    <row r="3202" spans="1:6" x14ac:dyDescent="0.25">
      <c r="A3202" s="4" t="s">
        <v>90</v>
      </c>
      <c r="B3202" s="1" t="s">
        <v>3144</v>
      </c>
      <c r="C3202" s="5" t="s">
        <v>3364</v>
      </c>
      <c r="D3202" s="1" t="s">
        <v>8631</v>
      </c>
      <c r="E3202" s="5" t="s">
        <v>13171</v>
      </c>
      <c r="F3202" s="6">
        <v>1804</v>
      </c>
    </row>
    <row r="3203" spans="1:6" x14ac:dyDescent="0.25">
      <c r="A3203" s="4" t="s">
        <v>90</v>
      </c>
      <c r="B3203" s="1" t="s">
        <v>3144</v>
      </c>
      <c r="C3203" s="5" t="s">
        <v>3346</v>
      </c>
      <c r="D3203" s="1" t="s">
        <v>9345</v>
      </c>
      <c r="E3203" s="5" t="s">
        <v>15055</v>
      </c>
      <c r="F3203" s="6">
        <v>3783</v>
      </c>
    </row>
    <row r="3204" spans="1:6" x14ac:dyDescent="0.25">
      <c r="A3204" s="4" t="s">
        <v>90</v>
      </c>
      <c r="B3204" s="1" t="s">
        <v>3144</v>
      </c>
      <c r="C3204" s="5" t="s">
        <v>3364</v>
      </c>
      <c r="D3204" s="1" t="s">
        <v>11172</v>
      </c>
      <c r="E3204" s="5" t="s">
        <v>17545</v>
      </c>
      <c r="F3204" s="6">
        <v>9159</v>
      </c>
    </row>
    <row r="3205" spans="1:6" x14ac:dyDescent="0.25">
      <c r="A3205" s="4" t="s">
        <v>90</v>
      </c>
      <c r="B3205" s="1" t="s">
        <v>3144</v>
      </c>
      <c r="C3205" s="5" t="s">
        <v>7136</v>
      </c>
      <c r="D3205" s="1" t="s">
        <v>11249</v>
      </c>
      <c r="E3205" s="5" t="s">
        <v>17648</v>
      </c>
      <c r="F3205" s="6">
        <v>9266</v>
      </c>
    </row>
    <row r="3206" spans="1:6" x14ac:dyDescent="0.25">
      <c r="A3206" s="4" t="s">
        <v>90</v>
      </c>
      <c r="B3206" s="1" t="s">
        <v>3144</v>
      </c>
      <c r="C3206" s="5" t="s">
        <v>7211</v>
      </c>
      <c r="D3206" s="1" t="s">
        <v>11414</v>
      </c>
      <c r="E3206" s="5" t="s">
        <v>17844</v>
      </c>
      <c r="F3206" s="6">
        <v>9471</v>
      </c>
    </row>
    <row r="3207" spans="1:6" x14ac:dyDescent="0.25">
      <c r="A3207" s="4" t="s">
        <v>1068</v>
      </c>
      <c r="B3207" s="1" t="s">
        <v>3155</v>
      </c>
      <c r="C3207" s="5" t="s">
        <v>4809</v>
      </c>
      <c r="D3207" s="1" t="s">
        <v>1068</v>
      </c>
      <c r="E3207" s="5" t="s">
        <v>13636</v>
      </c>
      <c r="F3207" s="6">
        <v>2280</v>
      </c>
    </row>
    <row r="3208" spans="1:6" x14ac:dyDescent="0.25">
      <c r="A3208" s="4" t="s">
        <v>169</v>
      </c>
      <c r="B3208" s="1" t="s">
        <v>3148</v>
      </c>
      <c r="C3208" s="5" t="s">
        <v>3468</v>
      </c>
      <c r="D3208" s="1" t="s">
        <v>7599</v>
      </c>
      <c r="E3208" s="5" t="s">
        <v>11888</v>
      </c>
      <c r="F3208" s="6">
        <v>320</v>
      </c>
    </row>
    <row r="3209" spans="1:6" x14ac:dyDescent="0.25">
      <c r="A3209" s="4" t="s">
        <v>2044</v>
      </c>
      <c r="B3209" s="1" t="s">
        <v>3152</v>
      </c>
      <c r="C3209" s="5" t="s">
        <v>3748</v>
      </c>
      <c r="D3209" s="1" t="s">
        <v>2044</v>
      </c>
      <c r="E3209" s="5" t="s">
        <v>14884</v>
      </c>
      <c r="F3209" s="6">
        <v>3601</v>
      </c>
    </row>
    <row r="3210" spans="1:6" x14ac:dyDescent="0.25">
      <c r="A3210" s="4" t="s">
        <v>843</v>
      </c>
      <c r="B3210" s="1" t="s">
        <v>3151</v>
      </c>
      <c r="C3210" s="5" t="s">
        <v>4578</v>
      </c>
      <c r="D3210" s="1" t="s">
        <v>843</v>
      </c>
      <c r="E3210" s="5" t="s">
        <v>13374</v>
      </c>
      <c r="F3210" s="6">
        <v>2007</v>
      </c>
    </row>
    <row r="3211" spans="1:6" x14ac:dyDescent="0.25">
      <c r="A3211" s="4" t="s">
        <v>2811</v>
      </c>
      <c r="B3211" s="1" t="s">
        <v>3144</v>
      </c>
      <c r="C3211" s="5" t="s">
        <v>5759</v>
      </c>
      <c r="D3211" s="1" t="s">
        <v>10690</v>
      </c>
      <c r="E3211" s="5" t="s">
        <v>16916</v>
      </c>
      <c r="F3211" s="6">
        <v>7276</v>
      </c>
    </row>
    <row r="3212" spans="1:6" x14ac:dyDescent="0.25">
      <c r="A3212" s="4" t="s">
        <v>2388</v>
      </c>
      <c r="B3212" s="1" t="s">
        <v>3155</v>
      </c>
      <c r="C3212" s="5" t="s">
        <v>6208</v>
      </c>
      <c r="D3212" s="1" t="s">
        <v>2388</v>
      </c>
      <c r="E3212" s="5" t="s">
        <v>15740</v>
      </c>
      <c r="F3212" s="6">
        <v>4518</v>
      </c>
    </row>
    <row r="3213" spans="1:6" x14ac:dyDescent="0.25">
      <c r="A3213" s="4" t="s">
        <v>2217</v>
      </c>
      <c r="B3213" s="1" t="s">
        <v>3146</v>
      </c>
      <c r="C3213" s="5" t="s">
        <v>5938</v>
      </c>
      <c r="D3213" s="1" t="s">
        <v>2217</v>
      </c>
      <c r="E3213" s="5" t="s">
        <v>15299</v>
      </c>
      <c r="F3213" s="6">
        <v>4036</v>
      </c>
    </row>
    <row r="3214" spans="1:6" x14ac:dyDescent="0.25">
      <c r="A3214" s="4" t="s">
        <v>2201</v>
      </c>
      <c r="B3214" s="1" t="s">
        <v>3144</v>
      </c>
      <c r="C3214" s="5" t="s">
        <v>5917</v>
      </c>
      <c r="D3214" s="1" t="s">
        <v>2201</v>
      </c>
      <c r="E3214" s="5" t="s">
        <v>15262</v>
      </c>
      <c r="F3214" s="6">
        <v>3997</v>
      </c>
    </row>
    <row r="3215" spans="1:6" x14ac:dyDescent="0.25">
      <c r="A3215" s="4" t="s">
        <v>1199</v>
      </c>
      <c r="B3215" s="1" t="s">
        <v>3144</v>
      </c>
      <c r="C3215" s="5" t="s">
        <v>4953</v>
      </c>
      <c r="D3215" s="1" t="s">
        <v>1199</v>
      </c>
      <c r="E3215" s="5" t="s">
        <v>13802</v>
      </c>
      <c r="F3215" s="6">
        <v>2452</v>
      </c>
    </row>
    <row r="3216" spans="1:6" x14ac:dyDescent="0.25">
      <c r="A3216" s="4" t="s">
        <v>1498</v>
      </c>
      <c r="B3216" s="1" t="s">
        <v>3164</v>
      </c>
      <c r="C3216" s="5" t="s">
        <v>5314</v>
      </c>
      <c r="D3216" s="1" t="s">
        <v>1498</v>
      </c>
      <c r="E3216" s="5" t="s">
        <v>14272</v>
      </c>
      <c r="F3216" s="6">
        <v>2933</v>
      </c>
    </row>
    <row r="3217" spans="1:6" x14ac:dyDescent="0.25">
      <c r="A3217" s="4" t="s">
        <v>1798</v>
      </c>
      <c r="B3217" s="1" t="s">
        <v>3147</v>
      </c>
      <c r="C3217" s="5" t="s">
        <v>5572</v>
      </c>
      <c r="D3217" s="1" t="s">
        <v>1798</v>
      </c>
      <c r="E3217" s="5" t="s">
        <v>14619</v>
      </c>
      <c r="F3217" s="6">
        <v>3315</v>
      </c>
    </row>
    <row r="3218" spans="1:6" x14ac:dyDescent="0.25">
      <c r="A3218" s="4" t="s">
        <v>1482</v>
      </c>
      <c r="B3218" s="1" t="s">
        <v>3164</v>
      </c>
      <c r="C3218" s="5" t="s">
        <v>5299</v>
      </c>
      <c r="D3218" s="1" t="s">
        <v>9109</v>
      </c>
      <c r="E3218" s="5" t="s">
        <v>14255</v>
      </c>
      <c r="F3218" s="6">
        <v>2916</v>
      </c>
    </row>
    <row r="3219" spans="1:6" x14ac:dyDescent="0.25">
      <c r="A3219" s="4" t="s">
        <v>1482</v>
      </c>
      <c r="B3219" s="1" t="s">
        <v>3164</v>
      </c>
      <c r="C3219" s="5" t="s">
        <v>3535</v>
      </c>
      <c r="D3219" s="1" t="s">
        <v>9583</v>
      </c>
      <c r="E3219" s="5" t="s">
        <v>15424</v>
      </c>
      <c r="F3219" s="6">
        <v>4162</v>
      </c>
    </row>
    <row r="3220" spans="1:6" x14ac:dyDescent="0.25">
      <c r="A3220" s="4" t="s">
        <v>1482</v>
      </c>
      <c r="B3220" s="1" t="s">
        <v>3164</v>
      </c>
      <c r="C3220" s="5" t="s">
        <v>6177</v>
      </c>
      <c r="D3220" s="1" t="s">
        <v>9779</v>
      </c>
      <c r="E3220" s="5" t="s">
        <v>15688</v>
      </c>
      <c r="F3220" s="6">
        <v>4436</v>
      </c>
    </row>
    <row r="3221" spans="1:6" x14ac:dyDescent="0.25">
      <c r="A3221" s="4" t="s">
        <v>1707</v>
      </c>
      <c r="B3221" s="1" t="s">
        <v>3144</v>
      </c>
      <c r="C3221" s="5" t="s">
        <v>5490</v>
      </c>
      <c r="D3221" s="1" t="s">
        <v>1707</v>
      </c>
      <c r="E3221" s="5" t="s">
        <v>14501</v>
      </c>
      <c r="F3221" s="6">
        <v>3187</v>
      </c>
    </row>
    <row r="3222" spans="1:6" x14ac:dyDescent="0.25">
      <c r="A3222" s="4" t="s">
        <v>435</v>
      </c>
      <c r="B3222" s="1" t="s">
        <v>3149</v>
      </c>
      <c r="C3222" s="5" t="s">
        <v>3976</v>
      </c>
      <c r="D3222" s="1" t="s">
        <v>435</v>
      </c>
      <c r="E3222" s="5" t="s">
        <v>12515</v>
      </c>
      <c r="F3222" s="6">
        <v>1040</v>
      </c>
    </row>
    <row r="3223" spans="1:6" x14ac:dyDescent="0.25">
      <c r="A3223" s="4" t="s">
        <v>2418</v>
      </c>
      <c r="B3223" s="1" t="s">
        <v>3160</v>
      </c>
      <c r="C3223" s="5" t="s">
        <v>6264</v>
      </c>
      <c r="D3223" s="1" t="s">
        <v>2418</v>
      </c>
      <c r="E3223" s="5" t="s">
        <v>15846</v>
      </c>
      <c r="F3223" s="6">
        <v>4759</v>
      </c>
    </row>
    <row r="3224" spans="1:6" x14ac:dyDescent="0.25">
      <c r="A3224" s="4" t="s">
        <v>364</v>
      </c>
      <c r="B3224" s="1" t="s">
        <v>3146</v>
      </c>
      <c r="C3224" s="5" t="s">
        <v>3870</v>
      </c>
      <c r="D3224" s="1" t="s">
        <v>8037</v>
      </c>
      <c r="E3224" s="5" t="s">
        <v>12372</v>
      </c>
      <c r="F3224" s="6">
        <v>879</v>
      </c>
    </row>
    <row r="3225" spans="1:6" x14ac:dyDescent="0.25">
      <c r="A3225" s="4" t="s">
        <v>364</v>
      </c>
      <c r="B3225" s="1" t="s">
        <v>3146</v>
      </c>
      <c r="C3225" s="5" t="s">
        <v>3870</v>
      </c>
      <c r="D3225" s="1" t="s">
        <v>9820</v>
      </c>
      <c r="E3225" s="5" t="s">
        <v>15738</v>
      </c>
      <c r="F3225" s="6">
        <v>4515</v>
      </c>
    </row>
    <row r="3226" spans="1:6" x14ac:dyDescent="0.25">
      <c r="A3226" s="4" t="s">
        <v>364</v>
      </c>
      <c r="B3226" s="1" t="s">
        <v>3146</v>
      </c>
      <c r="C3226" s="5" t="s">
        <v>6798</v>
      </c>
      <c r="D3226" s="1" t="s">
        <v>10678</v>
      </c>
      <c r="E3226" s="5" t="s">
        <v>16901</v>
      </c>
      <c r="F3226" s="6">
        <v>7207</v>
      </c>
    </row>
    <row r="3227" spans="1:6" x14ac:dyDescent="0.25">
      <c r="A3227" s="4" t="s">
        <v>364</v>
      </c>
      <c r="B3227" s="1" t="s">
        <v>3170</v>
      </c>
      <c r="C3227" s="5">
        <v>603210</v>
      </c>
      <c r="D3227" s="1" t="s">
        <v>10817</v>
      </c>
      <c r="E3227" s="5" t="s">
        <v>17088</v>
      </c>
      <c r="F3227" s="6">
        <v>7824</v>
      </c>
    </row>
    <row r="3228" spans="1:6" x14ac:dyDescent="0.25">
      <c r="A3228" s="4" t="s">
        <v>364</v>
      </c>
      <c r="B3228" s="1" t="s">
        <v>3146</v>
      </c>
      <c r="C3228" s="5" t="s">
        <v>6934</v>
      </c>
      <c r="D3228" s="1" t="s">
        <v>10963</v>
      </c>
      <c r="E3228" s="5" t="s">
        <v>17263</v>
      </c>
      <c r="F3228" s="6">
        <v>8355</v>
      </c>
    </row>
    <row r="3229" spans="1:6" x14ac:dyDescent="0.25">
      <c r="A3229" s="4" t="s">
        <v>1274</v>
      </c>
      <c r="B3229" s="1" t="s">
        <v>3148</v>
      </c>
      <c r="C3229" s="5" t="s">
        <v>5058</v>
      </c>
      <c r="D3229" s="1" t="s">
        <v>1274</v>
      </c>
      <c r="E3229" s="5" t="s">
        <v>13939</v>
      </c>
      <c r="F3229" s="6">
        <v>2591</v>
      </c>
    </row>
    <row r="3230" spans="1:6" x14ac:dyDescent="0.25">
      <c r="A3230" s="4" t="s">
        <v>3098</v>
      </c>
      <c r="B3230" s="1" t="s">
        <v>3148</v>
      </c>
      <c r="C3230" s="5" t="s">
        <v>7254</v>
      </c>
      <c r="D3230" s="1" t="s">
        <v>3098</v>
      </c>
      <c r="E3230" s="5" t="s">
        <v>17928</v>
      </c>
      <c r="F3230" s="6">
        <v>9558</v>
      </c>
    </row>
    <row r="3231" spans="1:6" x14ac:dyDescent="0.25">
      <c r="A3231" s="4" t="s">
        <v>1095</v>
      </c>
      <c r="B3231" s="1" t="s">
        <v>3147</v>
      </c>
      <c r="C3231" s="5" t="s">
        <v>4838</v>
      </c>
      <c r="D3231" s="1" t="s">
        <v>1095</v>
      </c>
      <c r="E3231" s="5" t="s">
        <v>13666</v>
      </c>
      <c r="F3231" s="6">
        <v>2312</v>
      </c>
    </row>
    <row r="3232" spans="1:6" x14ac:dyDescent="0.25">
      <c r="A3232" s="4" t="s">
        <v>1647</v>
      </c>
      <c r="B3232" s="1" t="s">
        <v>3155</v>
      </c>
      <c r="C3232" s="5" t="s">
        <v>5448</v>
      </c>
      <c r="D3232" s="1" t="s">
        <v>9149</v>
      </c>
      <c r="E3232" s="5" t="s">
        <v>14436</v>
      </c>
      <c r="F3232" s="6">
        <v>3119</v>
      </c>
    </row>
    <row r="3233" spans="1:6" x14ac:dyDescent="0.25">
      <c r="A3233" s="4" t="s">
        <v>1521</v>
      </c>
      <c r="B3233" s="1" t="s">
        <v>3163</v>
      </c>
      <c r="C3233" s="5" t="s">
        <v>5341</v>
      </c>
      <c r="D3233" s="1" t="s">
        <v>1521</v>
      </c>
      <c r="E3233" s="5" t="s">
        <v>14300</v>
      </c>
      <c r="F3233" s="6">
        <v>2962</v>
      </c>
    </row>
    <row r="3234" spans="1:6" x14ac:dyDescent="0.25">
      <c r="A3234" s="4" t="s">
        <v>983</v>
      </c>
      <c r="B3234" s="1" t="s">
        <v>3146</v>
      </c>
      <c r="C3234" s="5" t="s">
        <v>4729</v>
      </c>
      <c r="D3234" s="1" t="s">
        <v>983</v>
      </c>
      <c r="E3234" s="5" t="s">
        <v>13550</v>
      </c>
      <c r="F3234" s="6">
        <v>2190</v>
      </c>
    </row>
    <row r="3235" spans="1:6" x14ac:dyDescent="0.25">
      <c r="A3235" s="4" t="s">
        <v>329</v>
      </c>
      <c r="B3235" s="1" t="s">
        <v>3165</v>
      </c>
      <c r="C3235" s="5" t="s">
        <v>3813</v>
      </c>
      <c r="D3235" s="1" t="s">
        <v>7990</v>
      </c>
      <c r="E3235" s="5" t="s">
        <v>12309</v>
      </c>
      <c r="F3235" s="6">
        <v>804</v>
      </c>
    </row>
    <row r="3236" spans="1:6" x14ac:dyDescent="0.25">
      <c r="A3236" s="4" t="s">
        <v>329</v>
      </c>
      <c r="B3236" s="1" t="s">
        <v>3165</v>
      </c>
      <c r="C3236" s="5" t="s">
        <v>6744</v>
      </c>
      <c r="D3236" s="1" t="s">
        <v>10592</v>
      </c>
      <c r="E3236" s="5" t="s">
        <v>16793</v>
      </c>
      <c r="F3236" s="6">
        <v>6965</v>
      </c>
    </row>
    <row r="3237" spans="1:6" x14ac:dyDescent="0.25">
      <c r="A3237" s="4" t="s">
        <v>579</v>
      </c>
      <c r="B3237" s="1" t="s">
        <v>3150</v>
      </c>
      <c r="C3237" s="5" t="s">
        <v>4230</v>
      </c>
      <c r="D3237" s="1" t="s">
        <v>8462</v>
      </c>
      <c r="E3237" s="5" t="s">
        <v>12921</v>
      </c>
      <c r="F3237" s="6">
        <v>1526</v>
      </c>
    </row>
    <row r="3238" spans="1:6" x14ac:dyDescent="0.25">
      <c r="A3238" s="4" t="s">
        <v>1571</v>
      </c>
      <c r="B3238" s="1" t="s">
        <v>3154</v>
      </c>
      <c r="C3238" s="5" t="s">
        <v>5391</v>
      </c>
      <c r="D3238" s="1" t="s">
        <v>1571</v>
      </c>
      <c r="E3238" s="5" t="s">
        <v>14355</v>
      </c>
      <c r="F3238" s="6">
        <v>3019</v>
      </c>
    </row>
    <row r="3239" spans="1:6" x14ac:dyDescent="0.25">
      <c r="A3239" s="4" t="s">
        <v>572</v>
      </c>
      <c r="B3239" s="1" t="s">
        <v>3150</v>
      </c>
      <c r="C3239" s="5" t="s">
        <v>4222</v>
      </c>
      <c r="D3239" s="1" t="s">
        <v>8459</v>
      </c>
      <c r="E3239" s="5" t="s">
        <v>12913</v>
      </c>
      <c r="F3239" s="6">
        <v>1516</v>
      </c>
    </row>
    <row r="3240" spans="1:6" x14ac:dyDescent="0.25">
      <c r="A3240" s="4" t="s">
        <v>1938</v>
      </c>
      <c r="B3240" s="1" t="s">
        <v>3148</v>
      </c>
      <c r="C3240" s="5" t="s">
        <v>5674</v>
      </c>
      <c r="D3240" s="1" t="s">
        <v>1938</v>
      </c>
      <c r="E3240" s="5" t="s">
        <v>14772</v>
      </c>
      <c r="F3240" s="6">
        <v>3483</v>
      </c>
    </row>
    <row r="3241" spans="1:6" x14ac:dyDescent="0.25">
      <c r="A3241" s="4" t="s">
        <v>1210</v>
      </c>
      <c r="B3241" s="1" t="s">
        <v>3144</v>
      </c>
      <c r="C3241" s="5" t="s">
        <v>4969</v>
      </c>
      <c r="D3241" s="1" t="s">
        <v>8892</v>
      </c>
      <c r="E3241" s="5" t="s">
        <v>13821</v>
      </c>
      <c r="F3241" s="6">
        <v>2471</v>
      </c>
    </row>
    <row r="3242" spans="1:6" x14ac:dyDescent="0.25">
      <c r="A3242" s="4" t="s">
        <v>2272</v>
      </c>
      <c r="B3242" s="1" t="s">
        <v>3161</v>
      </c>
      <c r="C3242" s="5" t="s">
        <v>6013</v>
      </c>
      <c r="D3242" s="1" t="s">
        <v>2272</v>
      </c>
      <c r="E3242" s="5" t="s">
        <v>15410</v>
      </c>
      <c r="F3242" s="6">
        <v>4147</v>
      </c>
    </row>
    <row r="3243" spans="1:6" x14ac:dyDescent="0.25">
      <c r="A3243" s="4" t="s">
        <v>2867</v>
      </c>
      <c r="B3243" s="1" t="s">
        <v>3161</v>
      </c>
      <c r="C3243" s="5">
        <v>494776</v>
      </c>
      <c r="D3243" s="1" t="s">
        <v>10805</v>
      </c>
      <c r="E3243" s="5" t="s">
        <v>17071</v>
      </c>
      <c r="F3243" s="6">
        <v>7767</v>
      </c>
    </row>
    <row r="3244" spans="1:6" x14ac:dyDescent="0.25">
      <c r="A3244" s="4" t="s">
        <v>2357</v>
      </c>
      <c r="B3244" s="1" t="s">
        <v>3144</v>
      </c>
      <c r="C3244" s="5" t="s">
        <v>6152</v>
      </c>
      <c r="D3244" s="1" t="s">
        <v>2357</v>
      </c>
      <c r="E3244" s="5" t="s">
        <v>15631</v>
      </c>
      <c r="F3244" s="6">
        <v>4373</v>
      </c>
    </row>
    <row r="3245" spans="1:6" x14ac:dyDescent="0.25">
      <c r="A3245" s="4" t="s">
        <v>772</v>
      </c>
      <c r="B3245" s="1" t="s">
        <v>3158</v>
      </c>
      <c r="C3245" s="5" t="s">
        <v>4494</v>
      </c>
      <c r="D3245" s="1" t="s">
        <v>772</v>
      </c>
      <c r="E3245" s="5" t="s">
        <v>13269</v>
      </c>
      <c r="F3245" s="6">
        <v>1902</v>
      </c>
    </row>
    <row r="3246" spans="1:6" x14ac:dyDescent="0.25">
      <c r="A3246" s="4" t="s">
        <v>2829</v>
      </c>
      <c r="B3246" s="1" t="s">
        <v>3153</v>
      </c>
      <c r="C3246" s="5" t="s">
        <v>6823</v>
      </c>
      <c r="D3246" s="1" t="s">
        <v>10721</v>
      </c>
      <c r="E3246" s="5" t="s">
        <v>16956</v>
      </c>
      <c r="F3246" s="6">
        <v>7403</v>
      </c>
    </row>
    <row r="3247" spans="1:6" x14ac:dyDescent="0.25">
      <c r="A3247" s="4" t="s">
        <v>150</v>
      </c>
      <c r="B3247" s="1" t="s">
        <v>3150</v>
      </c>
      <c r="C3247" s="5" t="s">
        <v>3426</v>
      </c>
      <c r="D3247" s="1" t="s">
        <v>7553</v>
      </c>
      <c r="E3247" s="5" t="s">
        <v>11839</v>
      </c>
      <c r="F3247" s="6">
        <v>270</v>
      </c>
    </row>
    <row r="3248" spans="1:6" x14ac:dyDescent="0.25">
      <c r="A3248" s="4" t="s">
        <v>150</v>
      </c>
      <c r="B3248" s="1" t="s">
        <v>3150</v>
      </c>
      <c r="C3248" s="5" t="s">
        <v>4226</v>
      </c>
      <c r="D3248" s="1" t="s">
        <v>8460</v>
      </c>
      <c r="E3248" s="5" t="s">
        <v>12917</v>
      </c>
      <c r="F3248" s="6">
        <v>1522</v>
      </c>
    </row>
    <row r="3249" spans="1:6" x14ac:dyDescent="0.25">
      <c r="A3249" s="4" t="s">
        <v>150</v>
      </c>
      <c r="B3249" s="1" t="s">
        <v>3150</v>
      </c>
      <c r="C3249" s="5" t="s">
        <v>4226</v>
      </c>
      <c r="D3249" s="1" t="s">
        <v>10372</v>
      </c>
      <c r="E3249" s="5" t="s">
        <v>16494</v>
      </c>
      <c r="F3249" s="6">
        <v>6047</v>
      </c>
    </row>
    <row r="3250" spans="1:6" x14ac:dyDescent="0.25">
      <c r="A3250" s="4" t="s">
        <v>150</v>
      </c>
      <c r="B3250" s="1" t="s">
        <v>3150</v>
      </c>
      <c r="C3250" s="5" t="s">
        <v>6654</v>
      </c>
      <c r="D3250" s="1" t="s">
        <v>10462</v>
      </c>
      <c r="E3250" s="5" t="s">
        <v>16620</v>
      </c>
      <c r="F3250" s="6">
        <v>6396</v>
      </c>
    </row>
    <row r="3251" spans="1:6" x14ac:dyDescent="0.25">
      <c r="A3251" s="4" t="s">
        <v>63</v>
      </c>
      <c r="B3251" s="1" t="s">
        <v>3158</v>
      </c>
      <c r="C3251" s="5" t="s">
        <v>3303</v>
      </c>
      <c r="D3251" s="1" t="s">
        <v>7430</v>
      </c>
      <c r="E3251" s="5" t="s">
        <v>11707</v>
      </c>
      <c r="F3251" s="6">
        <v>127</v>
      </c>
    </row>
    <row r="3252" spans="1:6" x14ac:dyDescent="0.25">
      <c r="A3252" s="4" t="s">
        <v>63</v>
      </c>
      <c r="B3252" s="1" t="s">
        <v>3158</v>
      </c>
      <c r="C3252" s="5" t="s">
        <v>3448</v>
      </c>
      <c r="D3252" s="1" t="s">
        <v>7580</v>
      </c>
      <c r="E3252" s="5" t="s">
        <v>11866</v>
      </c>
      <c r="F3252" s="6">
        <v>298</v>
      </c>
    </row>
    <row r="3253" spans="1:6" x14ac:dyDescent="0.25">
      <c r="A3253" s="4" t="s">
        <v>63</v>
      </c>
      <c r="B3253" s="1" t="s">
        <v>3158</v>
      </c>
      <c r="C3253" s="5" t="s">
        <v>4017</v>
      </c>
      <c r="D3253" s="1" t="s">
        <v>8167</v>
      </c>
      <c r="E3253" s="5" t="s">
        <v>12566</v>
      </c>
      <c r="F3253" s="6">
        <v>1093</v>
      </c>
    </row>
    <row r="3254" spans="1:6" x14ac:dyDescent="0.25">
      <c r="A3254" s="4" t="s">
        <v>63</v>
      </c>
      <c r="B3254" s="1" t="s">
        <v>3158</v>
      </c>
      <c r="C3254" s="5" t="s">
        <v>4186</v>
      </c>
      <c r="D3254" s="1" t="s">
        <v>8434</v>
      </c>
      <c r="E3254" s="5" t="s">
        <v>12874</v>
      </c>
      <c r="F3254" s="6">
        <v>1475</v>
      </c>
    </row>
    <row r="3255" spans="1:6" x14ac:dyDescent="0.25">
      <c r="A3255" s="4" t="s">
        <v>63</v>
      </c>
      <c r="B3255" s="1" t="s">
        <v>3158</v>
      </c>
      <c r="C3255" s="5" t="s">
        <v>3303</v>
      </c>
      <c r="D3255" s="1" t="s">
        <v>8679</v>
      </c>
      <c r="E3255" s="5" t="s">
        <v>13270</v>
      </c>
      <c r="F3255" s="6">
        <v>1903</v>
      </c>
    </row>
    <row r="3256" spans="1:6" x14ac:dyDescent="0.25">
      <c r="A3256" s="4" t="s">
        <v>63</v>
      </c>
      <c r="B3256" s="1" t="s">
        <v>3158</v>
      </c>
      <c r="C3256" s="5" t="s">
        <v>3303</v>
      </c>
      <c r="D3256" s="1" t="s">
        <v>8734</v>
      </c>
      <c r="E3256" s="5" t="s">
        <v>13373</v>
      </c>
      <c r="F3256" s="6">
        <v>2006</v>
      </c>
    </row>
    <row r="3257" spans="1:6" x14ac:dyDescent="0.25">
      <c r="A3257" s="4" t="s">
        <v>63</v>
      </c>
      <c r="B3257" s="1" t="s">
        <v>3158</v>
      </c>
      <c r="C3257" s="5" t="s">
        <v>4605</v>
      </c>
      <c r="D3257" s="1" t="s">
        <v>8752</v>
      </c>
      <c r="E3257" s="5" t="s">
        <v>13409</v>
      </c>
      <c r="F3257" s="6">
        <v>2042</v>
      </c>
    </row>
    <row r="3258" spans="1:6" x14ac:dyDescent="0.25">
      <c r="A3258" s="4" t="s">
        <v>63</v>
      </c>
      <c r="B3258" s="1" t="s">
        <v>3158</v>
      </c>
      <c r="C3258" s="5" t="s">
        <v>4495</v>
      </c>
      <c r="D3258" s="1" t="s">
        <v>8772</v>
      </c>
      <c r="E3258" s="5" t="s">
        <v>13444</v>
      </c>
      <c r="F3258" s="6">
        <v>2080</v>
      </c>
    </row>
    <row r="3259" spans="1:6" x14ac:dyDescent="0.25">
      <c r="A3259" s="4" t="s">
        <v>63</v>
      </c>
      <c r="B3259" s="1" t="s">
        <v>3158</v>
      </c>
      <c r="C3259" s="5" t="s">
        <v>5895</v>
      </c>
      <c r="D3259" s="1" t="s">
        <v>9443</v>
      </c>
      <c r="E3259" s="5" t="s">
        <v>15208</v>
      </c>
      <c r="F3259" s="6">
        <v>3942</v>
      </c>
    </row>
    <row r="3260" spans="1:6" x14ac:dyDescent="0.25">
      <c r="A3260" s="4" t="s">
        <v>63</v>
      </c>
      <c r="B3260" s="1" t="s">
        <v>3158</v>
      </c>
      <c r="C3260" s="5" t="s">
        <v>6178</v>
      </c>
      <c r="D3260" s="1" t="s">
        <v>9786</v>
      </c>
      <c r="E3260" s="5" t="s">
        <v>15695</v>
      </c>
      <c r="F3260" s="6">
        <v>4462</v>
      </c>
    </row>
    <row r="3261" spans="1:6" x14ac:dyDescent="0.25">
      <c r="A3261" s="4" t="s">
        <v>63</v>
      </c>
      <c r="B3261" s="1" t="s">
        <v>3158</v>
      </c>
      <c r="C3261" s="5" t="s">
        <v>6274</v>
      </c>
      <c r="D3261" s="1" t="s">
        <v>1110</v>
      </c>
      <c r="E3261" s="5" t="s">
        <v>15859</v>
      </c>
      <c r="F3261" s="6">
        <v>4772</v>
      </c>
    </row>
    <row r="3262" spans="1:6" x14ac:dyDescent="0.25">
      <c r="A3262" s="4" t="s">
        <v>63</v>
      </c>
      <c r="B3262" s="1" t="s">
        <v>3158</v>
      </c>
      <c r="C3262" s="5" t="s">
        <v>6281</v>
      </c>
      <c r="D3262" s="1" t="s">
        <v>9926</v>
      </c>
      <c r="E3262" s="5" t="s">
        <v>15871</v>
      </c>
      <c r="F3262" s="6">
        <v>4785</v>
      </c>
    </row>
    <row r="3263" spans="1:6" x14ac:dyDescent="0.25">
      <c r="A3263" s="4" t="s">
        <v>63</v>
      </c>
      <c r="B3263" s="1" t="s">
        <v>3158</v>
      </c>
      <c r="C3263" s="5" t="s">
        <v>4495</v>
      </c>
      <c r="D3263" s="1" t="s">
        <v>10870</v>
      </c>
      <c r="E3263" s="5" t="s">
        <v>17153</v>
      </c>
      <c r="F3263" s="6">
        <v>8058</v>
      </c>
    </row>
    <row r="3264" spans="1:6" x14ac:dyDescent="0.25">
      <c r="A3264" s="4" t="s">
        <v>63</v>
      </c>
      <c r="B3264" s="1" t="s">
        <v>3158</v>
      </c>
      <c r="C3264" s="5" t="s">
        <v>6178</v>
      </c>
      <c r="D3264" s="1" t="s">
        <v>11180</v>
      </c>
      <c r="E3264" s="5" t="s">
        <v>17556</v>
      </c>
      <c r="F3264" s="6">
        <v>9170</v>
      </c>
    </row>
    <row r="3265" spans="1:6" x14ac:dyDescent="0.25">
      <c r="A3265" s="4" t="s">
        <v>63</v>
      </c>
      <c r="B3265" s="1" t="s">
        <v>3158</v>
      </c>
      <c r="C3265" s="5" t="s">
        <v>7179</v>
      </c>
      <c r="D3265" s="1" t="s">
        <v>11307</v>
      </c>
      <c r="E3265" s="5" t="s">
        <v>17725</v>
      </c>
      <c r="F3265" s="6">
        <v>9347</v>
      </c>
    </row>
    <row r="3266" spans="1:6" x14ac:dyDescent="0.25">
      <c r="A3266" s="4" t="s">
        <v>63</v>
      </c>
      <c r="B3266" s="1" t="s">
        <v>3158</v>
      </c>
      <c r="C3266" s="5" t="s">
        <v>7186</v>
      </c>
      <c r="D3266" s="1" t="s">
        <v>11319</v>
      </c>
      <c r="E3266" s="5" t="s">
        <v>17741</v>
      </c>
      <c r="F3266" s="6">
        <v>9363</v>
      </c>
    </row>
    <row r="3267" spans="1:6" x14ac:dyDescent="0.25">
      <c r="A3267" s="4" t="s">
        <v>63</v>
      </c>
      <c r="B3267" s="1" t="s">
        <v>3158</v>
      </c>
      <c r="C3267" s="5" t="s">
        <v>6178</v>
      </c>
      <c r="D3267" s="1" t="s">
        <v>11501</v>
      </c>
      <c r="E3267" s="5" t="s">
        <v>17964</v>
      </c>
      <c r="F3267" s="6">
        <v>9596</v>
      </c>
    </row>
    <row r="3268" spans="1:6" x14ac:dyDescent="0.25">
      <c r="A3268" s="4" t="s">
        <v>63</v>
      </c>
      <c r="B3268" s="1" t="s">
        <v>3158</v>
      </c>
      <c r="C3268" s="5" t="s">
        <v>3303</v>
      </c>
      <c r="D3268" s="1" t="s">
        <v>11502</v>
      </c>
      <c r="E3268" s="5" t="s">
        <v>17965</v>
      </c>
      <c r="F3268" s="6">
        <v>9597</v>
      </c>
    </row>
    <row r="3269" spans="1:6" x14ac:dyDescent="0.25">
      <c r="A3269" s="4" t="s">
        <v>63</v>
      </c>
      <c r="B3269" s="1" t="s">
        <v>3158</v>
      </c>
      <c r="C3269" s="5" t="s">
        <v>7286</v>
      </c>
      <c r="D3269" s="1" t="s">
        <v>11520</v>
      </c>
      <c r="E3269" s="5" t="s">
        <v>17984</v>
      </c>
      <c r="F3269" s="6">
        <v>9616</v>
      </c>
    </row>
    <row r="3270" spans="1:6" x14ac:dyDescent="0.25">
      <c r="A3270" s="4" t="s">
        <v>63</v>
      </c>
      <c r="B3270" s="1" t="s">
        <v>3158</v>
      </c>
      <c r="C3270" s="5" t="s">
        <v>4017</v>
      </c>
      <c r="D3270" s="1" t="s">
        <v>11521</v>
      </c>
      <c r="E3270" s="5" t="s">
        <v>17985</v>
      </c>
      <c r="F3270" s="6">
        <v>9617</v>
      </c>
    </row>
    <row r="3271" spans="1:6" x14ac:dyDescent="0.25">
      <c r="A3271" s="4" t="s">
        <v>63</v>
      </c>
      <c r="B3271" s="1" t="s">
        <v>3158</v>
      </c>
      <c r="C3271" s="5" t="s">
        <v>7288</v>
      </c>
      <c r="D3271" s="1" t="s">
        <v>11523</v>
      </c>
      <c r="E3271" s="5" t="s">
        <v>17987</v>
      </c>
      <c r="F3271" s="6">
        <v>9619</v>
      </c>
    </row>
    <row r="3272" spans="1:6" x14ac:dyDescent="0.25">
      <c r="A3272" s="4" t="s">
        <v>63</v>
      </c>
      <c r="B3272" s="1" t="s">
        <v>3158</v>
      </c>
      <c r="C3272" s="5" t="s">
        <v>3303</v>
      </c>
      <c r="D3272" s="1" t="s">
        <v>11570</v>
      </c>
      <c r="E3272" s="5" t="s">
        <v>18043</v>
      </c>
      <c r="F3272" s="6">
        <v>9676</v>
      </c>
    </row>
    <row r="3273" spans="1:6" x14ac:dyDescent="0.25">
      <c r="A3273" s="4" t="s">
        <v>1045</v>
      </c>
      <c r="B3273" s="1" t="s">
        <v>3160</v>
      </c>
      <c r="C3273" s="5" t="s">
        <v>4786</v>
      </c>
      <c r="D3273" s="1" t="s">
        <v>1045</v>
      </c>
      <c r="E3273" s="5" t="s">
        <v>13613</v>
      </c>
      <c r="F3273" s="6">
        <v>2255</v>
      </c>
    </row>
    <row r="3274" spans="1:6" x14ac:dyDescent="0.25">
      <c r="A3274" s="4" t="s">
        <v>2132</v>
      </c>
      <c r="B3274" s="1" t="s">
        <v>3154</v>
      </c>
      <c r="C3274" s="5" t="s">
        <v>3829</v>
      </c>
      <c r="D3274" s="1" t="s">
        <v>2132</v>
      </c>
      <c r="E3274" s="5" t="s">
        <v>15093</v>
      </c>
      <c r="F3274" s="6">
        <v>3822</v>
      </c>
    </row>
    <row r="3275" spans="1:6" x14ac:dyDescent="0.25">
      <c r="A3275" s="4" t="s">
        <v>2736</v>
      </c>
      <c r="B3275" s="1" t="s">
        <v>3146</v>
      </c>
      <c r="C3275" s="5" t="s">
        <v>6678</v>
      </c>
      <c r="D3275" s="1" t="s">
        <v>10512</v>
      </c>
      <c r="E3275" s="5" t="s">
        <v>16681</v>
      </c>
      <c r="F3275" s="6">
        <v>6555</v>
      </c>
    </row>
    <row r="3276" spans="1:6" x14ac:dyDescent="0.25">
      <c r="A3276" s="4" t="s">
        <v>291</v>
      </c>
      <c r="B3276" s="1" t="s">
        <v>3147</v>
      </c>
      <c r="C3276" s="5" t="s">
        <v>3763</v>
      </c>
      <c r="D3276" s="1" t="s">
        <v>7941</v>
      </c>
      <c r="E3276" s="5" t="s">
        <v>12256</v>
      </c>
      <c r="F3276" s="6">
        <v>748</v>
      </c>
    </row>
    <row r="3277" spans="1:6" x14ac:dyDescent="0.25">
      <c r="A3277" s="4" t="s">
        <v>2982</v>
      </c>
      <c r="B3277" s="1" t="s">
        <v>3156</v>
      </c>
      <c r="C3277" s="5" t="s">
        <v>7027</v>
      </c>
      <c r="D3277" s="1" t="s">
        <v>2982</v>
      </c>
      <c r="E3277" s="5" t="s">
        <v>17460</v>
      </c>
      <c r="F3277" s="6">
        <v>9071</v>
      </c>
    </row>
    <row r="3278" spans="1:6" x14ac:dyDescent="0.25">
      <c r="A3278" s="4" t="s">
        <v>2265</v>
      </c>
      <c r="B3278" s="1" t="s">
        <v>3158</v>
      </c>
      <c r="C3278" s="5" t="s">
        <v>6001</v>
      </c>
      <c r="D3278" s="1" t="s">
        <v>2265</v>
      </c>
      <c r="E3278" s="5" t="s">
        <v>15392</v>
      </c>
      <c r="F3278" s="6">
        <v>4129</v>
      </c>
    </row>
    <row r="3279" spans="1:6" x14ac:dyDescent="0.25">
      <c r="A3279" s="4" t="s">
        <v>2265</v>
      </c>
      <c r="B3279" s="1" t="s">
        <v>3158</v>
      </c>
      <c r="C3279" s="5" t="s">
        <v>6628</v>
      </c>
      <c r="D3279" s="1" t="s">
        <v>10422</v>
      </c>
      <c r="E3279" s="5" t="s">
        <v>16566</v>
      </c>
      <c r="F3279" s="6">
        <v>6247</v>
      </c>
    </row>
    <row r="3280" spans="1:6" x14ac:dyDescent="0.25">
      <c r="A3280" s="4" t="s">
        <v>68</v>
      </c>
      <c r="B3280" s="1" t="s">
        <v>3152</v>
      </c>
      <c r="C3280" s="5" t="s">
        <v>3313</v>
      </c>
      <c r="D3280" s="1" t="s">
        <v>7438</v>
      </c>
      <c r="E3280" s="5" t="s">
        <v>11717</v>
      </c>
      <c r="F3280" s="6">
        <v>138</v>
      </c>
    </row>
    <row r="3281" spans="1:6" x14ac:dyDescent="0.25">
      <c r="A3281" s="4" t="s">
        <v>68</v>
      </c>
      <c r="B3281" s="1" t="s">
        <v>3152</v>
      </c>
      <c r="C3281" s="5" t="s">
        <v>5200</v>
      </c>
      <c r="D3281" s="1" t="s">
        <v>9051</v>
      </c>
      <c r="E3281" s="5" t="s">
        <v>14127</v>
      </c>
      <c r="F3281" s="6">
        <v>2784</v>
      </c>
    </row>
    <row r="3282" spans="1:6" x14ac:dyDescent="0.25">
      <c r="A3282" s="4" t="s">
        <v>68</v>
      </c>
      <c r="B3282" s="1" t="s">
        <v>3152</v>
      </c>
      <c r="C3282" s="5">
        <v>144620</v>
      </c>
      <c r="D3282" s="1" t="s">
        <v>9194</v>
      </c>
      <c r="E3282" s="5" t="s">
        <v>14596</v>
      </c>
      <c r="F3282" s="6">
        <v>3291</v>
      </c>
    </row>
    <row r="3283" spans="1:6" x14ac:dyDescent="0.25">
      <c r="A3283" s="4" t="s">
        <v>82</v>
      </c>
      <c r="B3283" s="1" t="s">
        <v>3144</v>
      </c>
      <c r="C3283" s="5" t="s">
        <v>3336</v>
      </c>
      <c r="D3283" s="1" t="s">
        <v>7463</v>
      </c>
      <c r="E3283" s="5" t="s">
        <v>11744</v>
      </c>
      <c r="F3283" s="6">
        <v>165</v>
      </c>
    </row>
    <row r="3284" spans="1:6" x14ac:dyDescent="0.25">
      <c r="A3284" s="4" t="s">
        <v>82</v>
      </c>
      <c r="B3284" s="1" t="s">
        <v>3144</v>
      </c>
      <c r="C3284" s="5" t="s">
        <v>3336</v>
      </c>
      <c r="D3284" s="1" t="s">
        <v>9000</v>
      </c>
      <c r="E3284" s="5" t="s">
        <v>14038</v>
      </c>
      <c r="F3284" s="6">
        <v>2692</v>
      </c>
    </row>
    <row r="3285" spans="1:6" x14ac:dyDescent="0.25">
      <c r="A3285" s="4" t="s">
        <v>2142</v>
      </c>
      <c r="B3285" s="1" t="s">
        <v>3146</v>
      </c>
      <c r="C3285" s="5" t="s">
        <v>5845</v>
      </c>
      <c r="D3285" s="1" t="s">
        <v>2142</v>
      </c>
      <c r="E3285" s="5" t="s">
        <v>15111</v>
      </c>
      <c r="F3285" s="6">
        <v>3840</v>
      </c>
    </row>
    <row r="3286" spans="1:6" x14ac:dyDescent="0.25">
      <c r="A3286" s="4" t="s">
        <v>1171</v>
      </c>
      <c r="B3286" s="1" t="s">
        <v>199</v>
      </c>
      <c r="C3286" s="5" t="s">
        <v>4914</v>
      </c>
      <c r="D3286" s="1" t="s">
        <v>1171</v>
      </c>
      <c r="E3286" s="5" t="s">
        <v>13755</v>
      </c>
      <c r="F3286" s="6">
        <v>2403</v>
      </c>
    </row>
    <row r="3287" spans="1:6" x14ac:dyDescent="0.25">
      <c r="A3287" s="4" t="s">
        <v>743</v>
      </c>
      <c r="B3287" s="1" t="s">
        <v>3146</v>
      </c>
      <c r="C3287" s="5" t="s">
        <v>4457</v>
      </c>
      <c r="D3287" s="1" t="s">
        <v>743</v>
      </c>
      <c r="E3287" s="5" t="s">
        <v>13222</v>
      </c>
      <c r="F3287" s="6">
        <v>1855</v>
      </c>
    </row>
    <row r="3288" spans="1:6" x14ac:dyDescent="0.25">
      <c r="A3288" s="4" t="s">
        <v>1823</v>
      </c>
      <c r="B3288" s="1" t="s">
        <v>3144</v>
      </c>
      <c r="C3288" s="5" t="s">
        <v>5595</v>
      </c>
      <c r="D3288" s="1" t="s">
        <v>1823</v>
      </c>
      <c r="E3288" s="5" t="s">
        <v>14647</v>
      </c>
      <c r="F3288" s="6">
        <v>3345</v>
      </c>
    </row>
    <row r="3289" spans="1:6" x14ac:dyDescent="0.25">
      <c r="A3289" s="4" t="s">
        <v>3029</v>
      </c>
      <c r="B3289" s="1" t="s">
        <v>3160</v>
      </c>
      <c r="C3289" s="5" t="s">
        <v>7113</v>
      </c>
      <c r="D3289" s="1" t="s">
        <v>3029</v>
      </c>
      <c r="E3289" s="5" t="s">
        <v>17603</v>
      </c>
      <c r="F3289" s="6">
        <v>9219</v>
      </c>
    </row>
    <row r="3290" spans="1:6" x14ac:dyDescent="0.25">
      <c r="A3290" s="4" t="s">
        <v>740</v>
      </c>
      <c r="B3290" s="1" t="s">
        <v>3146</v>
      </c>
      <c r="C3290" s="5" t="s">
        <v>4454</v>
      </c>
      <c r="D3290" s="1" t="s">
        <v>740</v>
      </c>
      <c r="E3290" s="5" t="s">
        <v>13219</v>
      </c>
      <c r="F3290" s="6">
        <v>1852</v>
      </c>
    </row>
    <row r="3291" spans="1:6" x14ac:dyDescent="0.25">
      <c r="A3291" s="4" t="s">
        <v>2582</v>
      </c>
      <c r="B3291" s="1" t="s">
        <v>3149</v>
      </c>
      <c r="C3291" s="5" t="s">
        <v>6493</v>
      </c>
      <c r="D3291" s="1" t="s">
        <v>10248</v>
      </c>
      <c r="E3291" s="5" t="s">
        <v>16305</v>
      </c>
      <c r="F3291" s="6">
        <v>5610</v>
      </c>
    </row>
    <row r="3292" spans="1:6" x14ac:dyDescent="0.25">
      <c r="A3292" s="4" t="s">
        <v>2530</v>
      </c>
      <c r="B3292" s="1" t="s">
        <v>3156</v>
      </c>
      <c r="C3292" s="5" t="s">
        <v>6432</v>
      </c>
      <c r="D3292" s="1" t="s">
        <v>2530</v>
      </c>
      <c r="E3292" s="5" t="s">
        <v>16205</v>
      </c>
      <c r="F3292" s="6">
        <v>5363</v>
      </c>
    </row>
    <row r="3293" spans="1:6" x14ac:dyDescent="0.25">
      <c r="A3293" s="4" t="s">
        <v>2097</v>
      </c>
      <c r="B3293" s="1" t="s">
        <v>3144</v>
      </c>
      <c r="C3293" s="5" t="s">
        <v>5594</v>
      </c>
      <c r="D3293" s="1" t="s">
        <v>2097</v>
      </c>
      <c r="E3293" s="5" t="s">
        <v>15018</v>
      </c>
      <c r="F3293" s="6">
        <v>3745</v>
      </c>
    </row>
    <row r="3294" spans="1:6" x14ac:dyDescent="0.25">
      <c r="A3294" s="4" t="s">
        <v>1684</v>
      </c>
      <c r="B3294" s="1" t="s">
        <v>3144</v>
      </c>
      <c r="C3294" s="5" t="s">
        <v>5472</v>
      </c>
      <c r="D3294" s="1" t="s">
        <v>1684</v>
      </c>
      <c r="E3294" s="5" t="s">
        <v>14475</v>
      </c>
      <c r="F3294" s="6">
        <v>3160</v>
      </c>
    </row>
    <row r="3295" spans="1:6" x14ac:dyDescent="0.25">
      <c r="A3295" s="4" t="s">
        <v>2806</v>
      </c>
      <c r="B3295" s="1" t="s">
        <v>3153</v>
      </c>
      <c r="C3295" s="5" t="s">
        <v>6801</v>
      </c>
      <c r="D3295" s="1" t="s">
        <v>2806</v>
      </c>
      <c r="E3295" s="5" t="s">
        <v>16907</v>
      </c>
      <c r="F3295" s="6">
        <v>7230</v>
      </c>
    </row>
    <row r="3296" spans="1:6" x14ac:dyDescent="0.25">
      <c r="A3296" s="4" t="s">
        <v>2851</v>
      </c>
      <c r="B3296" s="1" t="s">
        <v>3153</v>
      </c>
      <c r="C3296" s="5" t="s">
        <v>6852</v>
      </c>
      <c r="D3296" s="1" t="s">
        <v>10766</v>
      </c>
      <c r="E3296" s="5" t="s">
        <v>17019</v>
      </c>
      <c r="F3296" s="6">
        <v>7607</v>
      </c>
    </row>
    <row r="3297" spans="1:6" x14ac:dyDescent="0.25">
      <c r="A3297" s="4" t="s">
        <v>1479</v>
      </c>
      <c r="B3297" s="1" t="s">
        <v>3177</v>
      </c>
      <c r="C3297" s="5" t="s">
        <v>5295</v>
      </c>
      <c r="D3297" s="1" t="s">
        <v>1479</v>
      </c>
      <c r="E3297" s="5" t="s">
        <v>14251</v>
      </c>
      <c r="F3297" s="6">
        <v>2912</v>
      </c>
    </row>
    <row r="3298" spans="1:6" x14ac:dyDescent="0.25">
      <c r="A3298" s="4" t="s">
        <v>228</v>
      </c>
      <c r="B3298" s="1" t="s">
        <v>3151</v>
      </c>
      <c r="C3298" s="5" t="s">
        <v>3626</v>
      </c>
      <c r="D3298" s="1" t="s">
        <v>7772</v>
      </c>
      <c r="E3298" s="5" t="s">
        <v>12071</v>
      </c>
      <c r="F3298" s="6">
        <v>518</v>
      </c>
    </row>
    <row r="3299" spans="1:6" x14ac:dyDescent="0.25">
      <c r="A3299" s="4" t="s">
        <v>228</v>
      </c>
      <c r="B3299" s="1" t="s">
        <v>3151</v>
      </c>
      <c r="C3299" s="5" t="s">
        <v>3626</v>
      </c>
      <c r="D3299" s="1" t="s">
        <v>9708</v>
      </c>
      <c r="E3299" s="5" t="s">
        <v>15600</v>
      </c>
      <c r="F3299" s="6">
        <v>4342</v>
      </c>
    </row>
    <row r="3300" spans="1:6" x14ac:dyDescent="0.25">
      <c r="A3300" s="4" t="s">
        <v>228</v>
      </c>
      <c r="B3300" s="1" t="s">
        <v>3151</v>
      </c>
      <c r="C3300" s="5" t="s">
        <v>3626</v>
      </c>
      <c r="D3300" s="1" t="s">
        <v>11576</v>
      </c>
      <c r="E3300" s="5" t="s">
        <v>18050</v>
      </c>
      <c r="F3300" s="6">
        <v>9683</v>
      </c>
    </row>
    <row r="3301" spans="1:6" x14ac:dyDescent="0.25">
      <c r="A3301" s="4" t="s">
        <v>1179</v>
      </c>
      <c r="B3301" s="1" t="s">
        <v>3164</v>
      </c>
      <c r="C3301" s="5" t="s">
        <v>4930</v>
      </c>
      <c r="D3301" s="1" t="s">
        <v>1179</v>
      </c>
      <c r="E3301" s="5" t="s">
        <v>13775</v>
      </c>
      <c r="F3301" s="6">
        <v>2424</v>
      </c>
    </row>
    <row r="3302" spans="1:6" x14ac:dyDescent="0.25">
      <c r="A3302" s="4" t="s">
        <v>2481</v>
      </c>
      <c r="B3302" s="1" t="s">
        <v>3151</v>
      </c>
      <c r="C3302" s="5">
        <v>505001</v>
      </c>
      <c r="D3302" s="1" t="s">
        <v>10036</v>
      </c>
      <c r="E3302" s="5" t="s">
        <v>16020</v>
      </c>
      <c r="F3302" s="6">
        <v>4994</v>
      </c>
    </row>
    <row r="3303" spans="1:6" x14ac:dyDescent="0.25">
      <c r="A3303" s="4" t="s">
        <v>2481</v>
      </c>
      <c r="B3303" s="1" t="s">
        <v>3151</v>
      </c>
      <c r="C3303" s="5">
        <v>505001</v>
      </c>
      <c r="D3303" s="1" t="s">
        <v>10594</v>
      </c>
      <c r="E3303" s="5" t="s">
        <v>16796</v>
      </c>
      <c r="F3303" s="6">
        <v>6973</v>
      </c>
    </row>
    <row r="3304" spans="1:6" x14ac:dyDescent="0.25">
      <c r="A3304" s="4" t="s">
        <v>1046</v>
      </c>
      <c r="B3304" s="1" t="s">
        <v>3147</v>
      </c>
      <c r="C3304" s="5" t="s">
        <v>4787</v>
      </c>
      <c r="D3304" s="1" t="s">
        <v>1046</v>
      </c>
      <c r="E3304" s="5" t="s">
        <v>13614</v>
      </c>
      <c r="F3304" s="6">
        <v>2256</v>
      </c>
    </row>
    <row r="3305" spans="1:6" x14ac:dyDescent="0.25">
      <c r="A3305" s="4" t="s">
        <v>1531</v>
      </c>
      <c r="B3305" s="1" t="s">
        <v>3144</v>
      </c>
      <c r="C3305" s="5" t="s">
        <v>5351</v>
      </c>
      <c r="D3305" s="1" t="s">
        <v>1531</v>
      </c>
      <c r="E3305" s="5" t="s">
        <v>14311</v>
      </c>
      <c r="F3305" s="6">
        <v>2973</v>
      </c>
    </row>
    <row r="3306" spans="1:6" x14ac:dyDescent="0.25">
      <c r="A3306" s="4" t="s">
        <v>1096</v>
      </c>
      <c r="B3306" s="1" t="s">
        <v>3149</v>
      </c>
      <c r="C3306" s="5" t="s">
        <v>4839</v>
      </c>
      <c r="D3306" s="1" t="s">
        <v>8821</v>
      </c>
      <c r="E3306" s="5" t="s">
        <v>13667</v>
      </c>
      <c r="F3306" s="6">
        <v>2313</v>
      </c>
    </row>
    <row r="3307" spans="1:6" x14ac:dyDescent="0.25">
      <c r="A3307" s="4" t="s">
        <v>106</v>
      </c>
      <c r="B3307" s="1" t="s">
        <v>3154</v>
      </c>
      <c r="C3307" s="5" t="s">
        <v>3365</v>
      </c>
      <c r="D3307" s="1" t="s">
        <v>7490</v>
      </c>
      <c r="E3307" s="5" t="s">
        <v>11774</v>
      </c>
      <c r="F3307" s="6">
        <v>195</v>
      </c>
    </row>
    <row r="3308" spans="1:6" x14ac:dyDescent="0.25">
      <c r="A3308" s="4" t="s">
        <v>106</v>
      </c>
      <c r="B3308" s="1" t="s">
        <v>3154</v>
      </c>
      <c r="C3308" s="5" t="s">
        <v>3365</v>
      </c>
      <c r="D3308" s="1" t="s">
        <v>8398</v>
      </c>
      <c r="E3308" s="5" t="s">
        <v>12834</v>
      </c>
      <c r="F3308" s="6">
        <v>1434</v>
      </c>
    </row>
    <row r="3309" spans="1:6" x14ac:dyDescent="0.25">
      <c r="A3309" s="4" t="s">
        <v>106</v>
      </c>
      <c r="B3309" s="1" t="s">
        <v>3154</v>
      </c>
      <c r="C3309" s="5" t="s">
        <v>4354</v>
      </c>
      <c r="D3309" s="1" t="s">
        <v>8587</v>
      </c>
      <c r="E3309" s="5" t="s">
        <v>13094</v>
      </c>
      <c r="F3309" s="6">
        <v>1727</v>
      </c>
    </row>
    <row r="3310" spans="1:6" x14ac:dyDescent="0.25">
      <c r="A3310" s="4" t="s">
        <v>106</v>
      </c>
      <c r="B3310" s="1" t="s">
        <v>3154</v>
      </c>
      <c r="C3310" s="5" t="s">
        <v>3365</v>
      </c>
      <c r="D3310" s="1" t="s">
        <v>8837</v>
      </c>
      <c r="E3310" s="5" t="s">
        <v>13728</v>
      </c>
      <c r="F3310" s="6">
        <v>2376</v>
      </c>
    </row>
    <row r="3311" spans="1:6" x14ac:dyDescent="0.25">
      <c r="A3311" s="4" t="s">
        <v>106</v>
      </c>
      <c r="B3311" s="1" t="s">
        <v>3154</v>
      </c>
      <c r="C3311" s="5" t="s">
        <v>5510</v>
      </c>
      <c r="D3311" s="1" t="s">
        <v>9167</v>
      </c>
      <c r="E3311" s="5" t="s">
        <v>14528</v>
      </c>
      <c r="F3311" s="6">
        <v>3216</v>
      </c>
    </row>
    <row r="3312" spans="1:6" x14ac:dyDescent="0.25">
      <c r="A3312" s="4" t="s">
        <v>106</v>
      </c>
      <c r="B3312" s="1" t="s">
        <v>3154</v>
      </c>
      <c r="C3312" s="5" t="s">
        <v>5522</v>
      </c>
      <c r="D3312" s="1" t="s">
        <v>9177</v>
      </c>
      <c r="E3312" s="5" t="s">
        <v>14543</v>
      </c>
      <c r="F3312" s="6">
        <v>3233</v>
      </c>
    </row>
    <row r="3313" spans="1:6" x14ac:dyDescent="0.25">
      <c r="A3313" s="4" t="s">
        <v>106</v>
      </c>
      <c r="B3313" s="1" t="s">
        <v>3154</v>
      </c>
      <c r="C3313" s="5" t="s">
        <v>3365</v>
      </c>
      <c r="D3313" s="1" t="s">
        <v>9182</v>
      </c>
      <c r="E3313" s="5" t="s">
        <v>14551</v>
      </c>
      <c r="F3313" s="6">
        <v>3242</v>
      </c>
    </row>
    <row r="3314" spans="1:6" x14ac:dyDescent="0.25">
      <c r="A3314" s="4" t="s">
        <v>106</v>
      </c>
      <c r="B3314" s="1" t="s">
        <v>3154</v>
      </c>
      <c r="C3314" s="5" t="s">
        <v>3365</v>
      </c>
      <c r="D3314" s="1" t="s">
        <v>9257</v>
      </c>
      <c r="E3314" s="5" t="s">
        <v>14931</v>
      </c>
      <c r="F3314" s="6">
        <v>3653</v>
      </c>
    </row>
    <row r="3315" spans="1:6" x14ac:dyDescent="0.25">
      <c r="A3315" s="4" t="s">
        <v>106</v>
      </c>
      <c r="B3315" s="1" t="s">
        <v>3154</v>
      </c>
      <c r="C3315" s="5" t="s">
        <v>3365</v>
      </c>
      <c r="D3315" s="1" t="s">
        <v>9480</v>
      </c>
      <c r="E3315" s="5" t="s">
        <v>15254</v>
      </c>
      <c r="F3315" s="6">
        <v>3989</v>
      </c>
    </row>
    <row r="3316" spans="1:6" x14ac:dyDescent="0.25">
      <c r="A3316" s="4" t="s">
        <v>106</v>
      </c>
      <c r="B3316" s="1" t="s">
        <v>3154</v>
      </c>
      <c r="C3316" s="5">
        <v>132114</v>
      </c>
      <c r="D3316" s="1" t="s">
        <v>9897</v>
      </c>
      <c r="E3316" s="5" t="s">
        <v>15834</v>
      </c>
      <c r="F3316" s="6">
        <v>4746</v>
      </c>
    </row>
    <row r="3317" spans="1:6" x14ac:dyDescent="0.25">
      <c r="A3317" s="4" t="s">
        <v>106</v>
      </c>
      <c r="B3317" s="1" t="s">
        <v>3154</v>
      </c>
      <c r="C3317" s="5" t="s">
        <v>6700</v>
      </c>
      <c r="D3317" s="1" t="s">
        <v>10540</v>
      </c>
      <c r="E3317" s="5" t="s">
        <v>16722</v>
      </c>
      <c r="F3317" s="6">
        <v>6701</v>
      </c>
    </row>
    <row r="3318" spans="1:6" x14ac:dyDescent="0.25">
      <c r="A3318" s="4" t="s">
        <v>106</v>
      </c>
      <c r="B3318" s="1" t="s">
        <v>3154</v>
      </c>
      <c r="C3318" s="5" t="s">
        <v>3365</v>
      </c>
      <c r="D3318" s="1" t="s">
        <v>10747</v>
      </c>
      <c r="E3318" s="5" t="s">
        <v>16994</v>
      </c>
      <c r="F3318" s="6">
        <v>7522</v>
      </c>
    </row>
    <row r="3319" spans="1:6" x14ac:dyDescent="0.25">
      <c r="A3319" s="4" t="s">
        <v>2894</v>
      </c>
      <c r="B3319" s="1" t="s">
        <v>3165</v>
      </c>
      <c r="C3319" s="5" t="s">
        <v>6895</v>
      </c>
      <c r="D3319" s="1" t="s">
        <v>2894</v>
      </c>
      <c r="E3319" s="5" t="s">
        <v>17167</v>
      </c>
      <c r="F3319" s="6">
        <v>8106</v>
      </c>
    </row>
    <row r="3320" spans="1:6" x14ac:dyDescent="0.25">
      <c r="A3320" s="4" t="s">
        <v>602</v>
      </c>
      <c r="B3320" s="1" t="s">
        <v>3152</v>
      </c>
      <c r="C3320" s="5" t="s">
        <v>4265</v>
      </c>
      <c r="D3320" s="1" t="s">
        <v>8510</v>
      </c>
      <c r="E3320" s="5" t="s">
        <v>12974</v>
      </c>
      <c r="F3320" s="6">
        <v>1584</v>
      </c>
    </row>
    <row r="3321" spans="1:6" x14ac:dyDescent="0.25">
      <c r="A3321" s="4" t="s">
        <v>567</v>
      </c>
      <c r="B3321" s="1" t="s">
        <v>3150</v>
      </c>
      <c r="C3321" s="5" t="s">
        <v>4214</v>
      </c>
      <c r="D3321" s="1" t="s">
        <v>8452</v>
      </c>
      <c r="E3321" s="5" t="s">
        <v>12903</v>
      </c>
      <c r="F3321" s="6">
        <v>1505</v>
      </c>
    </row>
    <row r="3322" spans="1:6" x14ac:dyDescent="0.25">
      <c r="A3322" s="4" t="s">
        <v>2543</v>
      </c>
      <c r="B3322" s="1" t="s">
        <v>3146</v>
      </c>
      <c r="C3322" s="5">
        <v>629157</v>
      </c>
      <c r="D3322" s="1" t="s">
        <v>2543</v>
      </c>
      <c r="E3322" s="5" t="s">
        <v>16237</v>
      </c>
      <c r="F3322" s="6">
        <v>5464</v>
      </c>
    </row>
    <row r="3323" spans="1:6" x14ac:dyDescent="0.25">
      <c r="A3323" s="4" t="s">
        <v>2662</v>
      </c>
      <c r="B3323" s="1" t="s">
        <v>3146</v>
      </c>
      <c r="C3323" s="5">
        <v>625020</v>
      </c>
      <c r="D3323" s="1" t="s">
        <v>2662</v>
      </c>
      <c r="E3323" s="5" t="s">
        <v>16466</v>
      </c>
      <c r="F3323" s="6">
        <v>5985</v>
      </c>
    </row>
    <row r="3324" spans="1:6" x14ac:dyDescent="0.25">
      <c r="A3324" s="4" t="s">
        <v>237</v>
      </c>
      <c r="B3324" s="1" t="s">
        <v>3146</v>
      </c>
      <c r="C3324" s="5" t="s">
        <v>3651</v>
      </c>
      <c r="D3324" s="1" t="s">
        <v>237</v>
      </c>
      <c r="E3324" s="5" t="s">
        <v>12105</v>
      </c>
      <c r="F3324" s="6">
        <v>566</v>
      </c>
    </row>
    <row r="3325" spans="1:6" x14ac:dyDescent="0.25">
      <c r="A3325" s="4" t="s">
        <v>237</v>
      </c>
      <c r="B3325" s="1" t="s">
        <v>3146</v>
      </c>
      <c r="C3325" s="5" t="s">
        <v>6733</v>
      </c>
      <c r="D3325" s="1" t="s">
        <v>10581</v>
      </c>
      <c r="E3325" s="5" t="s">
        <v>16775</v>
      </c>
      <c r="F3325" s="6">
        <v>6914</v>
      </c>
    </row>
    <row r="3326" spans="1:6" x14ac:dyDescent="0.25">
      <c r="A3326" s="4" t="s">
        <v>590</v>
      </c>
      <c r="B3326" s="1" t="s">
        <v>3150</v>
      </c>
      <c r="C3326" s="5" t="s">
        <v>4241</v>
      </c>
      <c r="D3326" s="1" t="s">
        <v>8472</v>
      </c>
      <c r="E3326" s="5" t="s">
        <v>12932</v>
      </c>
      <c r="F3326" s="6">
        <v>1540</v>
      </c>
    </row>
    <row r="3327" spans="1:6" x14ac:dyDescent="0.25">
      <c r="A3327" s="4" t="s">
        <v>844</v>
      </c>
      <c r="B3327" s="1" t="s">
        <v>3149</v>
      </c>
      <c r="C3327" s="5" t="s">
        <v>4579</v>
      </c>
      <c r="D3327" s="1" t="s">
        <v>844</v>
      </c>
      <c r="E3327" s="5" t="s">
        <v>13376</v>
      </c>
      <c r="F3327" s="6">
        <v>2009</v>
      </c>
    </row>
    <row r="3328" spans="1:6" x14ac:dyDescent="0.25">
      <c r="A3328" s="4" t="s">
        <v>1327</v>
      </c>
      <c r="B3328" s="1" t="s">
        <v>3158</v>
      </c>
      <c r="C3328" s="5" t="s">
        <v>5113</v>
      </c>
      <c r="D3328" s="1" t="s">
        <v>1327</v>
      </c>
      <c r="E3328" s="5" t="s">
        <v>14002</v>
      </c>
      <c r="F3328" s="6">
        <v>2656</v>
      </c>
    </row>
    <row r="3329" spans="1:6" x14ac:dyDescent="0.25">
      <c r="A3329" s="4" t="s">
        <v>578</v>
      </c>
      <c r="B3329" s="1" t="s">
        <v>3150</v>
      </c>
      <c r="C3329" s="5" t="s">
        <v>4229</v>
      </c>
      <c r="D3329" s="1" t="s">
        <v>578</v>
      </c>
      <c r="E3329" s="5" t="s">
        <v>12920</v>
      </c>
      <c r="F3329" s="6">
        <v>1525</v>
      </c>
    </row>
    <row r="3330" spans="1:6" x14ac:dyDescent="0.25">
      <c r="A3330" s="4" t="s">
        <v>578</v>
      </c>
      <c r="B3330" s="1" t="s">
        <v>3150</v>
      </c>
      <c r="C3330" s="5" t="s">
        <v>4229</v>
      </c>
      <c r="D3330" s="1" t="s">
        <v>10423</v>
      </c>
      <c r="E3330" s="5" t="s">
        <v>16567</v>
      </c>
      <c r="F3330" s="6">
        <v>6249</v>
      </c>
    </row>
    <row r="3331" spans="1:6" x14ac:dyDescent="0.25">
      <c r="A3331" s="4" t="s">
        <v>1224</v>
      </c>
      <c r="B3331" s="1" t="s">
        <v>3144</v>
      </c>
      <c r="C3331" s="5">
        <v>412108</v>
      </c>
      <c r="D3331" s="1" t="s">
        <v>1224</v>
      </c>
      <c r="E3331" s="5" t="s">
        <v>13843</v>
      </c>
      <c r="F3331" s="6">
        <v>2493</v>
      </c>
    </row>
    <row r="3332" spans="1:6" x14ac:dyDescent="0.25">
      <c r="A3332" s="4" t="s">
        <v>2821</v>
      </c>
      <c r="B3332" s="1" t="s">
        <v>3161</v>
      </c>
      <c r="C3332" s="5" t="s">
        <v>6814</v>
      </c>
      <c r="D3332" s="1" t="s">
        <v>2821</v>
      </c>
      <c r="E3332" s="5" t="s">
        <v>16936</v>
      </c>
      <c r="F3332" s="6">
        <v>7339</v>
      </c>
    </row>
    <row r="3333" spans="1:6" x14ac:dyDescent="0.25">
      <c r="A3333" s="4" t="s">
        <v>1371</v>
      </c>
      <c r="B3333" s="1" t="s">
        <v>3158</v>
      </c>
      <c r="C3333" s="5" t="s">
        <v>5170</v>
      </c>
      <c r="D3333" s="1" t="s">
        <v>1371</v>
      </c>
      <c r="E3333" s="5" t="s">
        <v>14078</v>
      </c>
      <c r="F3333" s="6">
        <v>2733</v>
      </c>
    </row>
    <row r="3334" spans="1:6" x14ac:dyDescent="0.25">
      <c r="A3334" s="4" t="s">
        <v>332</v>
      </c>
      <c r="B3334" s="1" t="s">
        <v>3162</v>
      </c>
      <c r="C3334" s="5" t="s">
        <v>3816</v>
      </c>
      <c r="D3334" s="1" t="s">
        <v>7993</v>
      </c>
      <c r="E3334" s="5" t="s">
        <v>12312</v>
      </c>
      <c r="F3334" s="6">
        <v>808</v>
      </c>
    </row>
    <row r="3335" spans="1:6" x14ac:dyDescent="0.25">
      <c r="A3335" s="4" t="s">
        <v>332</v>
      </c>
      <c r="B3335" s="1" t="s">
        <v>3162</v>
      </c>
      <c r="C3335" s="5" t="s">
        <v>3816</v>
      </c>
      <c r="D3335" s="1" t="s">
        <v>10730</v>
      </c>
      <c r="E3335" s="5" t="s">
        <v>16966</v>
      </c>
      <c r="F3335" s="6">
        <v>7434</v>
      </c>
    </row>
    <row r="3336" spans="1:6" x14ac:dyDescent="0.25">
      <c r="A3336" s="4" t="s">
        <v>332</v>
      </c>
      <c r="B3336" s="1" t="s">
        <v>3162</v>
      </c>
      <c r="C3336" s="5" t="s">
        <v>3816</v>
      </c>
      <c r="D3336" s="1" t="s">
        <v>11468</v>
      </c>
      <c r="E3336" s="5" t="s">
        <v>17905</v>
      </c>
      <c r="F3336" s="6">
        <v>9534</v>
      </c>
    </row>
    <row r="3337" spans="1:6" x14ac:dyDescent="0.25">
      <c r="A3337" s="4" t="s">
        <v>1072</v>
      </c>
      <c r="B3337" s="1" t="s">
        <v>3158</v>
      </c>
      <c r="C3337" s="5" t="s">
        <v>4814</v>
      </c>
      <c r="D3337" s="1" t="s">
        <v>1072</v>
      </c>
      <c r="E3337" s="5" t="s">
        <v>13641</v>
      </c>
      <c r="F3337" s="6">
        <v>2285</v>
      </c>
    </row>
    <row r="3338" spans="1:6" x14ac:dyDescent="0.25">
      <c r="A3338" s="4" t="s">
        <v>609</v>
      </c>
      <c r="B3338" s="1" t="s">
        <v>3155</v>
      </c>
      <c r="C3338" s="5" t="s">
        <v>4283</v>
      </c>
      <c r="D3338" s="1" t="s">
        <v>609</v>
      </c>
      <c r="E3338" s="5" t="s">
        <v>12996</v>
      </c>
      <c r="F3338" s="6">
        <v>1623</v>
      </c>
    </row>
    <row r="3339" spans="1:6" x14ac:dyDescent="0.25">
      <c r="A3339" s="4" t="s">
        <v>2556</v>
      </c>
      <c r="B3339" s="1" t="s">
        <v>3153</v>
      </c>
      <c r="C3339" s="5" t="s">
        <v>6464</v>
      </c>
      <c r="D3339" s="1" t="s">
        <v>2556</v>
      </c>
      <c r="E3339" s="5" t="s">
        <v>16272</v>
      </c>
      <c r="F3339" s="6">
        <v>5531</v>
      </c>
    </row>
    <row r="3340" spans="1:6" x14ac:dyDescent="0.25">
      <c r="A3340" s="4" t="s">
        <v>2000</v>
      </c>
      <c r="B3340" s="1" t="s">
        <v>3144</v>
      </c>
      <c r="C3340" s="5" t="s">
        <v>3504</v>
      </c>
      <c r="D3340" s="1" t="s">
        <v>2000</v>
      </c>
      <c r="E3340" s="5" t="s">
        <v>14838</v>
      </c>
      <c r="F3340" s="6">
        <v>3550</v>
      </c>
    </row>
    <row r="3341" spans="1:6" x14ac:dyDescent="0.25">
      <c r="A3341" s="4" t="s">
        <v>2598</v>
      </c>
      <c r="B3341" s="1" t="s">
        <v>3161</v>
      </c>
      <c r="C3341" s="5" t="s">
        <v>6510</v>
      </c>
      <c r="D3341" s="1" t="s">
        <v>2598</v>
      </c>
      <c r="E3341" s="5" t="s">
        <v>16333</v>
      </c>
      <c r="F3341" s="6">
        <v>5673</v>
      </c>
    </row>
    <row r="3342" spans="1:6" x14ac:dyDescent="0.25">
      <c r="A3342" s="4" t="s">
        <v>1786</v>
      </c>
      <c r="B3342" s="1" t="s">
        <v>3152</v>
      </c>
      <c r="C3342" s="5" t="s">
        <v>5566</v>
      </c>
      <c r="D3342" s="1" t="s">
        <v>1786</v>
      </c>
      <c r="E3342" s="5" t="s">
        <v>14605</v>
      </c>
      <c r="F3342" s="6">
        <v>3300</v>
      </c>
    </row>
    <row r="3343" spans="1:6" x14ac:dyDescent="0.25">
      <c r="A3343" s="4" t="s">
        <v>1834</v>
      </c>
      <c r="B3343" s="1" t="s">
        <v>3147</v>
      </c>
      <c r="C3343" s="5" t="s">
        <v>5607</v>
      </c>
      <c r="D3343" s="1" t="s">
        <v>1834</v>
      </c>
      <c r="E3343" s="5" t="s">
        <v>14663</v>
      </c>
      <c r="F3343" s="6">
        <v>3363</v>
      </c>
    </row>
    <row r="3344" spans="1:6" x14ac:dyDescent="0.25">
      <c r="A3344" s="4" t="s">
        <v>1247</v>
      </c>
      <c r="B3344" s="1" t="s">
        <v>3163</v>
      </c>
      <c r="C3344" s="5" t="s">
        <v>5019</v>
      </c>
      <c r="D3344" s="1" t="s">
        <v>1247</v>
      </c>
      <c r="E3344" s="5" t="s">
        <v>13887</v>
      </c>
      <c r="F3344" s="6">
        <v>2538</v>
      </c>
    </row>
    <row r="3345" spans="1:6" x14ac:dyDescent="0.25">
      <c r="A3345" s="4" t="s">
        <v>1247</v>
      </c>
      <c r="B3345" s="1" t="s">
        <v>3163</v>
      </c>
      <c r="C3345" s="5" t="s">
        <v>7302</v>
      </c>
      <c r="D3345" s="1" t="s">
        <v>11546</v>
      </c>
      <c r="E3345" s="5" t="s">
        <v>18016</v>
      </c>
      <c r="F3345" s="6">
        <v>9648</v>
      </c>
    </row>
    <row r="3346" spans="1:6" x14ac:dyDescent="0.25">
      <c r="A3346" s="4" t="s">
        <v>845</v>
      </c>
      <c r="B3346" s="1" t="s">
        <v>812</v>
      </c>
      <c r="C3346" s="5" t="s">
        <v>4580</v>
      </c>
      <c r="D3346" s="1" t="s">
        <v>8736</v>
      </c>
      <c r="E3346" s="5" t="s">
        <v>13377</v>
      </c>
      <c r="F3346" s="6">
        <v>2010</v>
      </c>
    </row>
    <row r="3347" spans="1:6" x14ac:dyDescent="0.25">
      <c r="A3347" s="4" t="s">
        <v>2177</v>
      </c>
      <c r="B3347" s="1" t="s">
        <v>3154</v>
      </c>
      <c r="C3347" s="5" t="s">
        <v>5883</v>
      </c>
      <c r="D3347" s="1" t="s">
        <v>2177</v>
      </c>
      <c r="E3347" s="5" t="s">
        <v>15192</v>
      </c>
      <c r="F3347" s="6">
        <v>3926</v>
      </c>
    </row>
    <row r="3348" spans="1:6" x14ac:dyDescent="0.25">
      <c r="A3348" s="4" t="s">
        <v>281</v>
      </c>
      <c r="B3348" s="1" t="s">
        <v>3153</v>
      </c>
      <c r="C3348" s="5" t="s">
        <v>3751</v>
      </c>
      <c r="D3348" s="1" t="s">
        <v>281</v>
      </c>
      <c r="E3348" s="5" t="s">
        <v>12243</v>
      </c>
      <c r="F3348" s="6">
        <v>732</v>
      </c>
    </row>
    <row r="3349" spans="1:6" x14ac:dyDescent="0.25">
      <c r="A3349" s="4" t="s">
        <v>2817</v>
      </c>
      <c r="B3349" s="1" t="s">
        <v>3153</v>
      </c>
      <c r="C3349" s="5" t="s">
        <v>3751</v>
      </c>
      <c r="D3349" s="1" t="s">
        <v>10699</v>
      </c>
      <c r="E3349" s="5" t="s">
        <v>16928</v>
      </c>
      <c r="F3349" s="6">
        <v>7309</v>
      </c>
    </row>
    <row r="3350" spans="1:6" x14ac:dyDescent="0.25">
      <c r="A3350" s="4" t="s">
        <v>922</v>
      </c>
      <c r="B3350" s="1" t="s">
        <v>3144</v>
      </c>
      <c r="C3350" s="5" t="s">
        <v>4670</v>
      </c>
      <c r="D3350" s="1" t="s">
        <v>922</v>
      </c>
      <c r="E3350" s="5" t="s">
        <v>13488</v>
      </c>
      <c r="F3350" s="6">
        <v>2126</v>
      </c>
    </row>
    <row r="3351" spans="1:6" x14ac:dyDescent="0.25">
      <c r="A3351" s="4" t="s">
        <v>1124</v>
      </c>
      <c r="B3351" s="1" t="s">
        <v>3163</v>
      </c>
      <c r="C3351" s="5" t="s">
        <v>4866</v>
      </c>
      <c r="D3351" s="1" t="s">
        <v>1124</v>
      </c>
      <c r="E3351" s="5" t="s">
        <v>13697</v>
      </c>
      <c r="F3351" s="6">
        <v>2344</v>
      </c>
    </row>
    <row r="3352" spans="1:6" x14ac:dyDescent="0.25">
      <c r="A3352" s="4" t="s">
        <v>1864</v>
      </c>
      <c r="B3352" s="1" t="s">
        <v>3161</v>
      </c>
      <c r="C3352" s="5" t="s">
        <v>4944</v>
      </c>
      <c r="D3352" s="1" t="s">
        <v>1864</v>
      </c>
      <c r="E3352" s="5" t="s">
        <v>14695</v>
      </c>
      <c r="F3352" s="6">
        <v>3400</v>
      </c>
    </row>
    <row r="3353" spans="1:6" x14ac:dyDescent="0.25">
      <c r="A3353" s="4" t="s">
        <v>2869</v>
      </c>
      <c r="B3353" s="1" t="s">
        <v>3150</v>
      </c>
      <c r="C3353" s="5" t="s">
        <v>6873</v>
      </c>
      <c r="D3353" s="1" t="s">
        <v>2869</v>
      </c>
      <c r="E3353" s="5" t="s">
        <v>17075</v>
      </c>
      <c r="F3353" s="6">
        <v>7788</v>
      </c>
    </row>
    <row r="3354" spans="1:6" x14ac:dyDescent="0.25">
      <c r="A3354" s="4" t="s">
        <v>2401</v>
      </c>
      <c r="B3354" s="1" t="s">
        <v>3150</v>
      </c>
      <c r="C3354" s="5" t="s">
        <v>6228</v>
      </c>
      <c r="D3354" s="1" t="s">
        <v>2401</v>
      </c>
      <c r="E3354" s="5" t="s">
        <v>15775</v>
      </c>
      <c r="F3354" s="6">
        <v>4681</v>
      </c>
    </row>
    <row r="3355" spans="1:6" x14ac:dyDescent="0.25">
      <c r="A3355" s="4" t="s">
        <v>1860</v>
      </c>
      <c r="B3355" s="1" t="s">
        <v>3152</v>
      </c>
      <c r="C3355" s="5" t="s">
        <v>5274</v>
      </c>
      <c r="D3355" s="1" t="s">
        <v>1860</v>
      </c>
      <c r="E3355" s="5" t="s">
        <v>14691</v>
      </c>
      <c r="F3355" s="6">
        <v>3395</v>
      </c>
    </row>
    <row r="3356" spans="1:6" x14ac:dyDescent="0.25">
      <c r="A3356" s="4" t="s">
        <v>1592</v>
      </c>
      <c r="B3356" s="1" t="s">
        <v>3148</v>
      </c>
      <c r="C3356" s="5" t="s">
        <v>5413</v>
      </c>
      <c r="D3356" s="1" t="s">
        <v>1592</v>
      </c>
      <c r="E3356" s="5" t="s">
        <v>14378</v>
      </c>
      <c r="F3356" s="6">
        <v>3044</v>
      </c>
    </row>
    <row r="3357" spans="1:6" x14ac:dyDescent="0.25">
      <c r="A3357" s="4" t="s">
        <v>2091</v>
      </c>
      <c r="B3357" s="1" t="s">
        <v>3147</v>
      </c>
      <c r="C3357" s="5" t="s">
        <v>3541</v>
      </c>
      <c r="D3357" s="1" t="s">
        <v>2091</v>
      </c>
      <c r="E3357" s="5" t="s">
        <v>15003</v>
      </c>
      <c r="F3357" s="6">
        <v>3730</v>
      </c>
    </row>
    <row r="3358" spans="1:6" x14ac:dyDescent="0.25">
      <c r="A3358" s="4" t="s">
        <v>3015</v>
      </c>
      <c r="B3358" s="1" t="s">
        <v>3158</v>
      </c>
      <c r="C3358" s="5" t="s">
        <v>7086</v>
      </c>
      <c r="D3358" s="1" t="s">
        <v>11185</v>
      </c>
      <c r="E3358" s="5" t="s">
        <v>17564</v>
      </c>
      <c r="F3358" s="6">
        <v>9178</v>
      </c>
    </row>
    <row r="3359" spans="1:6" x14ac:dyDescent="0.25">
      <c r="A3359" s="4" t="s">
        <v>2385</v>
      </c>
      <c r="B3359" s="1" t="s">
        <v>3158</v>
      </c>
      <c r="C3359" s="5" t="s">
        <v>6198</v>
      </c>
      <c r="D3359" s="1" t="s">
        <v>9804</v>
      </c>
      <c r="E3359" s="5" t="s">
        <v>15721</v>
      </c>
      <c r="F3359" s="6">
        <v>4490</v>
      </c>
    </row>
    <row r="3360" spans="1:6" x14ac:dyDescent="0.25">
      <c r="A3360" s="4" t="s">
        <v>1237</v>
      </c>
      <c r="B3360" s="1" t="s">
        <v>3155</v>
      </c>
      <c r="C3360" s="5" t="s">
        <v>5004</v>
      </c>
      <c r="D3360" s="1" t="s">
        <v>1237</v>
      </c>
      <c r="E3360" s="5" t="s">
        <v>13863</v>
      </c>
      <c r="F3360" s="6">
        <v>2513</v>
      </c>
    </row>
    <row r="3361" spans="1:6" x14ac:dyDescent="0.25">
      <c r="A3361" s="4" t="s">
        <v>1237</v>
      </c>
      <c r="B3361" s="1" t="s">
        <v>3155</v>
      </c>
      <c r="C3361" s="5">
        <v>524201</v>
      </c>
      <c r="D3361" s="1" t="s">
        <v>10107</v>
      </c>
      <c r="E3361" s="5" t="s">
        <v>16108</v>
      </c>
      <c r="F3361" s="6">
        <v>5171</v>
      </c>
    </row>
    <row r="3362" spans="1:6" x14ac:dyDescent="0.25">
      <c r="A3362" s="4" t="s">
        <v>3109</v>
      </c>
      <c r="B3362" s="1" t="s">
        <v>3144</v>
      </c>
      <c r="C3362" s="5" t="s">
        <v>7272</v>
      </c>
      <c r="D3362" s="1" t="s">
        <v>3109</v>
      </c>
      <c r="E3362" s="5" t="s">
        <v>17953</v>
      </c>
      <c r="F3362" s="6">
        <v>9585</v>
      </c>
    </row>
    <row r="3363" spans="1:6" x14ac:dyDescent="0.25">
      <c r="A3363" s="4" t="s">
        <v>2934</v>
      </c>
      <c r="B3363" s="1" t="s">
        <v>3146</v>
      </c>
      <c r="C3363" s="5">
        <v>635112</v>
      </c>
      <c r="D3363" s="1" t="s">
        <v>2934</v>
      </c>
      <c r="E3363" s="5" t="s">
        <v>17305</v>
      </c>
      <c r="F3363" s="6">
        <v>8635</v>
      </c>
    </row>
    <row r="3364" spans="1:6" x14ac:dyDescent="0.25">
      <c r="A3364" s="4" t="s">
        <v>466</v>
      </c>
      <c r="B3364" s="1" t="s">
        <v>3146</v>
      </c>
      <c r="C3364" s="5">
        <v>638455</v>
      </c>
      <c r="D3364" s="1" t="s">
        <v>8200</v>
      </c>
      <c r="E3364" s="5" t="s">
        <v>12602</v>
      </c>
      <c r="F3364" s="6">
        <v>1154</v>
      </c>
    </row>
    <row r="3365" spans="1:6" x14ac:dyDescent="0.25">
      <c r="A3365" s="4" t="s">
        <v>633</v>
      </c>
      <c r="B3365" s="1" t="s">
        <v>3161</v>
      </c>
      <c r="C3365" s="5" t="s">
        <v>4312</v>
      </c>
      <c r="D3365" s="1" t="s">
        <v>633</v>
      </c>
      <c r="E3365" s="5" t="s">
        <v>13027</v>
      </c>
      <c r="F3365" s="6">
        <v>1654</v>
      </c>
    </row>
    <row r="3366" spans="1:6" x14ac:dyDescent="0.25">
      <c r="A3366" s="4" t="s">
        <v>633</v>
      </c>
      <c r="B3366" s="1" t="s">
        <v>3161</v>
      </c>
      <c r="C3366" s="5" t="s">
        <v>4312</v>
      </c>
      <c r="D3366" s="1" t="s">
        <v>9427</v>
      </c>
      <c r="E3366" s="5" t="s">
        <v>15182</v>
      </c>
      <c r="F3366" s="6">
        <v>3915</v>
      </c>
    </row>
    <row r="3367" spans="1:6" x14ac:dyDescent="0.25">
      <c r="A3367" s="4" t="s">
        <v>558</v>
      </c>
      <c r="B3367" s="1" t="s">
        <v>3150</v>
      </c>
      <c r="C3367" s="5" t="s">
        <v>4204</v>
      </c>
      <c r="D3367" s="1" t="s">
        <v>558</v>
      </c>
      <c r="E3367" s="5" t="s">
        <v>12892</v>
      </c>
      <c r="F3367" s="6">
        <v>1494</v>
      </c>
    </row>
    <row r="3368" spans="1:6" x14ac:dyDescent="0.25">
      <c r="A3368" s="4" t="s">
        <v>2620</v>
      </c>
      <c r="B3368" s="1" t="s">
        <v>3151</v>
      </c>
      <c r="C3368" s="5" t="s">
        <v>6532</v>
      </c>
      <c r="D3368" s="1" t="s">
        <v>10294</v>
      </c>
      <c r="E3368" s="5" t="s">
        <v>16375</v>
      </c>
      <c r="F3368" s="6">
        <v>5780</v>
      </c>
    </row>
    <row r="3369" spans="1:6" x14ac:dyDescent="0.25">
      <c r="A3369" s="4" t="s">
        <v>587</v>
      </c>
      <c r="B3369" s="1" t="s">
        <v>3150</v>
      </c>
      <c r="C3369" s="5" t="s">
        <v>4238</v>
      </c>
      <c r="D3369" s="1" t="s">
        <v>8469</v>
      </c>
      <c r="E3369" s="5" t="s">
        <v>12929</v>
      </c>
      <c r="F3369" s="6">
        <v>1537</v>
      </c>
    </row>
    <row r="3370" spans="1:6" x14ac:dyDescent="0.25">
      <c r="A3370" s="4" t="s">
        <v>1974</v>
      </c>
      <c r="B3370" s="1" t="s">
        <v>3144</v>
      </c>
      <c r="C3370" s="5" t="s">
        <v>5697</v>
      </c>
      <c r="D3370" s="1" t="s">
        <v>1974</v>
      </c>
      <c r="E3370" s="5" t="s">
        <v>14811</v>
      </c>
      <c r="F3370" s="6">
        <v>3523</v>
      </c>
    </row>
    <row r="3371" spans="1:6" x14ac:dyDescent="0.25">
      <c r="A3371" s="4" t="s">
        <v>2218</v>
      </c>
      <c r="B3371" s="1" t="s">
        <v>3146</v>
      </c>
      <c r="C3371" s="5" t="s">
        <v>5939</v>
      </c>
      <c r="D3371" s="1" t="s">
        <v>2218</v>
      </c>
      <c r="E3371" s="5" t="s">
        <v>15300</v>
      </c>
      <c r="F3371" s="6">
        <v>4037</v>
      </c>
    </row>
    <row r="3372" spans="1:6" x14ac:dyDescent="0.25">
      <c r="A3372" s="4" t="s">
        <v>1145</v>
      </c>
      <c r="B3372" s="1" t="s">
        <v>3156</v>
      </c>
      <c r="C3372" s="5" t="s">
        <v>4886</v>
      </c>
      <c r="D3372" s="1" t="s">
        <v>1145</v>
      </c>
      <c r="E3372" s="5" t="s">
        <v>13719</v>
      </c>
      <c r="F3372" s="6">
        <v>2366</v>
      </c>
    </row>
    <row r="3373" spans="1:6" x14ac:dyDescent="0.25">
      <c r="A3373" s="4" t="s">
        <v>883</v>
      </c>
      <c r="B3373" s="1" t="s">
        <v>3146</v>
      </c>
      <c r="C3373" s="5" t="s">
        <v>4629</v>
      </c>
      <c r="D3373" s="1" t="s">
        <v>883</v>
      </c>
      <c r="E3373" s="5" t="s">
        <v>13439</v>
      </c>
      <c r="F3373" s="6">
        <v>2075</v>
      </c>
    </row>
    <row r="3374" spans="1:6" x14ac:dyDescent="0.25">
      <c r="A3374" s="4" t="s">
        <v>1710</v>
      </c>
      <c r="B3374" s="1" t="s">
        <v>3148</v>
      </c>
      <c r="C3374" s="5" t="s">
        <v>5492</v>
      </c>
      <c r="D3374" s="1" t="s">
        <v>9159</v>
      </c>
      <c r="E3374" s="5" t="s">
        <v>14504</v>
      </c>
      <c r="F3374" s="6">
        <v>3190</v>
      </c>
    </row>
    <row r="3375" spans="1:6" x14ac:dyDescent="0.25">
      <c r="A3375" s="4" t="s">
        <v>1047</v>
      </c>
      <c r="B3375" s="1" t="s">
        <v>3160</v>
      </c>
      <c r="C3375" s="5" t="s">
        <v>4788</v>
      </c>
      <c r="D3375" s="1" t="s">
        <v>1047</v>
      </c>
      <c r="E3375" s="5" t="s">
        <v>13615</v>
      </c>
      <c r="F3375" s="6">
        <v>2257</v>
      </c>
    </row>
    <row r="3376" spans="1:6" x14ac:dyDescent="0.25">
      <c r="A3376" s="4" t="s">
        <v>846</v>
      </c>
      <c r="B3376" s="1" t="s">
        <v>3149</v>
      </c>
      <c r="C3376" s="5" t="s">
        <v>4581</v>
      </c>
      <c r="D3376" s="1" t="s">
        <v>8737</v>
      </c>
      <c r="E3376" s="5" t="s">
        <v>13378</v>
      </c>
      <c r="F3376" s="6">
        <v>2011</v>
      </c>
    </row>
    <row r="3377" spans="1:6" x14ac:dyDescent="0.25">
      <c r="A3377" s="4" t="s">
        <v>2081</v>
      </c>
      <c r="B3377" s="1" t="s">
        <v>3148</v>
      </c>
      <c r="C3377" s="5" t="s">
        <v>5774</v>
      </c>
      <c r="D3377" s="1" t="s">
        <v>2081</v>
      </c>
      <c r="E3377" s="5" t="s">
        <v>14975</v>
      </c>
      <c r="F3377" s="6">
        <v>3698</v>
      </c>
    </row>
    <row r="3378" spans="1:6" x14ac:dyDescent="0.25">
      <c r="A3378" s="4" t="s">
        <v>717</v>
      </c>
      <c r="B3378" s="1" t="s">
        <v>3160</v>
      </c>
      <c r="C3378" s="5" t="s">
        <v>4427</v>
      </c>
      <c r="D3378" s="1" t="s">
        <v>717</v>
      </c>
      <c r="E3378" s="5" t="s">
        <v>13186</v>
      </c>
      <c r="F3378" s="6">
        <v>1819</v>
      </c>
    </row>
    <row r="3379" spans="1:6" x14ac:dyDescent="0.25">
      <c r="A3379" s="4" t="s">
        <v>3008</v>
      </c>
      <c r="B3379" s="1" t="s">
        <v>3158</v>
      </c>
      <c r="C3379" s="5" t="s">
        <v>7072</v>
      </c>
      <c r="D3379" s="1" t="s">
        <v>3008</v>
      </c>
      <c r="E3379" s="5" t="s">
        <v>17542</v>
      </c>
      <c r="F3379" s="6">
        <v>9156</v>
      </c>
    </row>
    <row r="3380" spans="1:6" x14ac:dyDescent="0.25">
      <c r="A3380" s="4" t="s">
        <v>1975</v>
      </c>
      <c r="B3380" s="1" t="s">
        <v>3160</v>
      </c>
      <c r="C3380" s="5" t="s">
        <v>5698</v>
      </c>
      <c r="D3380" s="1" t="s">
        <v>1975</v>
      </c>
      <c r="E3380" s="5" t="s">
        <v>14812</v>
      </c>
      <c r="F3380" s="6">
        <v>3524</v>
      </c>
    </row>
    <row r="3381" spans="1:6" x14ac:dyDescent="0.25">
      <c r="A3381" s="4" t="s">
        <v>1893</v>
      </c>
      <c r="B3381" s="1" t="s">
        <v>3156</v>
      </c>
      <c r="C3381" s="5" t="s">
        <v>5646</v>
      </c>
      <c r="D3381" s="1" t="s">
        <v>1893</v>
      </c>
      <c r="E3381" s="5" t="s">
        <v>14726</v>
      </c>
      <c r="F3381" s="6">
        <v>3435</v>
      </c>
    </row>
    <row r="3382" spans="1:6" x14ac:dyDescent="0.25">
      <c r="A3382" s="4" t="s">
        <v>2733</v>
      </c>
      <c r="B3382" s="1" t="s">
        <v>3161</v>
      </c>
      <c r="C3382" s="5" t="s">
        <v>6674</v>
      </c>
      <c r="D3382" s="1" t="s">
        <v>10502</v>
      </c>
      <c r="E3382" s="5" t="s">
        <v>16670</v>
      </c>
      <c r="F3382" s="6">
        <v>6527</v>
      </c>
    </row>
    <row r="3383" spans="1:6" x14ac:dyDescent="0.25">
      <c r="A3383" s="4" t="s">
        <v>645</v>
      </c>
      <c r="B3383" s="1" t="s">
        <v>3147</v>
      </c>
      <c r="C3383" s="5" t="s">
        <v>4331</v>
      </c>
      <c r="D3383" s="1" t="s">
        <v>645</v>
      </c>
      <c r="E3383" s="5" t="s">
        <v>13059</v>
      </c>
      <c r="F3383" s="6">
        <v>1691</v>
      </c>
    </row>
    <row r="3384" spans="1:6" x14ac:dyDescent="0.25">
      <c r="A3384" s="4" t="s">
        <v>3036</v>
      </c>
      <c r="B3384" s="1" t="s">
        <v>812</v>
      </c>
      <c r="C3384" s="5" t="s">
        <v>7132</v>
      </c>
      <c r="D3384" s="1" t="s">
        <v>3036</v>
      </c>
      <c r="E3384" s="5" t="s">
        <v>17640</v>
      </c>
      <c r="F3384" s="6">
        <v>9258</v>
      </c>
    </row>
    <row r="3385" spans="1:6" x14ac:dyDescent="0.25">
      <c r="A3385" s="4" t="s">
        <v>2965</v>
      </c>
      <c r="B3385" s="1" t="s">
        <v>3160</v>
      </c>
      <c r="C3385" s="5">
        <v>761029</v>
      </c>
      <c r="D3385" s="1" t="s">
        <v>11060</v>
      </c>
      <c r="E3385" s="5" t="s">
        <v>17396</v>
      </c>
      <c r="F3385" s="6">
        <v>9003</v>
      </c>
    </row>
    <row r="3386" spans="1:6" x14ac:dyDescent="0.25">
      <c r="A3386" s="4" t="s">
        <v>492</v>
      </c>
      <c r="B3386" s="1" t="s">
        <v>3156</v>
      </c>
      <c r="C3386" s="5" t="s">
        <v>4116</v>
      </c>
      <c r="D3386" s="1" t="s">
        <v>8308</v>
      </c>
      <c r="E3386" s="5" t="s">
        <v>12726</v>
      </c>
      <c r="F3386" s="6">
        <v>1323</v>
      </c>
    </row>
    <row r="3387" spans="1:6" x14ac:dyDescent="0.25">
      <c r="A3387" s="4" t="s">
        <v>1578</v>
      </c>
      <c r="B3387" s="1" t="s">
        <v>3160</v>
      </c>
      <c r="C3387" s="5" t="s">
        <v>5399</v>
      </c>
      <c r="D3387" s="1" t="s">
        <v>1578</v>
      </c>
      <c r="E3387" s="5" t="s">
        <v>14363</v>
      </c>
      <c r="F3387" s="6">
        <v>3028</v>
      </c>
    </row>
    <row r="3388" spans="1:6" x14ac:dyDescent="0.25">
      <c r="A3388" s="4" t="s">
        <v>2141</v>
      </c>
      <c r="B3388" s="1" t="s">
        <v>3144</v>
      </c>
      <c r="C3388" s="5" t="s">
        <v>5843</v>
      </c>
      <c r="D3388" s="1" t="s">
        <v>2141</v>
      </c>
      <c r="E3388" s="5" t="s">
        <v>15109</v>
      </c>
      <c r="F3388" s="6">
        <v>3838</v>
      </c>
    </row>
    <row r="3389" spans="1:6" x14ac:dyDescent="0.25">
      <c r="A3389" s="4" t="s">
        <v>2251</v>
      </c>
      <c r="B3389" s="1" t="s">
        <v>3158</v>
      </c>
      <c r="C3389" s="5" t="s">
        <v>5983</v>
      </c>
      <c r="D3389" s="1" t="s">
        <v>2251</v>
      </c>
      <c r="E3389" s="5" t="s">
        <v>15356</v>
      </c>
      <c r="F3389" s="6">
        <v>4093</v>
      </c>
    </row>
    <row r="3390" spans="1:6" x14ac:dyDescent="0.25">
      <c r="A3390" s="4" t="s">
        <v>2494</v>
      </c>
      <c r="B3390" s="1" t="s">
        <v>3165</v>
      </c>
      <c r="C3390" s="5">
        <v>175132</v>
      </c>
      <c r="D3390" s="1" t="s">
        <v>2494</v>
      </c>
      <c r="E3390" s="5" t="s">
        <v>16061</v>
      </c>
      <c r="F3390" s="6">
        <v>5087</v>
      </c>
    </row>
    <row r="3391" spans="1:6" x14ac:dyDescent="0.25">
      <c r="A3391" s="4" t="s">
        <v>2814</v>
      </c>
      <c r="B3391" s="1" t="s">
        <v>3153</v>
      </c>
      <c r="C3391" s="5" t="s">
        <v>6806</v>
      </c>
      <c r="D3391" s="1" t="s">
        <v>2814</v>
      </c>
      <c r="E3391" s="5" t="s">
        <v>16923</v>
      </c>
      <c r="F3391" s="6">
        <v>7292</v>
      </c>
    </row>
    <row r="3392" spans="1:6" x14ac:dyDescent="0.25">
      <c r="A3392" s="4" t="s">
        <v>1851</v>
      </c>
      <c r="B3392" s="1" t="s">
        <v>3158</v>
      </c>
      <c r="C3392" s="5" t="s">
        <v>5621</v>
      </c>
      <c r="D3392" s="1" t="s">
        <v>1851</v>
      </c>
      <c r="E3392" s="5" t="s">
        <v>14681</v>
      </c>
      <c r="F3392" s="6">
        <v>3384</v>
      </c>
    </row>
    <row r="3393" spans="1:6" x14ac:dyDescent="0.25">
      <c r="A3393" s="4" t="s">
        <v>1483</v>
      </c>
      <c r="B3393" s="1" t="s">
        <v>3152</v>
      </c>
      <c r="C3393" s="5" t="s">
        <v>5300</v>
      </c>
      <c r="D3393" s="1" t="s">
        <v>9110</v>
      </c>
      <c r="E3393" s="5" t="s">
        <v>14256</v>
      </c>
      <c r="F3393" s="6">
        <v>2917</v>
      </c>
    </row>
    <row r="3394" spans="1:6" x14ac:dyDescent="0.25">
      <c r="A3394" s="4" t="s">
        <v>2030</v>
      </c>
      <c r="B3394" s="1" t="s">
        <v>3152</v>
      </c>
      <c r="C3394" s="5" t="s">
        <v>4152</v>
      </c>
      <c r="D3394" s="1" t="s">
        <v>2030</v>
      </c>
      <c r="E3394" s="5" t="s">
        <v>14870</v>
      </c>
      <c r="F3394" s="6">
        <v>3586</v>
      </c>
    </row>
    <row r="3395" spans="1:6" x14ac:dyDescent="0.25">
      <c r="A3395" s="4" t="s">
        <v>2383</v>
      </c>
      <c r="B3395" s="1" t="s">
        <v>3158</v>
      </c>
      <c r="C3395" s="5" t="s">
        <v>6195</v>
      </c>
      <c r="D3395" s="1" t="s">
        <v>2383</v>
      </c>
      <c r="E3395" s="5" t="s">
        <v>15716</v>
      </c>
      <c r="F3395" s="6">
        <v>4484</v>
      </c>
    </row>
    <row r="3396" spans="1:6" x14ac:dyDescent="0.25">
      <c r="A3396" s="4" t="s">
        <v>923</v>
      </c>
      <c r="B3396" s="1" t="s">
        <v>812</v>
      </c>
      <c r="C3396" s="5" t="s">
        <v>4671</v>
      </c>
      <c r="D3396" s="1" t="s">
        <v>923</v>
      </c>
      <c r="E3396" s="5" t="s">
        <v>13489</v>
      </c>
      <c r="F3396" s="6">
        <v>2127</v>
      </c>
    </row>
    <row r="3397" spans="1:6" x14ac:dyDescent="0.25">
      <c r="A3397" s="4" t="s">
        <v>2310</v>
      </c>
      <c r="B3397" s="1" t="s">
        <v>3158</v>
      </c>
      <c r="C3397" s="5" t="s">
        <v>6075</v>
      </c>
      <c r="D3397" s="1" t="s">
        <v>2310</v>
      </c>
      <c r="E3397" s="5" t="s">
        <v>15504</v>
      </c>
      <c r="F3397" s="6">
        <v>4242</v>
      </c>
    </row>
    <row r="3398" spans="1:6" x14ac:dyDescent="0.25">
      <c r="A3398" s="4" t="s">
        <v>1715</v>
      </c>
      <c r="B3398" s="1" t="s">
        <v>3158</v>
      </c>
      <c r="C3398" s="5" t="s">
        <v>5496</v>
      </c>
      <c r="D3398" s="1" t="s">
        <v>1715</v>
      </c>
      <c r="E3398" s="5" t="s">
        <v>14510</v>
      </c>
      <c r="F3398" s="6">
        <v>3197</v>
      </c>
    </row>
    <row r="3399" spans="1:6" x14ac:dyDescent="0.25">
      <c r="A3399" s="4" t="s">
        <v>2995</v>
      </c>
      <c r="B3399" s="1" t="s">
        <v>3161</v>
      </c>
      <c r="C3399" s="5" t="s">
        <v>7053</v>
      </c>
      <c r="D3399" s="1" t="s">
        <v>11151</v>
      </c>
      <c r="E3399" s="5" t="s">
        <v>17512</v>
      </c>
      <c r="F3399" s="6">
        <v>9124</v>
      </c>
    </row>
    <row r="3400" spans="1:6" x14ac:dyDescent="0.25">
      <c r="A3400" s="4" t="s">
        <v>2995</v>
      </c>
      <c r="B3400" s="1" t="s">
        <v>3161</v>
      </c>
      <c r="C3400" s="5" t="s">
        <v>7053</v>
      </c>
      <c r="D3400" s="1" t="s">
        <v>2995</v>
      </c>
      <c r="E3400" s="5" t="s">
        <v>17633</v>
      </c>
      <c r="F3400" s="6">
        <v>9251</v>
      </c>
    </row>
    <row r="3401" spans="1:6" x14ac:dyDescent="0.25">
      <c r="A3401" s="4" t="s">
        <v>2143</v>
      </c>
      <c r="B3401" s="1" t="s">
        <v>3158</v>
      </c>
      <c r="C3401" s="5" t="s">
        <v>4483</v>
      </c>
      <c r="D3401" s="1" t="s">
        <v>9381</v>
      </c>
      <c r="E3401" s="5" t="s">
        <v>15113</v>
      </c>
      <c r="F3401" s="6">
        <v>3842</v>
      </c>
    </row>
    <row r="3402" spans="1:6" x14ac:dyDescent="0.25">
      <c r="A3402" s="4" t="s">
        <v>2095</v>
      </c>
      <c r="B3402" s="1" t="s">
        <v>3144</v>
      </c>
      <c r="C3402" s="5" t="s">
        <v>4807</v>
      </c>
      <c r="D3402" s="1" t="s">
        <v>2095</v>
      </c>
      <c r="E3402" s="5" t="s">
        <v>15010</v>
      </c>
      <c r="F3402" s="6">
        <v>3737</v>
      </c>
    </row>
    <row r="3403" spans="1:6" x14ac:dyDescent="0.25">
      <c r="A3403" s="4" t="s">
        <v>2273</v>
      </c>
      <c r="B3403" s="1" t="s">
        <v>3156</v>
      </c>
      <c r="C3403" s="5" t="s">
        <v>6014</v>
      </c>
      <c r="D3403" s="1" t="s">
        <v>2273</v>
      </c>
      <c r="E3403" s="5" t="s">
        <v>15413</v>
      </c>
      <c r="F3403" s="6">
        <v>4150</v>
      </c>
    </row>
    <row r="3404" spans="1:6" x14ac:dyDescent="0.25">
      <c r="A3404" s="4" t="s">
        <v>1936</v>
      </c>
      <c r="B3404" s="1" t="s">
        <v>3158</v>
      </c>
      <c r="C3404" s="5" t="s">
        <v>5672</v>
      </c>
      <c r="D3404" s="1" t="s">
        <v>1936</v>
      </c>
      <c r="E3404" s="5" t="s">
        <v>14770</v>
      </c>
      <c r="F3404" s="6">
        <v>3481</v>
      </c>
    </row>
    <row r="3405" spans="1:6" x14ac:dyDescent="0.25">
      <c r="A3405" s="4" t="s">
        <v>2485</v>
      </c>
      <c r="B3405" s="1" t="s">
        <v>3152</v>
      </c>
      <c r="C3405" s="5" t="s">
        <v>4123</v>
      </c>
      <c r="D3405" s="1" t="s">
        <v>2485</v>
      </c>
      <c r="E3405" s="5" t="s">
        <v>16028</v>
      </c>
      <c r="F3405" s="6">
        <v>5017</v>
      </c>
    </row>
    <row r="3406" spans="1:6" x14ac:dyDescent="0.25">
      <c r="A3406" s="4" t="s">
        <v>1754</v>
      </c>
      <c r="B3406" s="1" t="s">
        <v>3152</v>
      </c>
      <c r="C3406" s="5">
        <v>143111</v>
      </c>
      <c r="D3406" s="1" t="s">
        <v>1754</v>
      </c>
      <c r="E3406" s="5" t="s">
        <v>14570</v>
      </c>
      <c r="F3406" s="6">
        <v>3262</v>
      </c>
    </row>
    <row r="3407" spans="1:6" x14ac:dyDescent="0.25">
      <c r="A3407" s="4" t="s">
        <v>952</v>
      </c>
      <c r="B3407" s="1" t="s">
        <v>3158</v>
      </c>
      <c r="C3407" s="5" t="s">
        <v>4700</v>
      </c>
      <c r="D3407" s="1" t="s">
        <v>952</v>
      </c>
      <c r="E3407" s="5" t="s">
        <v>13518</v>
      </c>
      <c r="F3407" s="6">
        <v>2156</v>
      </c>
    </row>
    <row r="3408" spans="1:6" x14ac:dyDescent="0.25">
      <c r="A3408" s="4" t="s">
        <v>1789</v>
      </c>
      <c r="B3408" s="1" t="s">
        <v>3152</v>
      </c>
      <c r="C3408" s="5" t="s">
        <v>5569</v>
      </c>
      <c r="D3408" s="1" t="s">
        <v>1789</v>
      </c>
      <c r="E3408" s="5" t="s">
        <v>14610</v>
      </c>
      <c r="F3408" s="6">
        <v>3305</v>
      </c>
    </row>
    <row r="3409" spans="1:6" x14ac:dyDescent="0.25">
      <c r="A3409" s="4" t="s">
        <v>1997</v>
      </c>
      <c r="B3409" s="1" t="s">
        <v>3144</v>
      </c>
      <c r="C3409" s="5" t="s">
        <v>3761</v>
      </c>
      <c r="D3409" s="1" t="s">
        <v>1997</v>
      </c>
      <c r="E3409" s="5" t="s">
        <v>14835</v>
      </c>
      <c r="F3409" s="6">
        <v>3547</v>
      </c>
    </row>
    <row r="3410" spans="1:6" x14ac:dyDescent="0.25">
      <c r="A3410" s="4" t="s">
        <v>880</v>
      </c>
      <c r="B3410" s="1" t="s">
        <v>3152</v>
      </c>
      <c r="C3410" s="5" t="s">
        <v>4625</v>
      </c>
      <c r="D3410" s="1" t="s">
        <v>880</v>
      </c>
      <c r="E3410" s="5" t="s">
        <v>13431</v>
      </c>
      <c r="F3410" s="6">
        <v>2065</v>
      </c>
    </row>
    <row r="3411" spans="1:6" x14ac:dyDescent="0.25">
      <c r="A3411" s="4" t="s">
        <v>644</v>
      </c>
      <c r="B3411" s="1" t="s">
        <v>3147</v>
      </c>
      <c r="C3411" s="5" t="s">
        <v>4330</v>
      </c>
      <c r="D3411" s="1" t="s">
        <v>8563</v>
      </c>
      <c r="E3411" s="5" t="s">
        <v>13058</v>
      </c>
      <c r="F3411" s="6">
        <v>1690</v>
      </c>
    </row>
    <row r="3412" spans="1:6" x14ac:dyDescent="0.25">
      <c r="A3412" s="4" t="s">
        <v>641</v>
      </c>
      <c r="B3412" s="1" t="s">
        <v>3147</v>
      </c>
      <c r="C3412" s="5" t="s">
        <v>4326</v>
      </c>
      <c r="D3412" s="1" t="s">
        <v>641</v>
      </c>
      <c r="E3412" s="5" t="s">
        <v>13053</v>
      </c>
      <c r="F3412" s="6">
        <v>1685</v>
      </c>
    </row>
    <row r="3413" spans="1:6" x14ac:dyDescent="0.25">
      <c r="A3413" s="4" t="s">
        <v>409</v>
      </c>
      <c r="B3413" s="1" t="s">
        <v>3144</v>
      </c>
      <c r="C3413" s="5" t="s">
        <v>3928</v>
      </c>
      <c r="D3413" s="1" t="s">
        <v>409</v>
      </c>
      <c r="E3413" s="5" t="s">
        <v>12448</v>
      </c>
      <c r="F3413" s="6">
        <v>964</v>
      </c>
    </row>
    <row r="3414" spans="1:6" x14ac:dyDescent="0.25">
      <c r="A3414" s="4" t="s">
        <v>1831</v>
      </c>
      <c r="B3414" s="1" t="s">
        <v>3144</v>
      </c>
      <c r="C3414" s="5" t="s">
        <v>4400</v>
      </c>
      <c r="D3414" s="1" t="s">
        <v>9209</v>
      </c>
      <c r="E3414" s="5" t="s">
        <v>14660</v>
      </c>
      <c r="F3414" s="6">
        <v>3358</v>
      </c>
    </row>
    <row r="3415" spans="1:6" x14ac:dyDescent="0.25">
      <c r="A3415" s="4" t="s">
        <v>612</v>
      </c>
      <c r="B3415" s="1" t="s">
        <v>3151</v>
      </c>
      <c r="C3415" s="5" t="s">
        <v>4290</v>
      </c>
      <c r="D3415" s="1" t="s">
        <v>612</v>
      </c>
      <c r="E3415" s="5" t="s">
        <v>13004</v>
      </c>
      <c r="F3415" s="6">
        <v>1631</v>
      </c>
    </row>
    <row r="3416" spans="1:6" x14ac:dyDescent="0.25">
      <c r="A3416" s="4" t="s">
        <v>612</v>
      </c>
      <c r="B3416" s="1" t="s">
        <v>3151</v>
      </c>
      <c r="C3416" s="5" t="s">
        <v>6012</v>
      </c>
      <c r="D3416" s="1" t="s">
        <v>9574</v>
      </c>
      <c r="E3416" s="5" t="s">
        <v>15409</v>
      </c>
      <c r="F3416" s="6">
        <v>4146</v>
      </c>
    </row>
    <row r="3417" spans="1:6" x14ac:dyDescent="0.25">
      <c r="A3417" s="4" t="s">
        <v>612</v>
      </c>
      <c r="B3417" s="1" t="s">
        <v>3151</v>
      </c>
      <c r="C3417" s="5" t="s">
        <v>6015</v>
      </c>
      <c r="D3417" s="1" t="s">
        <v>9577</v>
      </c>
      <c r="E3417" s="5" t="s">
        <v>15414</v>
      </c>
      <c r="F3417" s="6">
        <v>4151</v>
      </c>
    </row>
    <row r="3418" spans="1:6" x14ac:dyDescent="0.25">
      <c r="A3418" s="4" t="s">
        <v>612</v>
      </c>
      <c r="B3418" s="1" t="s">
        <v>3151</v>
      </c>
      <c r="C3418" s="5">
        <v>507002</v>
      </c>
      <c r="D3418" s="1" t="s">
        <v>10434</v>
      </c>
      <c r="E3418" s="5" t="s">
        <v>16581</v>
      </c>
      <c r="F3418" s="6">
        <v>6287</v>
      </c>
    </row>
    <row r="3419" spans="1:6" x14ac:dyDescent="0.25">
      <c r="A3419" s="4" t="s">
        <v>612</v>
      </c>
      <c r="B3419" s="1" t="s">
        <v>3151</v>
      </c>
      <c r="C3419" s="5">
        <v>507002</v>
      </c>
      <c r="D3419" s="1" t="s">
        <v>10499</v>
      </c>
      <c r="E3419" s="5" t="s">
        <v>16666</v>
      </c>
      <c r="F3419" s="6">
        <v>6515</v>
      </c>
    </row>
    <row r="3420" spans="1:6" x14ac:dyDescent="0.25">
      <c r="A3420" s="4" t="s">
        <v>296</v>
      </c>
      <c r="B3420" s="1" t="s">
        <v>3164</v>
      </c>
      <c r="C3420" s="5" t="s">
        <v>3771</v>
      </c>
      <c r="D3420" s="1" t="s">
        <v>7950</v>
      </c>
      <c r="E3420" s="5" t="s">
        <v>12265</v>
      </c>
      <c r="F3420" s="6">
        <v>757</v>
      </c>
    </row>
    <row r="3421" spans="1:6" x14ac:dyDescent="0.25">
      <c r="A3421" s="4" t="s">
        <v>1690</v>
      </c>
      <c r="B3421" s="1" t="s">
        <v>3152</v>
      </c>
      <c r="C3421" s="5" t="s">
        <v>5478</v>
      </c>
      <c r="D3421" s="1" t="s">
        <v>1690</v>
      </c>
      <c r="E3421" s="5" t="s">
        <v>14483</v>
      </c>
      <c r="F3421" s="6">
        <v>3168</v>
      </c>
    </row>
    <row r="3422" spans="1:6" x14ac:dyDescent="0.25">
      <c r="A3422" s="4" t="s">
        <v>2336</v>
      </c>
      <c r="B3422" s="1" t="s">
        <v>3158</v>
      </c>
      <c r="C3422" s="5" t="s">
        <v>6116</v>
      </c>
      <c r="D3422" s="1" t="s">
        <v>2336</v>
      </c>
      <c r="E3422" s="5" t="s">
        <v>15567</v>
      </c>
      <c r="F3422" s="6">
        <v>4309</v>
      </c>
    </row>
    <row r="3423" spans="1:6" x14ac:dyDescent="0.25">
      <c r="A3423" s="4" t="s">
        <v>377</v>
      </c>
      <c r="B3423" s="1" t="s">
        <v>3153</v>
      </c>
      <c r="C3423" s="5" t="s">
        <v>3891</v>
      </c>
      <c r="D3423" s="1" t="s">
        <v>377</v>
      </c>
      <c r="E3423" s="5" t="s">
        <v>12399</v>
      </c>
      <c r="F3423" s="6">
        <v>912</v>
      </c>
    </row>
    <row r="3424" spans="1:6" x14ac:dyDescent="0.25">
      <c r="A3424" s="4" t="s">
        <v>53</v>
      </c>
      <c r="B3424" s="1" t="s">
        <v>3152</v>
      </c>
      <c r="C3424" s="5" t="s">
        <v>3288</v>
      </c>
      <c r="D3424" s="1" t="s">
        <v>7417</v>
      </c>
      <c r="E3424" s="5" t="s">
        <v>11692</v>
      </c>
      <c r="F3424" s="6">
        <v>112</v>
      </c>
    </row>
    <row r="3425" spans="1:6" x14ac:dyDescent="0.25">
      <c r="A3425" s="4" t="s">
        <v>53</v>
      </c>
      <c r="B3425" s="1" t="s">
        <v>3152</v>
      </c>
      <c r="C3425" s="5" t="s">
        <v>3288</v>
      </c>
      <c r="D3425" s="1" t="s">
        <v>9038</v>
      </c>
      <c r="E3425" s="5" t="s">
        <v>14108</v>
      </c>
      <c r="F3425" s="6">
        <v>2765</v>
      </c>
    </row>
    <row r="3426" spans="1:6" x14ac:dyDescent="0.25">
      <c r="A3426" s="4" t="s">
        <v>1801</v>
      </c>
      <c r="B3426" s="1" t="s">
        <v>3152</v>
      </c>
      <c r="C3426" s="5" t="s">
        <v>5575</v>
      </c>
      <c r="D3426" s="1" t="s">
        <v>1801</v>
      </c>
      <c r="E3426" s="5" t="s">
        <v>14622</v>
      </c>
      <c r="F3426" s="6">
        <v>3318</v>
      </c>
    </row>
    <row r="3427" spans="1:6" x14ac:dyDescent="0.25">
      <c r="A3427" s="4" t="s">
        <v>1685</v>
      </c>
      <c r="B3427" s="1" t="s">
        <v>3152</v>
      </c>
      <c r="C3427" s="5" t="s">
        <v>3820</v>
      </c>
      <c r="D3427" s="1" t="s">
        <v>1685</v>
      </c>
      <c r="E3427" s="5" t="s">
        <v>14476</v>
      </c>
      <c r="F3427" s="6">
        <v>3161</v>
      </c>
    </row>
    <row r="3428" spans="1:6" x14ac:dyDescent="0.25">
      <c r="A3428" s="4" t="s">
        <v>1685</v>
      </c>
      <c r="B3428" s="1" t="s">
        <v>3156</v>
      </c>
      <c r="C3428" s="5" t="s">
        <v>6523</v>
      </c>
      <c r="D3428" s="1" t="s">
        <v>10283</v>
      </c>
      <c r="E3428" s="5" t="s">
        <v>16361</v>
      </c>
      <c r="F3428" s="6">
        <v>5751</v>
      </c>
    </row>
    <row r="3429" spans="1:6" x14ac:dyDescent="0.25">
      <c r="A3429" s="4" t="s">
        <v>2447</v>
      </c>
      <c r="B3429" s="1" t="s">
        <v>3157</v>
      </c>
      <c r="C3429" s="5" t="s">
        <v>3262</v>
      </c>
      <c r="D3429" s="1" t="s">
        <v>2447</v>
      </c>
      <c r="E3429" s="5" t="s">
        <v>15939</v>
      </c>
      <c r="F3429" s="6">
        <v>4857</v>
      </c>
    </row>
    <row r="3430" spans="1:6" x14ac:dyDescent="0.25">
      <c r="A3430" s="4" t="s">
        <v>1333</v>
      </c>
      <c r="B3430" s="1" t="s">
        <v>3148</v>
      </c>
      <c r="C3430" s="5" t="s">
        <v>5121</v>
      </c>
      <c r="D3430" s="1" t="s">
        <v>8986</v>
      </c>
      <c r="E3430" s="5" t="s">
        <v>14013</v>
      </c>
      <c r="F3430" s="6">
        <v>2667</v>
      </c>
    </row>
    <row r="3431" spans="1:6" x14ac:dyDescent="0.25">
      <c r="A3431" s="4" t="s">
        <v>450</v>
      </c>
      <c r="B3431" s="1" t="s">
        <v>3148</v>
      </c>
      <c r="C3431" s="5" t="s">
        <v>3997</v>
      </c>
      <c r="D3431" s="1" t="s">
        <v>8144</v>
      </c>
      <c r="E3431" s="5" t="s">
        <v>12540</v>
      </c>
      <c r="F3431" s="6">
        <v>1065</v>
      </c>
    </row>
    <row r="3432" spans="1:6" x14ac:dyDescent="0.25">
      <c r="A3432" s="4" t="s">
        <v>335</v>
      </c>
      <c r="B3432" s="1" t="s">
        <v>3152</v>
      </c>
      <c r="C3432" s="5" t="s">
        <v>3820</v>
      </c>
      <c r="D3432" s="1" t="s">
        <v>7997</v>
      </c>
      <c r="E3432" s="5" t="s">
        <v>12316</v>
      </c>
      <c r="F3432" s="6">
        <v>812</v>
      </c>
    </row>
    <row r="3433" spans="1:6" x14ac:dyDescent="0.25">
      <c r="A3433" s="4" t="s">
        <v>385</v>
      </c>
      <c r="B3433" s="1" t="s">
        <v>3153</v>
      </c>
      <c r="C3433" s="5" t="s">
        <v>3899</v>
      </c>
      <c r="D3433" s="1" t="s">
        <v>385</v>
      </c>
      <c r="E3433" s="5" t="s">
        <v>12407</v>
      </c>
      <c r="F3433" s="6">
        <v>920</v>
      </c>
    </row>
    <row r="3434" spans="1:6" x14ac:dyDescent="0.25">
      <c r="A3434" s="4" t="s">
        <v>2471</v>
      </c>
      <c r="B3434" s="1" t="s">
        <v>3160</v>
      </c>
      <c r="C3434" s="5" t="s">
        <v>6346</v>
      </c>
      <c r="D3434" s="1" t="s">
        <v>2471</v>
      </c>
      <c r="E3434" s="5" t="s">
        <v>15995</v>
      </c>
      <c r="F3434" s="6">
        <v>4925</v>
      </c>
    </row>
    <row r="3435" spans="1:6" x14ac:dyDescent="0.25">
      <c r="A3435" s="4" t="s">
        <v>2815</v>
      </c>
      <c r="B3435" s="1" t="s">
        <v>3158</v>
      </c>
      <c r="C3435" s="5" t="s">
        <v>6807</v>
      </c>
      <c r="D3435" s="1" t="s">
        <v>10696</v>
      </c>
      <c r="E3435" s="5" t="s">
        <v>16924</v>
      </c>
      <c r="F3435" s="6">
        <v>7293</v>
      </c>
    </row>
    <row r="3436" spans="1:6" x14ac:dyDescent="0.25">
      <c r="A3436" s="4" t="s">
        <v>1502</v>
      </c>
      <c r="B3436" s="1" t="s">
        <v>3154</v>
      </c>
      <c r="C3436" s="5" t="s">
        <v>5320</v>
      </c>
      <c r="D3436" s="1" t="s">
        <v>1502</v>
      </c>
      <c r="E3436" s="5" t="s">
        <v>14278</v>
      </c>
      <c r="F3436" s="6">
        <v>2939</v>
      </c>
    </row>
    <row r="3437" spans="1:6" x14ac:dyDescent="0.25">
      <c r="A3437" s="4" t="s">
        <v>1303</v>
      </c>
      <c r="B3437" s="1" t="s">
        <v>3161</v>
      </c>
      <c r="C3437" s="5" t="s">
        <v>5089</v>
      </c>
      <c r="D3437" s="1" t="s">
        <v>1303</v>
      </c>
      <c r="E3437" s="5" t="s">
        <v>13974</v>
      </c>
      <c r="F3437" s="6">
        <v>2626</v>
      </c>
    </row>
    <row r="3438" spans="1:6" x14ac:dyDescent="0.25">
      <c r="A3438" s="4" t="s">
        <v>2125</v>
      </c>
      <c r="B3438" s="1" t="s">
        <v>3161</v>
      </c>
      <c r="C3438" s="5" t="s">
        <v>3799</v>
      </c>
      <c r="D3438" s="1" t="s">
        <v>2125</v>
      </c>
      <c r="E3438" s="5" t="s">
        <v>15079</v>
      </c>
      <c r="F3438" s="6">
        <v>3807</v>
      </c>
    </row>
    <row r="3439" spans="1:6" x14ac:dyDescent="0.25">
      <c r="A3439" s="4" t="s">
        <v>2761</v>
      </c>
      <c r="B3439" s="1" t="s">
        <v>3164</v>
      </c>
      <c r="C3439" s="5" t="s">
        <v>6719</v>
      </c>
      <c r="D3439" s="1" t="s">
        <v>2761</v>
      </c>
      <c r="E3439" s="5" t="s">
        <v>16747</v>
      </c>
      <c r="F3439" s="6">
        <v>6800</v>
      </c>
    </row>
    <row r="3440" spans="1:6" x14ac:dyDescent="0.25">
      <c r="A3440" s="4" t="s">
        <v>848</v>
      </c>
      <c r="B3440" s="1" t="s">
        <v>3158</v>
      </c>
      <c r="C3440" s="5" t="s">
        <v>4583</v>
      </c>
      <c r="D3440" s="1" t="s">
        <v>8738</v>
      </c>
      <c r="E3440" s="5" t="s">
        <v>13380</v>
      </c>
      <c r="F3440" s="6">
        <v>2013</v>
      </c>
    </row>
    <row r="3441" spans="1:6" x14ac:dyDescent="0.25">
      <c r="A3441" s="4" t="s">
        <v>1590</v>
      </c>
      <c r="B3441" s="1" t="s">
        <v>3153</v>
      </c>
      <c r="C3441" s="5" t="s">
        <v>5410</v>
      </c>
      <c r="D3441" s="1" t="s">
        <v>1590</v>
      </c>
      <c r="E3441" s="5" t="s">
        <v>14375</v>
      </c>
      <c r="F3441" s="6">
        <v>3041</v>
      </c>
    </row>
    <row r="3442" spans="1:6" x14ac:dyDescent="0.25">
      <c r="A3442" s="4" t="s">
        <v>2969</v>
      </c>
      <c r="B3442" s="1" t="s">
        <v>3162</v>
      </c>
      <c r="C3442" s="5" t="s">
        <v>6994</v>
      </c>
      <c r="D3442" s="1" t="s">
        <v>2969</v>
      </c>
      <c r="E3442" s="5" t="s">
        <v>17406</v>
      </c>
      <c r="F3442" s="6">
        <v>9013</v>
      </c>
    </row>
    <row r="3443" spans="1:6" x14ac:dyDescent="0.25">
      <c r="A3443" s="4" t="s">
        <v>2002</v>
      </c>
      <c r="B3443" s="1" t="s">
        <v>3144</v>
      </c>
      <c r="C3443" s="5" t="s">
        <v>4968</v>
      </c>
      <c r="D3443" s="1" t="s">
        <v>2002</v>
      </c>
      <c r="E3443" s="5" t="s">
        <v>14840</v>
      </c>
      <c r="F3443" s="6">
        <v>3552</v>
      </c>
    </row>
    <row r="3444" spans="1:6" x14ac:dyDescent="0.25">
      <c r="A3444" s="4" t="s">
        <v>3053</v>
      </c>
      <c r="B3444" s="1" t="s">
        <v>3144</v>
      </c>
      <c r="C3444" s="5" t="s">
        <v>7165</v>
      </c>
      <c r="D3444" s="1" t="s">
        <v>11287</v>
      </c>
      <c r="E3444" s="5" t="s">
        <v>17699</v>
      </c>
      <c r="F3444" s="6">
        <v>9318</v>
      </c>
    </row>
    <row r="3445" spans="1:6" x14ac:dyDescent="0.25">
      <c r="A3445" s="4" t="s">
        <v>984</v>
      </c>
      <c r="B3445" s="1" t="s">
        <v>3147</v>
      </c>
      <c r="C3445" s="5" t="s">
        <v>4730</v>
      </c>
      <c r="D3445" s="1" t="s">
        <v>984</v>
      </c>
      <c r="E3445" s="5" t="s">
        <v>13551</v>
      </c>
      <c r="F3445" s="6">
        <v>2191</v>
      </c>
    </row>
    <row r="3446" spans="1:6" x14ac:dyDescent="0.25">
      <c r="A3446" s="4" t="s">
        <v>1555</v>
      </c>
      <c r="B3446" s="1" t="s">
        <v>3147</v>
      </c>
      <c r="C3446" s="5" t="s">
        <v>5375</v>
      </c>
      <c r="D3446" s="1" t="s">
        <v>1555</v>
      </c>
      <c r="E3446" s="5" t="s">
        <v>14338</v>
      </c>
      <c r="F3446" s="6">
        <v>3000</v>
      </c>
    </row>
    <row r="3447" spans="1:6" x14ac:dyDescent="0.25">
      <c r="A3447" s="4" t="s">
        <v>1772</v>
      </c>
      <c r="B3447" s="1" t="s">
        <v>3152</v>
      </c>
      <c r="C3447" s="5" t="s">
        <v>5549</v>
      </c>
      <c r="D3447" s="1" t="s">
        <v>9190</v>
      </c>
      <c r="E3447" s="5" t="s">
        <v>14589</v>
      </c>
      <c r="F3447" s="6">
        <v>3283</v>
      </c>
    </row>
    <row r="3448" spans="1:6" x14ac:dyDescent="0.25">
      <c r="A3448" s="4" t="s">
        <v>1618</v>
      </c>
      <c r="B3448" s="1" t="s">
        <v>3152</v>
      </c>
      <c r="C3448" s="5" t="s">
        <v>3809</v>
      </c>
      <c r="D3448" s="1" t="s">
        <v>1618</v>
      </c>
      <c r="E3448" s="5" t="s">
        <v>14405</v>
      </c>
      <c r="F3448" s="6">
        <v>3082</v>
      </c>
    </row>
    <row r="3449" spans="1:6" x14ac:dyDescent="0.25">
      <c r="A3449" s="4" t="s">
        <v>2732</v>
      </c>
      <c r="B3449" s="1" t="s">
        <v>3156</v>
      </c>
      <c r="C3449" s="5" t="s">
        <v>6673</v>
      </c>
      <c r="D3449" s="1" t="s">
        <v>2732</v>
      </c>
      <c r="E3449" s="5" t="s">
        <v>16668</v>
      </c>
      <c r="F3449" s="6">
        <v>6525</v>
      </c>
    </row>
    <row r="3450" spans="1:6" x14ac:dyDescent="0.25">
      <c r="A3450" s="4" t="s">
        <v>3121</v>
      </c>
      <c r="B3450" s="1" t="s">
        <v>3156</v>
      </c>
      <c r="C3450" s="5" t="s">
        <v>7293</v>
      </c>
      <c r="D3450" s="1" t="s">
        <v>3121</v>
      </c>
      <c r="E3450" s="5" t="s">
        <v>18000</v>
      </c>
      <c r="F3450" s="6">
        <v>9632</v>
      </c>
    </row>
    <row r="3451" spans="1:6" x14ac:dyDescent="0.25">
      <c r="A3451" s="4" t="s">
        <v>493</v>
      </c>
      <c r="B3451" s="1" t="s">
        <v>3154</v>
      </c>
      <c r="C3451" s="5" t="s">
        <v>3865</v>
      </c>
      <c r="D3451" s="1" t="s">
        <v>8311</v>
      </c>
      <c r="E3451" s="5" t="s">
        <v>12729</v>
      </c>
      <c r="F3451" s="6">
        <v>1326</v>
      </c>
    </row>
    <row r="3452" spans="1:6" x14ac:dyDescent="0.25">
      <c r="A3452" s="4" t="s">
        <v>2567</v>
      </c>
      <c r="B3452" s="1" t="s">
        <v>3153</v>
      </c>
      <c r="C3452" s="5" t="s">
        <v>6475</v>
      </c>
      <c r="D3452" s="1" t="s">
        <v>2567</v>
      </c>
      <c r="E3452" s="5" t="s">
        <v>16284</v>
      </c>
      <c r="F3452" s="6">
        <v>5567</v>
      </c>
    </row>
    <row r="3453" spans="1:6" x14ac:dyDescent="0.25">
      <c r="A3453" s="4" t="s">
        <v>1850</v>
      </c>
      <c r="B3453" s="1" t="s">
        <v>3156</v>
      </c>
      <c r="C3453" s="5" t="s">
        <v>5620</v>
      </c>
      <c r="D3453" s="1" t="s">
        <v>1850</v>
      </c>
      <c r="E3453" s="5" t="s">
        <v>14680</v>
      </c>
      <c r="F3453" s="6">
        <v>3382</v>
      </c>
    </row>
    <row r="3454" spans="1:6" x14ac:dyDescent="0.25">
      <c r="A3454" s="4" t="s">
        <v>344</v>
      </c>
      <c r="B3454" s="1" t="s">
        <v>3144</v>
      </c>
      <c r="C3454" s="5" t="s">
        <v>3833</v>
      </c>
      <c r="D3454" s="1" t="s">
        <v>8007</v>
      </c>
      <c r="E3454" s="5" t="s">
        <v>12331</v>
      </c>
      <c r="F3454" s="6">
        <v>827</v>
      </c>
    </row>
    <row r="3455" spans="1:6" x14ac:dyDescent="0.25">
      <c r="A3455" s="4" t="s">
        <v>1097</v>
      </c>
      <c r="B3455" s="1" t="s">
        <v>3160</v>
      </c>
      <c r="C3455" s="5" t="s">
        <v>4840</v>
      </c>
      <c r="D3455" s="1" t="s">
        <v>8822</v>
      </c>
      <c r="E3455" s="5" t="s">
        <v>13668</v>
      </c>
      <c r="F3455" s="6">
        <v>2314</v>
      </c>
    </row>
    <row r="3456" spans="1:6" x14ac:dyDescent="0.25">
      <c r="A3456" s="4" t="s">
        <v>1097</v>
      </c>
      <c r="B3456" s="1" t="s">
        <v>3160</v>
      </c>
      <c r="C3456" s="5" t="s">
        <v>3691</v>
      </c>
      <c r="D3456" s="1" t="s">
        <v>9880</v>
      </c>
      <c r="E3456" s="5" t="s">
        <v>15814</v>
      </c>
      <c r="F3456" s="6">
        <v>4724</v>
      </c>
    </row>
    <row r="3457" spans="1:6" x14ac:dyDescent="0.25">
      <c r="A3457" s="4" t="s">
        <v>1097</v>
      </c>
      <c r="B3457" s="1" t="s">
        <v>3160</v>
      </c>
      <c r="C3457" s="5" t="s">
        <v>3682</v>
      </c>
      <c r="D3457" s="1" t="s">
        <v>9906</v>
      </c>
      <c r="E3457" s="5" t="s">
        <v>15843</v>
      </c>
      <c r="F3457" s="6">
        <v>4756</v>
      </c>
    </row>
    <row r="3458" spans="1:6" x14ac:dyDescent="0.25">
      <c r="A3458" s="4" t="s">
        <v>2110</v>
      </c>
      <c r="B3458" s="1" t="s">
        <v>3158</v>
      </c>
      <c r="C3458" s="5" t="s">
        <v>5811</v>
      </c>
      <c r="D3458" s="1" t="s">
        <v>9332</v>
      </c>
      <c r="E3458" s="5" t="s">
        <v>15037</v>
      </c>
      <c r="F3458" s="6">
        <v>3765</v>
      </c>
    </row>
    <row r="3459" spans="1:6" x14ac:dyDescent="0.25">
      <c r="A3459" s="4" t="s">
        <v>2492</v>
      </c>
      <c r="B3459" s="1" t="s">
        <v>3168</v>
      </c>
      <c r="C3459" s="5">
        <v>799201</v>
      </c>
      <c r="D3459" s="1" t="s">
        <v>2492</v>
      </c>
      <c r="E3459" s="5" t="s">
        <v>16055</v>
      </c>
      <c r="F3459" s="6">
        <v>5072</v>
      </c>
    </row>
    <row r="3460" spans="1:6" x14ac:dyDescent="0.25">
      <c r="A3460" s="4" t="s">
        <v>1746</v>
      </c>
      <c r="B3460" s="1" t="s">
        <v>3152</v>
      </c>
      <c r="C3460" s="5" t="s">
        <v>5536</v>
      </c>
      <c r="D3460" s="1" t="s">
        <v>1746</v>
      </c>
      <c r="E3460" s="5" t="s">
        <v>14560</v>
      </c>
      <c r="F3460" s="6">
        <v>3251</v>
      </c>
    </row>
    <row r="3461" spans="1:6" x14ac:dyDescent="0.25">
      <c r="A3461" s="4" t="s">
        <v>1305</v>
      </c>
      <c r="B3461" s="1" t="s">
        <v>3159</v>
      </c>
      <c r="C3461" s="5" t="s">
        <v>5091</v>
      </c>
      <c r="D3461" s="1" t="s">
        <v>8970</v>
      </c>
      <c r="E3461" s="5" t="s">
        <v>13976</v>
      </c>
      <c r="F3461" s="6">
        <v>2628</v>
      </c>
    </row>
    <row r="3462" spans="1:6" x14ac:dyDescent="0.25">
      <c r="A3462" s="4" t="s">
        <v>2577</v>
      </c>
      <c r="B3462" s="1" t="s">
        <v>3153</v>
      </c>
      <c r="C3462" s="5" t="s">
        <v>6485</v>
      </c>
      <c r="D3462" s="1" t="s">
        <v>2577</v>
      </c>
      <c r="E3462" s="5" t="s">
        <v>16295</v>
      </c>
      <c r="F3462" s="6">
        <v>5594</v>
      </c>
    </row>
    <row r="3463" spans="1:6" x14ac:dyDescent="0.25">
      <c r="A3463" s="4" t="s">
        <v>285</v>
      </c>
      <c r="B3463" s="1" t="s">
        <v>3158</v>
      </c>
      <c r="C3463" s="5" t="s">
        <v>3757</v>
      </c>
      <c r="D3463" s="1" t="s">
        <v>7936</v>
      </c>
      <c r="E3463" s="5" t="s">
        <v>12249</v>
      </c>
      <c r="F3463" s="6">
        <v>738</v>
      </c>
    </row>
    <row r="3464" spans="1:6" x14ac:dyDescent="0.25">
      <c r="A3464" s="4" t="s">
        <v>2223</v>
      </c>
      <c r="B3464" s="1" t="s">
        <v>3158</v>
      </c>
      <c r="C3464" s="5" t="s">
        <v>5946</v>
      </c>
      <c r="D3464" s="1" t="s">
        <v>2223</v>
      </c>
      <c r="E3464" s="5" t="s">
        <v>15308</v>
      </c>
      <c r="F3464" s="6">
        <v>4045</v>
      </c>
    </row>
    <row r="3465" spans="1:6" x14ac:dyDescent="0.25">
      <c r="A3465" s="4" t="s">
        <v>2145</v>
      </c>
      <c r="B3465" s="1" t="s">
        <v>3158</v>
      </c>
      <c r="C3465" s="5" t="s">
        <v>3859</v>
      </c>
      <c r="D3465" s="1" t="s">
        <v>2145</v>
      </c>
      <c r="E3465" s="5" t="s">
        <v>15115</v>
      </c>
      <c r="F3465" s="6">
        <v>3844</v>
      </c>
    </row>
    <row r="3466" spans="1:6" x14ac:dyDescent="0.25">
      <c r="A3466" s="4" t="s">
        <v>2074</v>
      </c>
      <c r="B3466" s="1" t="s">
        <v>3144</v>
      </c>
      <c r="C3466" s="5" t="s">
        <v>5763</v>
      </c>
      <c r="D3466" s="1" t="s">
        <v>2074</v>
      </c>
      <c r="E3466" s="5" t="s">
        <v>14952</v>
      </c>
      <c r="F3466" s="6">
        <v>3675</v>
      </c>
    </row>
    <row r="3467" spans="1:6" x14ac:dyDescent="0.25">
      <c r="A3467" s="4" t="s">
        <v>2777</v>
      </c>
      <c r="B3467" s="1" t="s">
        <v>3146</v>
      </c>
      <c r="C3467" s="5" t="s">
        <v>6741</v>
      </c>
      <c r="D3467" s="1" t="s">
        <v>10586</v>
      </c>
      <c r="E3467" s="5" t="s">
        <v>16786</v>
      </c>
      <c r="F3467" s="6">
        <v>6942</v>
      </c>
    </row>
    <row r="3468" spans="1:6" x14ac:dyDescent="0.25">
      <c r="A3468" s="4" t="s">
        <v>2459</v>
      </c>
      <c r="B3468" s="1" t="s">
        <v>3149</v>
      </c>
      <c r="C3468" s="5" t="s">
        <v>6340</v>
      </c>
      <c r="D3468" s="1" t="s">
        <v>10003</v>
      </c>
      <c r="E3468" s="5" t="s">
        <v>15973</v>
      </c>
      <c r="F3468" s="6">
        <v>4892</v>
      </c>
    </row>
    <row r="3469" spans="1:6" x14ac:dyDescent="0.25">
      <c r="A3469" s="4" t="s">
        <v>960</v>
      </c>
      <c r="B3469" s="1" t="s">
        <v>3158</v>
      </c>
      <c r="C3469" s="5">
        <v>283122</v>
      </c>
      <c r="D3469" s="1" t="s">
        <v>960</v>
      </c>
      <c r="E3469" s="5" t="s">
        <v>13527</v>
      </c>
      <c r="F3469" s="6">
        <v>2165</v>
      </c>
    </row>
    <row r="3470" spans="1:6" x14ac:dyDescent="0.25">
      <c r="A3470" s="4" t="s">
        <v>1784</v>
      </c>
      <c r="B3470" s="1" t="s">
        <v>3152</v>
      </c>
      <c r="C3470" s="5" t="s">
        <v>5564</v>
      </c>
      <c r="D3470" s="1" t="s">
        <v>1784</v>
      </c>
      <c r="E3470" s="5" t="s">
        <v>14603</v>
      </c>
      <c r="F3470" s="6">
        <v>3298</v>
      </c>
    </row>
    <row r="3471" spans="1:6" x14ac:dyDescent="0.25">
      <c r="A3471" s="4" t="s">
        <v>2056</v>
      </c>
      <c r="B3471" s="1" t="s">
        <v>3165</v>
      </c>
      <c r="C3471" s="5" t="s">
        <v>4603</v>
      </c>
      <c r="D3471" s="1" t="s">
        <v>2056</v>
      </c>
      <c r="E3471" s="5" t="s">
        <v>14897</v>
      </c>
      <c r="F3471" s="6">
        <v>3615</v>
      </c>
    </row>
    <row r="3472" spans="1:6" x14ac:dyDescent="0.25">
      <c r="A3472" s="4" t="s">
        <v>1380</v>
      </c>
      <c r="B3472" s="1" t="s">
        <v>812</v>
      </c>
      <c r="C3472" s="5" t="s">
        <v>5183</v>
      </c>
      <c r="D3472" s="1" t="s">
        <v>1380</v>
      </c>
      <c r="E3472" s="5" t="s">
        <v>14092</v>
      </c>
      <c r="F3472" s="6">
        <v>2749</v>
      </c>
    </row>
    <row r="3473" spans="1:6" x14ac:dyDescent="0.25">
      <c r="A3473" s="4" t="s">
        <v>730</v>
      </c>
      <c r="B3473" s="1" t="s">
        <v>3156</v>
      </c>
      <c r="C3473" s="5" t="s">
        <v>4441</v>
      </c>
      <c r="D3473" s="1" t="s">
        <v>730</v>
      </c>
      <c r="E3473" s="5" t="s">
        <v>13204</v>
      </c>
      <c r="F3473" s="6">
        <v>1837</v>
      </c>
    </row>
    <row r="3474" spans="1:6" x14ac:dyDescent="0.25">
      <c r="A3474" s="4" t="s">
        <v>730</v>
      </c>
      <c r="B3474" s="1" t="s">
        <v>3156</v>
      </c>
      <c r="C3474" s="5" t="s">
        <v>6391</v>
      </c>
      <c r="D3474" s="1" t="s">
        <v>10124</v>
      </c>
      <c r="E3474" s="5" t="s">
        <v>16126</v>
      </c>
      <c r="F3474" s="6">
        <v>5200</v>
      </c>
    </row>
    <row r="3475" spans="1:6" x14ac:dyDescent="0.25">
      <c r="A3475" s="4" t="s">
        <v>730</v>
      </c>
      <c r="B3475" s="1" t="s">
        <v>3156</v>
      </c>
      <c r="C3475" s="5" t="s">
        <v>6665</v>
      </c>
      <c r="D3475" s="1" t="s">
        <v>730</v>
      </c>
      <c r="E3475" s="5" t="s">
        <v>16643</v>
      </c>
      <c r="F3475" s="6">
        <v>6461</v>
      </c>
    </row>
    <row r="3476" spans="1:6" x14ac:dyDescent="0.25">
      <c r="A3476" s="4" t="s">
        <v>730</v>
      </c>
      <c r="B3476" s="1" t="s">
        <v>3156</v>
      </c>
      <c r="C3476" s="5">
        <v>305801</v>
      </c>
      <c r="D3476" s="1" t="s">
        <v>10509</v>
      </c>
      <c r="E3476" s="5" t="s">
        <v>16678</v>
      </c>
      <c r="F3476" s="6">
        <v>6551</v>
      </c>
    </row>
    <row r="3477" spans="1:6" x14ac:dyDescent="0.25">
      <c r="A3477" s="4" t="s">
        <v>730</v>
      </c>
      <c r="B3477" s="1" t="s">
        <v>3156</v>
      </c>
      <c r="C3477" s="5" t="s">
        <v>4441</v>
      </c>
      <c r="D3477" s="1" t="s">
        <v>11504</v>
      </c>
      <c r="E3477" s="5" t="s">
        <v>17967</v>
      </c>
      <c r="F3477" s="6">
        <v>9599</v>
      </c>
    </row>
    <row r="3478" spans="1:6" x14ac:dyDescent="0.25">
      <c r="A3478" s="4" t="s">
        <v>2408</v>
      </c>
      <c r="B3478" s="1" t="s">
        <v>3156</v>
      </c>
      <c r="C3478" s="5" t="s">
        <v>6240</v>
      </c>
      <c r="D3478" s="1" t="s">
        <v>2408</v>
      </c>
      <c r="E3478" s="5" t="s">
        <v>15794</v>
      </c>
      <c r="F3478" s="6">
        <v>4702</v>
      </c>
    </row>
    <row r="3479" spans="1:6" x14ac:dyDescent="0.25">
      <c r="A3479" s="4" t="s">
        <v>1884</v>
      </c>
      <c r="B3479" s="1" t="s">
        <v>3163</v>
      </c>
      <c r="C3479" s="5" t="s">
        <v>5641</v>
      </c>
      <c r="D3479" s="1" t="s">
        <v>1884</v>
      </c>
      <c r="E3479" s="5" t="s">
        <v>14717</v>
      </c>
      <c r="F3479" s="6">
        <v>3424</v>
      </c>
    </row>
    <row r="3480" spans="1:6" x14ac:dyDescent="0.25">
      <c r="A3480" s="4" t="s">
        <v>2618</v>
      </c>
      <c r="B3480" s="1" t="s">
        <v>3150</v>
      </c>
      <c r="C3480" s="5" t="s">
        <v>6527</v>
      </c>
      <c r="D3480" s="1" t="s">
        <v>10289</v>
      </c>
      <c r="E3480" s="5" t="s">
        <v>16368</v>
      </c>
      <c r="F3480" s="6">
        <v>5766</v>
      </c>
    </row>
    <row r="3481" spans="1:6" x14ac:dyDescent="0.25">
      <c r="A3481" s="4" t="s">
        <v>2618</v>
      </c>
      <c r="B3481" s="1" t="s">
        <v>3150</v>
      </c>
      <c r="C3481" s="5" t="s">
        <v>7222</v>
      </c>
      <c r="D3481" s="1" t="s">
        <v>11426</v>
      </c>
      <c r="E3481" s="5" t="s">
        <v>17859</v>
      </c>
      <c r="F3481" s="6">
        <v>9488</v>
      </c>
    </row>
    <row r="3482" spans="1:6" x14ac:dyDescent="0.25">
      <c r="A3482" s="4" t="s">
        <v>622</v>
      </c>
      <c r="B3482" s="1" t="s">
        <v>3151</v>
      </c>
      <c r="C3482" s="5" t="s">
        <v>4300</v>
      </c>
      <c r="D3482" s="1" t="s">
        <v>622</v>
      </c>
      <c r="E3482" s="5" t="s">
        <v>13015</v>
      </c>
      <c r="F3482" s="6">
        <v>1642</v>
      </c>
    </row>
    <row r="3483" spans="1:6" x14ac:dyDescent="0.25">
      <c r="A3483" s="4" t="s">
        <v>622</v>
      </c>
      <c r="B3483" s="1" t="s">
        <v>3151</v>
      </c>
      <c r="C3483" s="5">
        <v>508206</v>
      </c>
      <c r="D3483" s="1" t="s">
        <v>10820</v>
      </c>
      <c r="E3483" s="5" t="s">
        <v>17091</v>
      </c>
      <c r="F3483" s="6">
        <v>7828</v>
      </c>
    </row>
    <row r="3484" spans="1:6" x14ac:dyDescent="0.25">
      <c r="A3484" s="4" t="s">
        <v>1144</v>
      </c>
      <c r="B3484" s="1" t="s">
        <v>3146</v>
      </c>
      <c r="C3484" s="5" t="s">
        <v>4885</v>
      </c>
      <c r="D3484" s="1" t="s">
        <v>1144</v>
      </c>
      <c r="E3484" s="5" t="s">
        <v>13718</v>
      </c>
      <c r="F3484" s="6">
        <v>2365</v>
      </c>
    </row>
    <row r="3485" spans="1:6" x14ac:dyDescent="0.25">
      <c r="A3485" s="4" t="s">
        <v>591</v>
      </c>
      <c r="B3485" s="1" t="s">
        <v>3150</v>
      </c>
      <c r="C3485" s="5" t="s">
        <v>4242</v>
      </c>
      <c r="D3485" s="1" t="s">
        <v>8473</v>
      </c>
      <c r="E3485" s="5" t="s">
        <v>12933</v>
      </c>
      <c r="F3485" s="6">
        <v>1541</v>
      </c>
    </row>
    <row r="3486" spans="1:6" x14ac:dyDescent="0.25">
      <c r="A3486" s="4" t="s">
        <v>1993</v>
      </c>
      <c r="B3486" s="1" t="s">
        <v>3146</v>
      </c>
      <c r="C3486" s="5" t="s">
        <v>5704</v>
      </c>
      <c r="D3486" s="1" t="s">
        <v>1993</v>
      </c>
      <c r="E3486" s="5" t="s">
        <v>14830</v>
      </c>
      <c r="F3486" s="6">
        <v>3542</v>
      </c>
    </row>
    <row r="3487" spans="1:6" x14ac:dyDescent="0.25">
      <c r="A3487" s="4" t="s">
        <v>2288</v>
      </c>
      <c r="B3487" s="1" t="s">
        <v>3147</v>
      </c>
      <c r="C3487" s="5" t="s">
        <v>6045</v>
      </c>
      <c r="D3487" s="1" t="s">
        <v>2288</v>
      </c>
      <c r="E3487" s="5" t="s">
        <v>15458</v>
      </c>
      <c r="F3487" s="6">
        <v>4196</v>
      </c>
    </row>
    <row r="3488" spans="1:6" x14ac:dyDescent="0.25">
      <c r="A3488" s="4" t="s">
        <v>592</v>
      </c>
      <c r="B3488" s="1" t="s">
        <v>3150</v>
      </c>
      <c r="C3488" s="5" t="s">
        <v>4243</v>
      </c>
      <c r="D3488" s="1" t="s">
        <v>8474</v>
      </c>
      <c r="E3488" s="5" t="s">
        <v>12934</v>
      </c>
      <c r="F3488" s="6">
        <v>1542</v>
      </c>
    </row>
    <row r="3489" spans="1:6" x14ac:dyDescent="0.25">
      <c r="A3489" s="4" t="s">
        <v>1478</v>
      </c>
      <c r="B3489" s="1" t="s">
        <v>3155</v>
      </c>
      <c r="C3489" s="5" t="s">
        <v>5294</v>
      </c>
      <c r="D3489" s="1" t="s">
        <v>1478</v>
      </c>
      <c r="E3489" s="5" t="s">
        <v>14250</v>
      </c>
      <c r="F3489" s="6">
        <v>2911</v>
      </c>
    </row>
    <row r="3490" spans="1:6" x14ac:dyDescent="0.25">
      <c r="A3490" s="4" t="s">
        <v>581</v>
      </c>
      <c r="B3490" s="1" t="s">
        <v>3150</v>
      </c>
      <c r="C3490" s="5" t="s">
        <v>4232</v>
      </c>
      <c r="D3490" s="1" t="s">
        <v>8464</v>
      </c>
      <c r="E3490" s="5" t="s">
        <v>12923</v>
      </c>
      <c r="F3490" s="6">
        <v>1530</v>
      </c>
    </row>
    <row r="3491" spans="1:6" x14ac:dyDescent="0.25">
      <c r="A3491" s="4" t="s">
        <v>1988</v>
      </c>
      <c r="B3491" s="1" t="s">
        <v>3152</v>
      </c>
      <c r="C3491" s="5" t="s">
        <v>5264</v>
      </c>
      <c r="D3491" s="1" t="s">
        <v>1988</v>
      </c>
      <c r="E3491" s="5" t="s">
        <v>14825</v>
      </c>
      <c r="F3491" s="6">
        <v>3537</v>
      </c>
    </row>
    <row r="3492" spans="1:6" x14ac:dyDescent="0.25">
      <c r="A3492" s="4" t="s">
        <v>1455</v>
      </c>
      <c r="B3492" s="1" t="s">
        <v>3152</v>
      </c>
      <c r="C3492" s="5" t="s">
        <v>5269</v>
      </c>
      <c r="D3492" s="1" t="s">
        <v>1455</v>
      </c>
      <c r="E3492" s="5" t="s">
        <v>14225</v>
      </c>
      <c r="F3492" s="6">
        <v>2885</v>
      </c>
    </row>
    <row r="3493" spans="1:6" x14ac:dyDescent="0.25">
      <c r="A3493" s="4" t="s">
        <v>849</v>
      </c>
      <c r="B3493" s="1" t="s">
        <v>3174</v>
      </c>
      <c r="C3493" s="5" t="s">
        <v>4584</v>
      </c>
      <c r="D3493" s="1" t="s">
        <v>849</v>
      </c>
      <c r="E3493" s="5" t="s">
        <v>13382</v>
      </c>
      <c r="F3493" s="6">
        <v>2015</v>
      </c>
    </row>
    <row r="3494" spans="1:6" x14ac:dyDescent="0.25">
      <c r="A3494" s="4" t="s">
        <v>849</v>
      </c>
      <c r="B3494" s="1" t="s">
        <v>3174</v>
      </c>
      <c r="C3494" s="5" t="s">
        <v>4584</v>
      </c>
      <c r="D3494" s="1" t="s">
        <v>9896</v>
      </c>
      <c r="E3494" s="5" t="s">
        <v>15833</v>
      </c>
      <c r="F3494" s="6">
        <v>4745</v>
      </c>
    </row>
    <row r="3495" spans="1:6" x14ac:dyDescent="0.25">
      <c r="A3495" s="4" t="s">
        <v>850</v>
      </c>
      <c r="B3495" s="1" t="s">
        <v>3164</v>
      </c>
      <c r="C3495" s="5" t="s">
        <v>4585</v>
      </c>
      <c r="D3495" s="1" t="s">
        <v>850</v>
      </c>
      <c r="E3495" s="5" t="s">
        <v>13383</v>
      </c>
      <c r="F3495" s="6">
        <v>2016</v>
      </c>
    </row>
    <row r="3496" spans="1:6" x14ac:dyDescent="0.25">
      <c r="A3496" s="4" t="s">
        <v>2456</v>
      </c>
      <c r="B3496" s="1" t="s">
        <v>3149</v>
      </c>
      <c r="C3496" s="5" t="s">
        <v>6337</v>
      </c>
      <c r="D3496" s="1" t="s">
        <v>2456</v>
      </c>
      <c r="E3496" s="5" t="s">
        <v>15970</v>
      </c>
      <c r="F3496" s="6">
        <v>4889</v>
      </c>
    </row>
    <row r="3497" spans="1:6" x14ac:dyDescent="0.25">
      <c r="A3497" s="4" t="s">
        <v>2566</v>
      </c>
      <c r="B3497" s="1" t="s">
        <v>3153</v>
      </c>
      <c r="C3497" s="5" t="s">
        <v>6474</v>
      </c>
      <c r="D3497" s="1" t="s">
        <v>10237</v>
      </c>
      <c r="E3497" s="5" t="s">
        <v>16283</v>
      </c>
      <c r="F3497" s="6">
        <v>5563</v>
      </c>
    </row>
    <row r="3498" spans="1:6" x14ac:dyDescent="0.25">
      <c r="A3498" s="4" t="s">
        <v>2232</v>
      </c>
      <c r="B3498" s="1" t="s">
        <v>3147</v>
      </c>
      <c r="C3498" s="5" t="s">
        <v>5720</v>
      </c>
      <c r="D3498" s="1" t="s">
        <v>2232</v>
      </c>
      <c r="E3498" s="5" t="s">
        <v>15325</v>
      </c>
      <c r="F3498" s="6">
        <v>4062</v>
      </c>
    </row>
    <row r="3499" spans="1:6" x14ac:dyDescent="0.25">
      <c r="A3499" s="4" t="s">
        <v>485</v>
      </c>
      <c r="B3499" s="1" t="s">
        <v>3150</v>
      </c>
      <c r="C3499" s="5" t="s">
        <v>4100</v>
      </c>
      <c r="D3499" s="1" t="s">
        <v>485</v>
      </c>
      <c r="E3499" s="5" t="s">
        <v>12699</v>
      </c>
      <c r="F3499" s="6">
        <v>1296</v>
      </c>
    </row>
    <row r="3500" spans="1:6" x14ac:dyDescent="0.25">
      <c r="A3500" s="4" t="s">
        <v>81</v>
      </c>
      <c r="B3500" s="1" t="s">
        <v>3144</v>
      </c>
      <c r="C3500" s="5" t="s">
        <v>3335</v>
      </c>
      <c r="D3500" s="1" t="s">
        <v>81</v>
      </c>
      <c r="E3500" s="5" t="s">
        <v>11743</v>
      </c>
      <c r="F3500" s="6">
        <v>164</v>
      </c>
    </row>
    <row r="3501" spans="1:6" x14ac:dyDescent="0.25">
      <c r="A3501" s="4" t="s">
        <v>81</v>
      </c>
      <c r="B3501" s="1" t="s">
        <v>3144</v>
      </c>
      <c r="C3501" s="5" t="s">
        <v>3755</v>
      </c>
      <c r="D3501" s="1" t="s">
        <v>3068</v>
      </c>
      <c r="E3501" s="5" t="s">
        <v>12247</v>
      </c>
      <c r="F3501" s="6">
        <v>736</v>
      </c>
    </row>
    <row r="3502" spans="1:6" x14ac:dyDescent="0.25">
      <c r="A3502" s="4" t="s">
        <v>81</v>
      </c>
      <c r="B3502" s="1" t="s">
        <v>3144</v>
      </c>
      <c r="C3502" s="5" t="s">
        <v>4082</v>
      </c>
      <c r="D3502" s="1" t="s">
        <v>8270</v>
      </c>
      <c r="E3502" s="5" t="s">
        <v>12678</v>
      </c>
      <c r="F3502" s="6">
        <v>1274</v>
      </c>
    </row>
    <row r="3503" spans="1:6" x14ac:dyDescent="0.25">
      <c r="A3503" s="4" t="s">
        <v>81</v>
      </c>
      <c r="B3503" s="1" t="s">
        <v>3144</v>
      </c>
      <c r="C3503" s="5" t="s">
        <v>6291</v>
      </c>
      <c r="D3503" s="1" t="s">
        <v>9937</v>
      </c>
      <c r="E3503" s="5" t="s">
        <v>15886</v>
      </c>
      <c r="F3503" s="6">
        <v>4800</v>
      </c>
    </row>
    <row r="3504" spans="1:6" x14ac:dyDescent="0.25">
      <c r="A3504" s="4" t="s">
        <v>81</v>
      </c>
      <c r="B3504" s="1" t="s">
        <v>3144</v>
      </c>
      <c r="C3504" s="5">
        <v>416003</v>
      </c>
      <c r="D3504" s="1" t="s">
        <v>10959</v>
      </c>
      <c r="E3504" s="5" t="s">
        <v>17259</v>
      </c>
      <c r="F3504" s="6">
        <v>8343</v>
      </c>
    </row>
    <row r="3505" spans="1:6" x14ac:dyDescent="0.25">
      <c r="A3505" s="4" t="s">
        <v>81</v>
      </c>
      <c r="B3505" s="1" t="s">
        <v>3144</v>
      </c>
      <c r="C3505" s="5" t="s">
        <v>7163</v>
      </c>
      <c r="D3505" s="1" t="s">
        <v>11284</v>
      </c>
      <c r="E3505" s="5" t="s">
        <v>17696</v>
      </c>
      <c r="F3505" s="6">
        <v>9315</v>
      </c>
    </row>
    <row r="3506" spans="1:6" x14ac:dyDescent="0.25">
      <c r="A3506" s="4" t="s">
        <v>81</v>
      </c>
      <c r="B3506" s="1" t="s">
        <v>3144</v>
      </c>
      <c r="C3506" s="5" t="s">
        <v>7164</v>
      </c>
      <c r="D3506" s="1" t="s">
        <v>11285</v>
      </c>
      <c r="E3506" s="5" t="s">
        <v>17697</v>
      </c>
      <c r="F3506" s="6">
        <v>9316</v>
      </c>
    </row>
    <row r="3507" spans="1:6" x14ac:dyDescent="0.25">
      <c r="A3507" s="4" t="s">
        <v>81</v>
      </c>
      <c r="B3507" s="1" t="s">
        <v>3144</v>
      </c>
      <c r="C3507" s="5" t="s">
        <v>6291</v>
      </c>
      <c r="D3507" s="1" t="s">
        <v>11395</v>
      </c>
      <c r="E3507" s="5" t="s">
        <v>17821</v>
      </c>
      <c r="F3507" s="6">
        <v>9447</v>
      </c>
    </row>
    <row r="3508" spans="1:6" x14ac:dyDescent="0.25">
      <c r="A3508" s="4" t="s">
        <v>2783</v>
      </c>
      <c r="B3508" s="1" t="s">
        <v>3144</v>
      </c>
      <c r="C3508" s="5" t="s">
        <v>5794</v>
      </c>
      <c r="D3508" s="1" t="s">
        <v>2783</v>
      </c>
      <c r="E3508" s="5" t="s">
        <v>16804</v>
      </c>
      <c r="F3508" s="6">
        <v>6992</v>
      </c>
    </row>
    <row r="3509" spans="1:6" x14ac:dyDescent="0.25">
      <c r="A3509" s="4" t="s">
        <v>6</v>
      </c>
      <c r="B3509" s="1" t="s">
        <v>3148</v>
      </c>
      <c r="C3509" s="5" t="s">
        <v>3201</v>
      </c>
      <c r="D3509" s="1" t="s">
        <v>7329</v>
      </c>
      <c r="E3509" s="5" t="s">
        <v>11600</v>
      </c>
      <c r="F3509" s="6">
        <v>8</v>
      </c>
    </row>
    <row r="3510" spans="1:6" x14ac:dyDescent="0.25">
      <c r="A3510" s="4" t="s">
        <v>6</v>
      </c>
      <c r="B3510" s="1" t="s">
        <v>3148</v>
      </c>
      <c r="C3510" s="5" t="s">
        <v>3207</v>
      </c>
      <c r="D3510" s="1" t="s">
        <v>7335</v>
      </c>
      <c r="E3510" s="5" t="s">
        <v>11606</v>
      </c>
      <c r="F3510" s="6">
        <v>14</v>
      </c>
    </row>
    <row r="3511" spans="1:6" x14ac:dyDescent="0.25">
      <c r="A3511" s="4" t="s">
        <v>6</v>
      </c>
      <c r="B3511" s="1" t="s">
        <v>3148</v>
      </c>
      <c r="C3511" s="5" t="s">
        <v>3215</v>
      </c>
      <c r="D3511" s="1" t="s">
        <v>7343</v>
      </c>
      <c r="E3511" s="5" t="s">
        <v>11614</v>
      </c>
      <c r="F3511" s="6">
        <v>22</v>
      </c>
    </row>
    <row r="3512" spans="1:6" x14ac:dyDescent="0.25">
      <c r="A3512" s="4" t="s">
        <v>6</v>
      </c>
      <c r="B3512" s="1" t="s">
        <v>3148</v>
      </c>
      <c r="C3512" s="5" t="s">
        <v>3221</v>
      </c>
      <c r="D3512" s="1" t="s">
        <v>7348</v>
      </c>
      <c r="E3512" s="5" t="s">
        <v>11620</v>
      </c>
      <c r="F3512" s="6">
        <v>28</v>
      </c>
    </row>
    <row r="3513" spans="1:6" x14ac:dyDescent="0.25">
      <c r="A3513" s="4" t="s">
        <v>6</v>
      </c>
      <c r="B3513" s="1" t="s">
        <v>3148</v>
      </c>
      <c r="C3513" s="5" t="s">
        <v>3233</v>
      </c>
      <c r="D3513" s="1" t="s">
        <v>7360</v>
      </c>
      <c r="E3513" s="5" t="s">
        <v>11632</v>
      </c>
      <c r="F3513" s="6">
        <v>40</v>
      </c>
    </row>
    <row r="3514" spans="1:6" x14ac:dyDescent="0.25">
      <c r="A3514" s="4" t="s">
        <v>6</v>
      </c>
      <c r="B3514" s="1" t="s">
        <v>3148</v>
      </c>
      <c r="C3514" s="5" t="s">
        <v>3283</v>
      </c>
      <c r="D3514" s="1" t="s">
        <v>7411</v>
      </c>
      <c r="E3514" s="5" t="s">
        <v>11686</v>
      </c>
      <c r="F3514" s="6">
        <v>105</v>
      </c>
    </row>
    <row r="3515" spans="1:6" x14ac:dyDescent="0.25">
      <c r="A3515" s="4" t="s">
        <v>6</v>
      </c>
      <c r="B3515" s="1" t="s">
        <v>3148</v>
      </c>
      <c r="C3515" s="5" t="s">
        <v>3345</v>
      </c>
      <c r="D3515" s="1" t="s">
        <v>7472</v>
      </c>
      <c r="E3515" s="5" t="s">
        <v>11753</v>
      </c>
      <c r="F3515" s="6">
        <v>174</v>
      </c>
    </row>
    <row r="3516" spans="1:6" x14ac:dyDescent="0.25">
      <c r="A3516" s="4" t="s">
        <v>6</v>
      </c>
      <c r="B3516" s="1" t="s">
        <v>3148</v>
      </c>
      <c r="C3516" s="5" t="s">
        <v>3384</v>
      </c>
      <c r="D3516" s="1" t="s">
        <v>7509</v>
      </c>
      <c r="E3516" s="5" t="s">
        <v>11793</v>
      </c>
      <c r="F3516" s="6">
        <v>219</v>
      </c>
    </row>
    <row r="3517" spans="1:6" x14ac:dyDescent="0.25">
      <c r="A3517" s="4" t="s">
        <v>6</v>
      </c>
      <c r="B3517" s="1" t="s">
        <v>3148</v>
      </c>
      <c r="C3517" s="5" t="s">
        <v>3433</v>
      </c>
      <c r="D3517" s="1" t="s">
        <v>7560</v>
      </c>
      <c r="E3517" s="5" t="s">
        <v>11846</v>
      </c>
      <c r="F3517" s="6">
        <v>277</v>
      </c>
    </row>
    <row r="3518" spans="1:6" x14ac:dyDescent="0.25">
      <c r="A3518" s="4" t="s">
        <v>6</v>
      </c>
      <c r="B3518" s="1" t="s">
        <v>3148</v>
      </c>
      <c r="C3518" s="5" t="s">
        <v>3480</v>
      </c>
      <c r="D3518" s="1" t="s">
        <v>7612</v>
      </c>
      <c r="E3518" s="5" t="s">
        <v>11901</v>
      </c>
      <c r="F3518" s="6">
        <v>334</v>
      </c>
    </row>
    <row r="3519" spans="1:6" x14ac:dyDescent="0.25">
      <c r="A3519" s="4" t="s">
        <v>6</v>
      </c>
      <c r="B3519" s="1" t="s">
        <v>3148</v>
      </c>
      <c r="C3519" s="5" t="s">
        <v>3494</v>
      </c>
      <c r="D3519" s="1" t="s">
        <v>7627</v>
      </c>
      <c r="E3519" s="5" t="s">
        <v>11916</v>
      </c>
      <c r="F3519" s="6">
        <v>349</v>
      </c>
    </row>
    <row r="3520" spans="1:6" x14ac:dyDescent="0.25">
      <c r="A3520" s="4" t="s">
        <v>6</v>
      </c>
      <c r="B3520" s="1" t="s">
        <v>3148</v>
      </c>
      <c r="C3520" s="5" t="s">
        <v>3497</v>
      </c>
      <c r="D3520" s="1" t="s">
        <v>7630</v>
      </c>
      <c r="E3520" s="5" t="s">
        <v>11919</v>
      </c>
      <c r="F3520" s="6">
        <v>352</v>
      </c>
    </row>
    <row r="3521" spans="1:6" x14ac:dyDescent="0.25">
      <c r="A3521" s="4" t="s">
        <v>6</v>
      </c>
      <c r="B3521" s="1" t="s">
        <v>3148</v>
      </c>
      <c r="C3521" s="5" t="s">
        <v>3523</v>
      </c>
      <c r="D3521" s="1" t="s">
        <v>7659</v>
      </c>
      <c r="E3521" s="5" t="s">
        <v>11949</v>
      </c>
      <c r="F3521" s="6">
        <v>382</v>
      </c>
    </row>
    <row r="3522" spans="1:6" x14ac:dyDescent="0.25">
      <c r="A3522" s="4" t="s">
        <v>6</v>
      </c>
      <c r="B3522" s="1" t="s">
        <v>3148</v>
      </c>
      <c r="C3522" s="5" t="s">
        <v>3561</v>
      </c>
      <c r="D3522" s="1" t="s">
        <v>7702</v>
      </c>
      <c r="E3522" s="5" t="s">
        <v>11995</v>
      </c>
      <c r="F3522" s="6">
        <v>428</v>
      </c>
    </row>
    <row r="3523" spans="1:6" x14ac:dyDescent="0.25">
      <c r="A3523" s="4" t="s">
        <v>6</v>
      </c>
      <c r="B3523" s="1" t="s">
        <v>3148</v>
      </c>
      <c r="C3523" s="5" t="s">
        <v>3584</v>
      </c>
      <c r="D3523" s="1" t="s">
        <v>2918</v>
      </c>
      <c r="E3523" s="5" t="s">
        <v>12019</v>
      </c>
      <c r="F3523" s="6">
        <v>452</v>
      </c>
    </row>
    <row r="3524" spans="1:6" x14ac:dyDescent="0.25">
      <c r="A3524" s="4" t="s">
        <v>6</v>
      </c>
      <c r="B3524" s="1" t="s">
        <v>3148</v>
      </c>
      <c r="C3524" s="5" t="s">
        <v>3592</v>
      </c>
      <c r="D3524" s="1" t="s">
        <v>7730</v>
      </c>
      <c r="E3524" s="5" t="s">
        <v>12027</v>
      </c>
      <c r="F3524" s="6">
        <v>460</v>
      </c>
    </row>
    <row r="3525" spans="1:6" x14ac:dyDescent="0.25">
      <c r="A3525" s="4" t="s">
        <v>6</v>
      </c>
      <c r="B3525" s="1" t="s">
        <v>3148</v>
      </c>
      <c r="C3525" s="5" t="s">
        <v>3598</v>
      </c>
      <c r="D3525" s="1" t="s">
        <v>7734</v>
      </c>
      <c r="E3525" s="5" t="s">
        <v>12033</v>
      </c>
      <c r="F3525" s="6">
        <v>466</v>
      </c>
    </row>
    <row r="3526" spans="1:6" x14ac:dyDescent="0.25">
      <c r="A3526" s="4" t="s">
        <v>6</v>
      </c>
      <c r="B3526" s="1" t="s">
        <v>3148</v>
      </c>
      <c r="C3526" s="5" t="s">
        <v>3207</v>
      </c>
      <c r="D3526" s="1" t="s">
        <v>7737</v>
      </c>
      <c r="E3526" s="5" t="s">
        <v>12036</v>
      </c>
      <c r="F3526" s="6">
        <v>469</v>
      </c>
    </row>
    <row r="3527" spans="1:6" x14ac:dyDescent="0.25">
      <c r="A3527" s="4" t="s">
        <v>6</v>
      </c>
      <c r="B3527" s="1" t="s">
        <v>3148</v>
      </c>
      <c r="C3527" s="5" t="s">
        <v>3606</v>
      </c>
      <c r="D3527" s="1" t="s">
        <v>7745</v>
      </c>
      <c r="E3527" s="5" t="s">
        <v>12044</v>
      </c>
      <c r="F3527" s="6">
        <v>478</v>
      </c>
    </row>
    <row r="3528" spans="1:6" x14ac:dyDescent="0.25">
      <c r="A3528" s="4" t="s">
        <v>6</v>
      </c>
      <c r="B3528" s="1" t="s">
        <v>3148</v>
      </c>
      <c r="C3528" s="5" t="s">
        <v>3221</v>
      </c>
      <c r="D3528" s="1" t="s">
        <v>7770</v>
      </c>
      <c r="E3528" s="5" t="s">
        <v>12069</v>
      </c>
      <c r="F3528" s="6">
        <v>515</v>
      </c>
    </row>
    <row r="3529" spans="1:6" x14ac:dyDescent="0.25">
      <c r="A3529" s="4" t="s">
        <v>6</v>
      </c>
      <c r="B3529" s="1" t="s">
        <v>3148</v>
      </c>
      <c r="C3529" s="5" t="s">
        <v>3625</v>
      </c>
      <c r="D3529" s="1" t="s">
        <v>7771</v>
      </c>
      <c r="E3529" s="5" t="s">
        <v>12070</v>
      </c>
      <c r="F3529" s="6">
        <v>516</v>
      </c>
    </row>
    <row r="3530" spans="1:6" x14ac:dyDescent="0.25">
      <c r="A3530" s="4" t="s">
        <v>6</v>
      </c>
      <c r="B3530" s="1" t="s">
        <v>3148</v>
      </c>
      <c r="C3530" s="5" t="s">
        <v>3215</v>
      </c>
      <c r="D3530" s="1" t="s">
        <v>7782</v>
      </c>
      <c r="E3530" s="5" t="s">
        <v>12082</v>
      </c>
      <c r="F3530" s="6">
        <v>530</v>
      </c>
    </row>
    <row r="3531" spans="1:6" x14ac:dyDescent="0.25">
      <c r="A3531" s="4" t="s">
        <v>6</v>
      </c>
      <c r="B3531" s="1" t="s">
        <v>3148</v>
      </c>
      <c r="C3531" s="5" t="s">
        <v>3625</v>
      </c>
      <c r="D3531" s="1" t="s">
        <v>7827</v>
      </c>
      <c r="E3531" s="5" t="s">
        <v>12130</v>
      </c>
      <c r="F3531" s="6">
        <v>593</v>
      </c>
    </row>
    <row r="3532" spans="1:6" x14ac:dyDescent="0.25">
      <c r="A3532" s="4" t="s">
        <v>6</v>
      </c>
      <c r="B3532" s="1" t="s">
        <v>3148</v>
      </c>
      <c r="C3532" s="5" t="s">
        <v>3730</v>
      </c>
      <c r="D3532" s="1" t="s">
        <v>7905</v>
      </c>
      <c r="E3532" s="5" t="s">
        <v>12214</v>
      </c>
      <c r="F3532" s="6">
        <v>693</v>
      </c>
    </row>
    <row r="3533" spans="1:6" x14ac:dyDescent="0.25">
      <c r="A3533" s="4" t="s">
        <v>6</v>
      </c>
      <c r="B3533" s="1" t="s">
        <v>3148</v>
      </c>
      <c r="C3533" s="5" t="s">
        <v>3741</v>
      </c>
      <c r="D3533" s="1" t="s">
        <v>7917</v>
      </c>
      <c r="E3533" s="5" t="s">
        <v>12227</v>
      </c>
      <c r="F3533" s="6">
        <v>712</v>
      </c>
    </row>
    <row r="3534" spans="1:6" x14ac:dyDescent="0.25">
      <c r="A3534" s="4" t="s">
        <v>6</v>
      </c>
      <c r="B3534" s="1" t="s">
        <v>3148</v>
      </c>
      <c r="C3534" s="5" t="s">
        <v>3433</v>
      </c>
      <c r="D3534" s="1" t="s">
        <v>7922</v>
      </c>
      <c r="E3534" s="5" t="s">
        <v>12232</v>
      </c>
      <c r="F3534" s="6">
        <v>718</v>
      </c>
    </row>
    <row r="3535" spans="1:6" x14ac:dyDescent="0.25">
      <c r="A3535" s="4" t="s">
        <v>6</v>
      </c>
      <c r="B3535" s="1" t="s">
        <v>3148</v>
      </c>
      <c r="C3535" s="5" t="s">
        <v>3767</v>
      </c>
      <c r="D3535" s="1" t="s">
        <v>7945</v>
      </c>
      <c r="E3535" s="5" t="s">
        <v>12260</v>
      </c>
      <c r="F3535" s="6">
        <v>752</v>
      </c>
    </row>
    <row r="3536" spans="1:6" x14ac:dyDescent="0.25">
      <c r="A3536" s="4" t="s">
        <v>6</v>
      </c>
      <c r="B3536" s="1" t="s">
        <v>3148</v>
      </c>
      <c r="C3536" s="5" t="s">
        <v>3800</v>
      </c>
      <c r="D3536" s="1" t="s">
        <v>7978</v>
      </c>
      <c r="E3536" s="5" t="s">
        <v>12295</v>
      </c>
      <c r="F3536" s="6">
        <v>789</v>
      </c>
    </row>
    <row r="3537" spans="1:6" x14ac:dyDescent="0.25">
      <c r="A3537" s="4" t="s">
        <v>6</v>
      </c>
      <c r="B3537" s="1" t="s">
        <v>3148</v>
      </c>
      <c r="C3537" s="5" t="s">
        <v>3201</v>
      </c>
      <c r="D3537" s="1" t="s">
        <v>8110</v>
      </c>
      <c r="E3537" s="5" t="s">
        <v>12492</v>
      </c>
      <c r="F3537" s="6">
        <v>1015</v>
      </c>
    </row>
    <row r="3538" spans="1:6" x14ac:dyDescent="0.25">
      <c r="A3538" s="4" t="s">
        <v>6</v>
      </c>
      <c r="B3538" s="1" t="s">
        <v>3148</v>
      </c>
      <c r="C3538" s="5" t="s">
        <v>4013</v>
      </c>
      <c r="D3538" s="1" t="s">
        <v>8164</v>
      </c>
      <c r="E3538" s="5" t="s">
        <v>12561</v>
      </c>
      <c r="F3538" s="6">
        <v>1088</v>
      </c>
    </row>
    <row r="3539" spans="1:6" x14ac:dyDescent="0.25">
      <c r="A3539" s="4" t="s">
        <v>6</v>
      </c>
      <c r="B3539" s="1" t="s">
        <v>3148</v>
      </c>
      <c r="C3539" s="5" t="s">
        <v>4034</v>
      </c>
      <c r="D3539" s="1" t="s">
        <v>8192</v>
      </c>
      <c r="E3539" s="5" t="s">
        <v>12594</v>
      </c>
      <c r="F3539" s="6">
        <v>1128</v>
      </c>
    </row>
    <row r="3540" spans="1:6" x14ac:dyDescent="0.25">
      <c r="A3540" s="4" t="s">
        <v>6</v>
      </c>
      <c r="B3540" s="1" t="s">
        <v>3148</v>
      </c>
      <c r="C3540" s="5" t="s">
        <v>4035</v>
      </c>
      <c r="D3540" s="1" t="s">
        <v>8193</v>
      </c>
      <c r="E3540" s="5" t="s">
        <v>12595</v>
      </c>
      <c r="F3540" s="6">
        <v>1129</v>
      </c>
    </row>
    <row r="3541" spans="1:6" x14ac:dyDescent="0.25">
      <c r="A3541" s="4" t="s">
        <v>6</v>
      </c>
      <c r="B3541" s="1" t="s">
        <v>3148</v>
      </c>
      <c r="C3541" s="5" t="s">
        <v>4036</v>
      </c>
      <c r="D3541" s="1" t="s">
        <v>8194</v>
      </c>
      <c r="E3541" s="5" t="s">
        <v>12596</v>
      </c>
      <c r="F3541" s="6">
        <v>1130</v>
      </c>
    </row>
    <row r="3542" spans="1:6" x14ac:dyDescent="0.25">
      <c r="A3542" s="4" t="s">
        <v>6</v>
      </c>
      <c r="B3542" s="1" t="s">
        <v>3148</v>
      </c>
      <c r="C3542" s="5" t="s">
        <v>4050</v>
      </c>
      <c r="D3542" s="1" t="s">
        <v>8220</v>
      </c>
      <c r="E3542" s="5" t="s">
        <v>12625</v>
      </c>
      <c r="F3542" s="6">
        <v>1219</v>
      </c>
    </row>
    <row r="3543" spans="1:6" x14ac:dyDescent="0.25">
      <c r="A3543" s="4" t="s">
        <v>6</v>
      </c>
      <c r="B3543" s="1" t="s">
        <v>3148</v>
      </c>
      <c r="C3543" s="5" t="s">
        <v>3592</v>
      </c>
      <c r="D3543" s="1" t="s">
        <v>8225</v>
      </c>
      <c r="E3543" s="5" t="s">
        <v>12630</v>
      </c>
      <c r="F3543" s="6">
        <v>1224</v>
      </c>
    </row>
    <row r="3544" spans="1:6" x14ac:dyDescent="0.25">
      <c r="A3544" s="4" t="s">
        <v>6</v>
      </c>
      <c r="B3544" s="1" t="s">
        <v>3148</v>
      </c>
      <c r="C3544" s="5" t="s">
        <v>4055</v>
      </c>
      <c r="D3544" s="1" t="s">
        <v>8232</v>
      </c>
      <c r="E3544" s="5" t="s">
        <v>12637</v>
      </c>
      <c r="F3544" s="6">
        <v>1231</v>
      </c>
    </row>
    <row r="3545" spans="1:6" x14ac:dyDescent="0.25">
      <c r="A3545" s="4" t="s">
        <v>6</v>
      </c>
      <c r="B3545" s="1" t="s">
        <v>3148</v>
      </c>
      <c r="C3545" s="5" t="s">
        <v>3201</v>
      </c>
      <c r="D3545" s="1" t="s">
        <v>8241</v>
      </c>
      <c r="E3545" s="5" t="s">
        <v>12647</v>
      </c>
      <c r="F3545" s="6">
        <v>1242</v>
      </c>
    </row>
    <row r="3546" spans="1:6" x14ac:dyDescent="0.25">
      <c r="A3546" s="4" t="s">
        <v>6</v>
      </c>
      <c r="B3546" s="1" t="s">
        <v>3148</v>
      </c>
      <c r="C3546" s="5" t="s">
        <v>3201</v>
      </c>
      <c r="D3546" s="1" t="s">
        <v>8292</v>
      </c>
      <c r="E3546" s="5" t="s">
        <v>12706</v>
      </c>
      <c r="F3546" s="6">
        <v>1303</v>
      </c>
    </row>
    <row r="3547" spans="1:6" x14ac:dyDescent="0.25">
      <c r="A3547" s="4" t="s">
        <v>6</v>
      </c>
      <c r="B3547" s="1" t="s">
        <v>3148</v>
      </c>
      <c r="C3547" s="5" t="s">
        <v>3480</v>
      </c>
      <c r="D3547" s="1" t="s">
        <v>8338</v>
      </c>
      <c r="E3547" s="5" t="s">
        <v>12758</v>
      </c>
      <c r="F3547" s="6">
        <v>1355</v>
      </c>
    </row>
    <row r="3548" spans="1:6" x14ac:dyDescent="0.25">
      <c r="A3548" s="4" t="s">
        <v>6</v>
      </c>
      <c r="B3548" s="1" t="s">
        <v>3148</v>
      </c>
      <c r="C3548" s="5" t="s">
        <v>3207</v>
      </c>
      <c r="D3548" s="1" t="s">
        <v>8378</v>
      </c>
      <c r="E3548" s="5" t="s">
        <v>12805</v>
      </c>
      <c r="F3548" s="6">
        <v>1404</v>
      </c>
    </row>
    <row r="3549" spans="1:6" x14ac:dyDescent="0.25">
      <c r="A3549" s="4" t="s">
        <v>6</v>
      </c>
      <c r="B3549" s="1" t="s">
        <v>3148</v>
      </c>
      <c r="C3549" s="5" t="s">
        <v>4514</v>
      </c>
      <c r="D3549" s="1" t="s">
        <v>8686</v>
      </c>
      <c r="E3549" s="5" t="s">
        <v>13290</v>
      </c>
      <c r="F3549" s="6">
        <v>1923</v>
      </c>
    </row>
    <row r="3550" spans="1:6" x14ac:dyDescent="0.25">
      <c r="A3550" s="4" t="s">
        <v>6</v>
      </c>
      <c r="B3550" s="1" t="s">
        <v>3148</v>
      </c>
      <c r="C3550" s="5" t="s">
        <v>3606</v>
      </c>
      <c r="D3550" s="1" t="s">
        <v>8687</v>
      </c>
      <c r="E3550" s="5" t="s">
        <v>13291</v>
      </c>
      <c r="F3550" s="6">
        <v>1924</v>
      </c>
    </row>
    <row r="3551" spans="1:6" x14ac:dyDescent="0.25">
      <c r="A3551" s="4" t="s">
        <v>6</v>
      </c>
      <c r="B3551" s="1" t="s">
        <v>3148</v>
      </c>
      <c r="C3551" s="5" t="s">
        <v>4515</v>
      </c>
      <c r="D3551" s="1" t="s">
        <v>8688</v>
      </c>
      <c r="E3551" s="5" t="s">
        <v>13292</v>
      </c>
      <c r="F3551" s="6">
        <v>1925</v>
      </c>
    </row>
    <row r="3552" spans="1:6" x14ac:dyDescent="0.25">
      <c r="A3552" s="4" t="s">
        <v>6</v>
      </c>
      <c r="B3552" s="1" t="s">
        <v>3148</v>
      </c>
      <c r="C3552" s="5" t="s">
        <v>3201</v>
      </c>
      <c r="D3552" s="1" t="s">
        <v>8689</v>
      </c>
      <c r="E3552" s="5" t="s">
        <v>13293</v>
      </c>
      <c r="F3552" s="6">
        <v>1926</v>
      </c>
    </row>
    <row r="3553" spans="1:6" x14ac:dyDescent="0.25">
      <c r="A3553" s="4" t="s">
        <v>6</v>
      </c>
      <c r="B3553" s="1" t="s">
        <v>3148</v>
      </c>
      <c r="C3553" s="5" t="s">
        <v>4516</v>
      </c>
      <c r="D3553" s="1" t="s">
        <v>8690</v>
      </c>
      <c r="E3553" s="5" t="s">
        <v>13294</v>
      </c>
      <c r="F3553" s="6">
        <v>1927</v>
      </c>
    </row>
    <row r="3554" spans="1:6" x14ac:dyDescent="0.25">
      <c r="A3554" s="4" t="s">
        <v>6</v>
      </c>
      <c r="B3554" s="1" t="s">
        <v>3148</v>
      </c>
      <c r="C3554" s="5" t="s">
        <v>4518</v>
      </c>
      <c r="D3554" s="1" t="s">
        <v>8692</v>
      </c>
      <c r="E3554" s="5" t="s">
        <v>13296</v>
      </c>
      <c r="F3554" s="6">
        <v>1929</v>
      </c>
    </row>
    <row r="3555" spans="1:6" x14ac:dyDescent="0.25">
      <c r="A3555" s="4" t="s">
        <v>6</v>
      </c>
      <c r="B3555" s="1" t="s">
        <v>3148</v>
      </c>
      <c r="C3555" s="5" t="s">
        <v>4586</v>
      </c>
      <c r="D3555" s="1" t="s">
        <v>8739</v>
      </c>
      <c r="E3555" s="5" t="s">
        <v>13384</v>
      </c>
      <c r="F3555" s="6">
        <v>2017</v>
      </c>
    </row>
    <row r="3556" spans="1:6" x14ac:dyDescent="0.25">
      <c r="A3556" s="4" t="s">
        <v>6</v>
      </c>
      <c r="B3556" s="1" t="s">
        <v>3148</v>
      </c>
      <c r="C3556" s="5" t="s">
        <v>4618</v>
      </c>
      <c r="D3556" s="1" t="s">
        <v>1223</v>
      </c>
      <c r="E3556" s="5" t="s">
        <v>13424</v>
      </c>
      <c r="F3556" s="6">
        <v>2058</v>
      </c>
    </row>
    <row r="3557" spans="1:6" x14ac:dyDescent="0.25">
      <c r="A3557" s="4" t="s">
        <v>6</v>
      </c>
      <c r="B3557" s="1" t="s">
        <v>3148</v>
      </c>
      <c r="C3557" s="5" t="s">
        <v>5120</v>
      </c>
      <c r="D3557" s="1" t="s">
        <v>8984</v>
      </c>
      <c r="E3557" s="5" t="s">
        <v>14010</v>
      </c>
      <c r="F3557" s="6">
        <v>2664</v>
      </c>
    </row>
    <row r="3558" spans="1:6" x14ac:dyDescent="0.25">
      <c r="A3558" s="4" t="s">
        <v>6</v>
      </c>
      <c r="B3558" s="1" t="s">
        <v>3148</v>
      </c>
      <c r="C3558" s="5" t="s">
        <v>3345</v>
      </c>
      <c r="D3558" s="1" t="s">
        <v>53</v>
      </c>
      <c r="E3558" s="5" t="s">
        <v>14011</v>
      </c>
      <c r="F3558" s="6">
        <v>2665</v>
      </c>
    </row>
    <row r="3559" spans="1:6" x14ac:dyDescent="0.25">
      <c r="A3559" s="4" t="s">
        <v>6</v>
      </c>
      <c r="B3559" s="1" t="s">
        <v>3148</v>
      </c>
      <c r="C3559" s="5" t="s">
        <v>3730</v>
      </c>
      <c r="D3559" s="1" t="s">
        <v>8985</v>
      </c>
      <c r="E3559" s="5" t="s">
        <v>14012</v>
      </c>
      <c r="F3559" s="6">
        <v>2666</v>
      </c>
    </row>
    <row r="3560" spans="1:6" x14ac:dyDescent="0.25">
      <c r="A3560" s="4" t="s">
        <v>6</v>
      </c>
      <c r="B3560" s="1" t="s">
        <v>3148</v>
      </c>
      <c r="C3560" s="5" t="s">
        <v>5128</v>
      </c>
      <c r="D3560" s="1" t="s">
        <v>8993</v>
      </c>
      <c r="E3560" s="5" t="s">
        <v>14021</v>
      </c>
      <c r="F3560" s="6">
        <v>2675</v>
      </c>
    </row>
    <row r="3561" spans="1:6" x14ac:dyDescent="0.25">
      <c r="A3561" s="4" t="s">
        <v>6</v>
      </c>
      <c r="B3561" s="1" t="s">
        <v>3148</v>
      </c>
      <c r="C3561" s="5" t="s">
        <v>3561</v>
      </c>
      <c r="D3561" s="1" t="s">
        <v>9015</v>
      </c>
      <c r="E3561" s="5" t="s">
        <v>14065</v>
      </c>
      <c r="F3561" s="6">
        <v>2720</v>
      </c>
    </row>
    <row r="3562" spans="1:6" x14ac:dyDescent="0.25">
      <c r="A3562" s="4" t="s">
        <v>6</v>
      </c>
      <c r="B3562" s="1" t="s">
        <v>3148</v>
      </c>
      <c r="C3562" s="5" t="s">
        <v>5171</v>
      </c>
      <c r="D3562" s="1" t="s">
        <v>9021</v>
      </c>
      <c r="E3562" s="5" t="s">
        <v>14079</v>
      </c>
      <c r="F3562" s="6">
        <v>2734</v>
      </c>
    </row>
    <row r="3563" spans="1:6" x14ac:dyDescent="0.25">
      <c r="A3563" s="4" t="s">
        <v>6</v>
      </c>
      <c r="B3563" s="1" t="s">
        <v>3148</v>
      </c>
      <c r="C3563" s="5" t="s">
        <v>3215</v>
      </c>
      <c r="D3563" s="1" t="s">
        <v>9029</v>
      </c>
      <c r="E3563" s="5" t="s">
        <v>14097</v>
      </c>
      <c r="F3563" s="6">
        <v>2754</v>
      </c>
    </row>
    <row r="3564" spans="1:6" x14ac:dyDescent="0.25">
      <c r="A3564" s="4" t="s">
        <v>6</v>
      </c>
      <c r="B3564" s="1" t="s">
        <v>3148</v>
      </c>
      <c r="C3564" s="5" t="s">
        <v>3523</v>
      </c>
      <c r="D3564" s="1" t="s">
        <v>9052</v>
      </c>
      <c r="E3564" s="5" t="s">
        <v>14131</v>
      </c>
      <c r="F3564" s="6">
        <v>2788</v>
      </c>
    </row>
    <row r="3565" spans="1:6" x14ac:dyDescent="0.25">
      <c r="A3565" s="4" t="s">
        <v>6</v>
      </c>
      <c r="B3565" s="1" t="s">
        <v>3148</v>
      </c>
      <c r="C3565" s="5" t="s">
        <v>5219</v>
      </c>
      <c r="D3565" s="1" t="s">
        <v>9058</v>
      </c>
      <c r="E3565" s="5" t="s">
        <v>14150</v>
      </c>
      <c r="F3565" s="6">
        <v>2807</v>
      </c>
    </row>
    <row r="3566" spans="1:6" x14ac:dyDescent="0.25">
      <c r="A3566" s="4" t="s">
        <v>6</v>
      </c>
      <c r="B3566" s="1" t="s">
        <v>3148</v>
      </c>
      <c r="C3566" s="5" t="s">
        <v>3201</v>
      </c>
      <c r="D3566" s="1" t="s">
        <v>9089</v>
      </c>
      <c r="E3566" s="5" t="s">
        <v>14197</v>
      </c>
      <c r="F3566" s="6">
        <v>2856</v>
      </c>
    </row>
    <row r="3567" spans="1:6" x14ac:dyDescent="0.25">
      <c r="A3567" s="4" t="s">
        <v>6</v>
      </c>
      <c r="B3567" s="1" t="s">
        <v>3148</v>
      </c>
      <c r="C3567" s="5" t="s">
        <v>5796</v>
      </c>
      <c r="D3567" s="1" t="s">
        <v>9323</v>
      </c>
      <c r="E3567" s="5" t="s">
        <v>15016</v>
      </c>
      <c r="F3567" s="6">
        <v>3743</v>
      </c>
    </row>
    <row r="3568" spans="1:6" x14ac:dyDescent="0.25">
      <c r="A3568" s="4" t="s">
        <v>6</v>
      </c>
      <c r="B3568" s="1" t="s">
        <v>3148</v>
      </c>
      <c r="C3568" s="5" t="s">
        <v>3233</v>
      </c>
      <c r="D3568" s="1" t="s">
        <v>9408</v>
      </c>
      <c r="E3568" s="5" t="s">
        <v>15153</v>
      </c>
      <c r="F3568" s="6">
        <v>3884</v>
      </c>
    </row>
    <row r="3569" spans="1:6" x14ac:dyDescent="0.25">
      <c r="A3569" s="4" t="s">
        <v>6</v>
      </c>
      <c r="B3569" s="1" t="s">
        <v>3148</v>
      </c>
      <c r="C3569" s="5" t="s">
        <v>5925</v>
      </c>
      <c r="D3569" s="1" t="s">
        <v>9497</v>
      </c>
      <c r="E3569" s="5" t="s">
        <v>15279</v>
      </c>
      <c r="F3569" s="6">
        <v>4014</v>
      </c>
    </row>
    <row r="3570" spans="1:6" x14ac:dyDescent="0.25">
      <c r="A3570" s="4" t="s">
        <v>6</v>
      </c>
      <c r="B3570" s="1" t="s">
        <v>3148</v>
      </c>
      <c r="C3570" s="5" t="s">
        <v>5965</v>
      </c>
      <c r="D3570" s="1" t="s">
        <v>9532</v>
      </c>
      <c r="E3570" s="5" t="s">
        <v>15336</v>
      </c>
      <c r="F3570" s="6">
        <v>4073</v>
      </c>
    </row>
    <row r="3571" spans="1:6" x14ac:dyDescent="0.25">
      <c r="A3571" s="4" t="s">
        <v>6</v>
      </c>
      <c r="B3571" s="1" t="s">
        <v>3148</v>
      </c>
      <c r="C3571" s="5" t="s">
        <v>3730</v>
      </c>
      <c r="D3571" s="1" t="s">
        <v>9559</v>
      </c>
      <c r="E3571" s="5" t="s">
        <v>15383</v>
      </c>
      <c r="F3571" s="6">
        <v>4120</v>
      </c>
    </row>
    <row r="3572" spans="1:6" x14ac:dyDescent="0.25">
      <c r="A3572" s="4" t="s">
        <v>6</v>
      </c>
      <c r="B3572" s="1" t="s">
        <v>3148</v>
      </c>
      <c r="C3572" s="5" t="s">
        <v>3625</v>
      </c>
      <c r="D3572" s="1" t="s">
        <v>9663</v>
      </c>
      <c r="E3572" s="5" t="s">
        <v>15536</v>
      </c>
      <c r="F3572" s="6">
        <v>4276</v>
      </c>
    </row>
    <row r="3573" spans="1:6" x14ac:dyDescent="0.25">
      <c r="A3573" s="4" t="s">
        <v>6</v>
      </c>
      <c r="B3573" s="1" t="s">
        <v>3148</v>
      </c>
      <c r="C3573" s="5" t="s">
        <v>4055</v>
      </c>
      <c r="D3573" s="1" t="s">
        <v>9668</v>
      </c>
      <c r="E3573" s="5" t="s">
        <v>15542</v>
      </c>
      <c r="F3573" s="6">
        <v>4283</v>
      </c>
    </row>
    <row r="3574" spans="1:6" x14ac:dyDescent="0.25">
      <c r="A3574" s="4" t="s">
        <v>6</v>
      </c>
      <c r="B3574" s="1" t="s">
        <v>3148</v>
      </c>
      <c r="C3574" s="5" t="s">
        <v>6140</v>
      </c>
      <c r="D3574" s="1" t="s">
        <v>9706</v>
      </c>
      <c r="E3574" s="5" t="s">
        <v>15597</v>
      </c>
      <c r="F3574" s="6">
        <v>4339</v>
      </c>
    </row>
    <row r="3575" spans="1:6" x14ac:dyDescent="0.25">
      <c r="A3575" s="4" t="s">
        <v>6</v>
      </c>
      <c r="B3575" s="1" t="s">
        <v>3148</v>
      </c>
      <c r="C3575" s="5" t="s">
        <v>3433</v>
      </c>
      <c r="D3575" s="1" t="s">
        <v>9730</v>
      </c>
      <c r="E3575" s="5" t="s">
        <v>15627</v>
      </c>
      <c r="F3575" s="6">
        <v>4369</v>
      </c>
    </row>
    <row r="3576" spans="1:6" x14ac:dyDescent="0.25">
      <c r="A3576" s="4" t="s">
        <v>6</v>
      </c>
      <c r="B3576" s="1" t="s">
        <v>3148</v>
      </c>
      <c r="C3576" s="5" t="s">
        <v>3625</v>
      </c>
      <c r="D3576" s="1" t="s">
        <v>9746</v>
      </c>
      <c r="E3576" s="5" t="s">
        <v>15652</v>
      </c>
      <c r="F3576" s="6">
        <v>4395</v>
      </c>
    </row>
    <row r="3577" spans="1:6" x14ac:dyDescent="0.25">
      <c r="A3577" s="4" t="s">
        <v>6</v>
      </c>
      <c r="B3577" s="1" t="s">
        <v>3148</v>
      </c>
      <c r="C3577" s="5" t="s">
        <v>6164</v>
      </c>
      <c r="D3577" s="1" t="s">
        <v>9756</v>
      </c>
      <c r="E3577" s="5" t="s">
        <v>15662</v>
      </c>
      <c r="F3577" s="6">
        <v>4408</v>
      </c>
    </row>
    <row r="3578" spans="1:6" x14ac:dyDescent="0.25">
      <c r="A3578" s="4" t="s">
        <v>6</v>
      </c>
      <c r="B3578" s="1" t="s">
        <v>3148</v>
      </c>
      <c r="C3578" s="5" t="s">
        <v>6192</v>
      </c>
      <c r="D3578" s="1" t="s">
        <v>9799</v>
      </c>
      <c r="E3578" s="5" t="s">
        <v>15713</v>
      </c>
      <c r="F3578" s="6">
        <v>4481</v>
      </c>
    </row>
    <row r="3579" spans="1:6" x14ac:dyDescent="0.25">
      <c r="A3579" s="4" t="s">
        <v>6</v>
      </c>
      <c r="B3579" s="1" t="s">
        <v>3148</v>
      </c>
      <c r="C3579" s="5" t="s">
        <v>6210</v>
      </c>
      <c r="D3579" s="1" t="s">
        <v>9827</v>
      </c>
      <c r="E3579" s="5" t="s">
        <v>15746</v>
      </c>
      <c r="F3579" s="6">
        <v>4566</v>
      </c>
    </row>
    <row r="3580" spans="1:6" x14ac:dyDescent="0.25">
      <c r="A3580" s="4" t="s">
        <v>6</v>
      </c>
      <c r="B3580" s="1" t="s">
        <v>3148</v>
      </c>
      <c r="C3580" s="5" t="s">
        <v>6211</v>
      </c>
      <c r="D3580" s="1" t="s">
        <v>9828</v>
      </c>
      <c r="E3580" s="5" t="s">
        <v>15747</v>
      </c>
      <c r="F3580" s="6">
        <v>4582</v>
      </c>
    </row>
    <row r="3581" spans="1:6" x14ac:dyDescent="0.25">
      <c r="A3581" s="4" t="s">
        <v>6</v>
      </c>
      <c r="B3581" s="1" t="s">
        <v>3148</v>
      </c>
      <c r="C3581" s="5" t="s">
        <v>6223</v>
      </c>
      <c r="D3581" s="1" t="s">
        <v>9842</v>
      </c>
      <c r="E3581" s="5" t="s">
        <v>15766</v>
      </c>
      <c r="F3581" s="6">
        <v>4672</v>
      </c>
    </row>
    <row r="3582" spans="1:6" x14ac:dyDescent="0.25">
      <c r="A3582" s="4" t="s">
        <v>6</v>
      </c>
      <c r="B3582" s="1" t="s">
        <v>3148</v>
      </c>
      <c r="C3582" s="5" t="s">
        <v>3215</v>
      </c>
      <c r="D3582" s="1" t="s">
        <v>9929</v>
      </c>
      <c r="E3582" s="5" t="s">
        <v>15875</v>
      </c>
      <c r="F3582" s="6">
        <v>4789</v>
      </c>
    </row>
    <row r="3583" spans="1:6" x14ac:dyDescent="0.25">
      <c r="A3583" s="4" t="s">
        <v>6</v>
      </c>
      <c r="B3583" s="1" t="s">
        <v>3148</v>
      </c>
      <c r="C3583" s="5" t="s">
        <v>6223</v>
      </c>
      <c r="D3583" s="1" t="s">
        <v>9935</v>
      </c>
      <c r="E3583" s="5" t="s">
        <v>15884</v>
      </c>
      <c r="F3583" s="6">
        <v>4798</v>
      </c>
    </row>
    <row r="3584" spans="1:6" x14ac:dyDescent="0.25">
      <c r="A3584" s="4" t="s">
        <v>6</v>
      </c>
      <c r="B3584" s="1" t="s">
        <v>3148</v>
      </c>
      <c r="C3584" s="5" t="s">
        <v>6294</v>
      </c>
      <c r="D3584" s="1" t="s">
        <v>9940</v>
      </c>
      <c r="E3584" s="5" t="s">
        <v>15889</v>
      </c>
      <c r="F3584" s="6">
        <v>4804</v>
      </c>
    </row>
    <row r="3585" spans="1:6" x14ac:dyDescent="0.25">
      <c r="A3585" s="4" t="s">
        <v>6</v>
      </c>
      <c r="B3585" s="1" t="s">
        <v>3148</v>
      </c>
      <c r="C3585" s="5" t="s">
        <v>4013</v>
      </c>
      <c r="D3585" s="1" t="s">
        <v>10043</v>
      </c>
      <c r="E3585" s="5" t="s">
        <v>16029</v>
      </c>
      <c r="F3585" s="6">
        <v>5020</v>
      </c>
    </row>
    <row r="3586" spans="1:6" x14ac:dyDescent="0.25">
      <c r="A3586" s="4" t="s">
        <v>6</v>
      </c>
      <c r="B3586" s="1" t="s">
        <v>3148</v>
      </c>
      <c r="C3586" s="5" t="s">
        <v>3215</v>
      </c>
      <c r="D3586" s="1" t="s">
        <v>10079</v>
      </c>
      <c r="E3586" s="5" t="s">
        <v>16076</v>
      </c>
      <c r="F3586" s="6">
        <v>5116</v>
      </c>
    </row>
    <row r="3587" spans="1:6" x14ac:dyDescent="0.25">
      <c r="A3587" s="4" t="s">
        <v>6</v>
      </c>
      <c r="B3587" s="1" t="s">
        <v>3148</v>
      </c>
      <c r="C3587" s="5" t="s">
        <v>4516</v>
      </c>
      <c r="D3587" s="1" t="s">
        <v>10087</v>
      </c>
      <c r="E3587" s="5" t="s">
        <v>16084</v>
      </c>
      <c r="F3587" s="6">
        <v>5128</v>
      </c>
    </row>
    <row r="3588" spans="1:6" x14ac:dyDescent="0.25">
      <c r="A3588" s="4" t="s">
        <v>6</v>
      </c>
      <c r="B3588" s="1" t="s">
        <v>3148</v>
      </c>
      <c r="C3588" s="5" t="s">
        <v>3606</v>
      </c>
      <c r="D3588" s="1" t="s">
        <v>10090</v>
      </c>
      <c r="E3588" s="5" t="s">
        <v>16088</v>
      </c>
      <c r="F3588" s="6">
        <v>5134</v>
      </c>
    </row>
    <row r="3589" spans="1:6" x14ac:dyDescent="0.25">
      <c r="A3589" s="4" t="s">
        <v>6</v>
      </c>
      <c r="B3589" s="1" t="s">
        <v>3148</v>
      </c>
      <c r="C3589" s="5">
        <v>700007</v>
      </c>
      <c r="D3589" s="1" t="s">
        <v>10098</v>
      </c>
      <c r="E3589" s="5" t="s">
        <v>16097</v>
      </c>
      <c r="F3589" s="6">
        <v>5151</v>
      </c>
    </row>
    <row r="3590" spans="1:6" x14ac:dyDescent="0.25">
      <c r="A3590" s="4" t="s">
        <v>6</v>
      </c>
      <c r="B3590" s="1" t="s">
        <v>3148</v>
      </c>
      <c r="C3590" s="5" t="s">
        <v>6387</v>
      </c>
      <c r="D3590" s="1" t="s">
        <v>10114</v>
      </c>
      <c r="E3590" s="5" t="s">
        <v>16115</v>
      </c>
      <c r="F3590" s="6">
        <v>5182</v>
      </c>
    </row>
    <row r="3591" spans="1:6" x14ac:dyDescent="0.25">
      <c r="A3591" s="4" t="s">
        <v>6</v>
      </c>
      <c r="B3591" s="1" t="s">
        <v>3148</v>
      </c>
      <c r="C3591" s="5" t="s">
        <v>5171</v>
      </c>
      <c r="D3591" s="1" t="s">
        <v>10176</v>
      </c>
      <c r="E3591" s="5" t="s">
        <v>16193</v>
      </c>
      <c r="F3591" s="6">
        <v>5326</v>
      </c>
    </row>
    <row r="3592" spans="1:6" x14ac:dyDescent="0.25">
      <c r="A3592" s="4" t="s">
        <v>6</v>
      </c>
      <c r="B3592" s="1" t="s">
        <v>3148</v>
      </c>
      <c r="C3592" s="5">
        <v>700054</v>
      </c>
      <c r="D3592" s="1" t="s">
        <v>10189</v>
      </c>
      <c r="E3592" s="5" t="s">
        <v>16208</v>
      </c>
      <c r="F3592" s="6">
        <v>5378</v>
      </c>
    </row>
    <row r="3593" spans="1:6" x14ac:dyDescent="0.25">
      <c r="A3593" s="4" t="s">
        <v>6</v>
      </c>
      <c r="B3593" s="1" t="s">
        <v>3148</v>
      </c>
      <c r="C3593" s="5" t="s">
        <v>3283</v>
      </c>
      <c r="D3593" s="1" t="s">
        <v>10218</v>
      </c>
      <c r="E3593" s="5" t="s">
        <v>16252</v>
      </c>
      <c r="F3593" s="6">
        <v>5492</v>
      </c>
    </row>
    <row r="3594" spans="1:6" x14ac:dyDescent="0.25">
      <c r="A3594" s="4" t="s">
        <v>6</v>
      </c>
      <c r="B3594" s="1" t="s">
        <v>3148</v>
      </c>
      <c r="C3594" s="5" t="s">
        <v>5120</v>
      </c>
      <c r="D3594" s="1" t="s">
        <v>10276</v>
      </c>
      <c r="E3594" s="5" t="s">
        <v>16352</v>
      </c>
      <c r="F3594" s="6">
        <v>5720</v>
      </c>
    </row>
    <row r="3595" spans="1:6" x14ac:dyDescent="0.25">
      <c r="A3595" s="4" t="s">
        <v>6</v>
      </c>
      <c r="B3595" s="1" t="s">
        <v>3148</v>
      </c>
      <c r="C3595" s="5" t="s">
        <v>4586</v>
      </c>
      <c r="D3595" s="1" t="s">
        <v>10338</v>
      </c>
      <c r="E3595" s="5" t="s">
        <v>16444</v>
      </c>
      <c r="F3595" s="6">
        <v>5922</v>
      </c>
    </row>
    <row r="3596" spans="1:6" x14ac:dyDescent="0.25">
      <c r="A3596" s="4" t="s">
        <v>6</v>
      </c>
      <c r="B3596" s="1" t="s">
        <v>3148</v>
      </c>
      <c r="C3596" s="5" t="s">
        <v>6581</v>
      </c>
      <c r="D3596" s="1" t="s">
        <v>10358</v>
      </c>
      <c r="E3596" s="5" t="s">
        <v>16475</v>
      </c>
      <c r="F3596" s="6">
        <v>6006</v>
      </c>
    </row>
    <row r="3597" spans="1:6" x14ac:dyDescent="0.25">
      <c r="A3597" s="4" t="s">
        <v>6</v>
      </c>
      <c r="B3597" s="1" t="s">
        <v>3148</v>
      </c>
      <c r="C3597" s="5" t="s">
        <v>6604</v>
      </c>
      <c r="D3597" s="1" t="s">
        <v>10382</v>
      </c>
      <c r="E3597" s="5" t="s">
        <v>16516</v>
      </c>
      <c r="F3597" s="6">
        <v>6134</v>
      </c>
    </row>
    <row r="3598" spans="1:6" x14ac:dyDescent="0.25">
      <c r="A3598" s="4" t="s">
        <v>6</v>
      </c>
      <c r="B3598" s="1" t="s">
        <v>3148</v>
      </c>
      <c r="C3598" s="5" t="s">
        <v>5171</v>
      </c>
      <c r="D3598" s="1" t="s">
        <v>10394</v>
      </c>
      <c r="E3598" s="5" t="s">
        <v>16534</v>
      </c>
      <c r="F3598" s="6">
        <v>6183</v>
      </c>
    </row>
    <row r="3599" spans="1:6" x14ac:dyDescent="0.25">
      <c r="A3599" s="4" t="s">
        <v>6</v>
      </c>
      <c r="B3599" s="1" t="s">
        <v>3148</v>
      </c>
      <c r="C3599" s="5" t="s">
        <v>5965</v>
      </c>
      <c r="D3599" s="1" t="s">
        <v>10494</v>
      </c>
      <c r="E3599" s="5" t="s">
        <v>16659</v>
      </c>
      <c r="F3599" s="6">
        <v>6498</v>
      </c>
    </row>
    <row r="3600" spans="1:6" x14ac:dyDescent="0.25">
      <c r="A3600" s="4" t="s">
        <v>6</v>
      </c>
      <c r="B3600" s="1" t="s">
        <v>3148</v>
      </c>
      <c r="C3600" s="5">
        <v>700001</v>
      </c>
      <c r="D3600" s="1" t="s">
        <v>10496</v>
      </c>
      <c r="E3600" s="5" t="s">
        <v>16661</v>
      </c>
      <c r="F3600" s="6">
        <v>6504</v>
      </c>
    </row>
    <row r="3601" spans="1:6" x14ac:dyDescent="0.25">
      <c r="A3601" s="4" t="s">
        <v>6</v>
      </c>
      <c r="B3601" s="1" t="s">
        <v>3148</v>
      </c>
      <c r="C3601" s="5" t="s">
        <v>6730</v>
      </c>
      <c r="D3601" s="1" t="s">
        <v>10578</v>
      </c>
      <c r="E3601" s="5" t="s">
        <v>16771</v>
      </c>
      <c r="F3601" s="6">
        <v>6894</v>
      </c>
    </row>
    <row r="3602" spans="1:6" x14ac:dyDescent="0.25">
      <c r="A3602" s="4" t="s">
        <v>6</v>
      </c>
      <c r="B3602" s="1" t="s">
        <v>3148</v>
      </c>
      <c r="C3602" s="5" t="s">
        <v>6800</v>
      </c>
      <c r="D3602" s="1" t="s">
        <v>10683</v>
      </c>
      <c r="E3602" s="5" t="s">
        <v>16906</v>
      </c>
      <c r="F3602" s="6">
        <v>7229</v>
      </c>
    </row>
    <row r="3603" spans="1:6" x14ac:dyDescent="0.25">
      <c r="A3603" s="4" t="s">
        <v>6</v>
      </c>
      <c r="B3603" s="1" t="s">
        <v>3148</v>
      </c>
      <c r="C3603" s="5" t="s">
        <v>3606</v>
      </c>
      <c r="D3603" s="1" t="s">
        <v>10691</v>
      </c>
      <c r="E3603" s="5" t="s">
        <v>16917</v>
      </c>
      <c r="F3603" s="6">
        <v>7278</v>
      </c>
    </row>
    <row r="3604" spans="1:6" x14ac:dyDescent="0.25">
      <c r="A3604" s="4" t="s">
        <v>6</v>
      </c>
      <c r="B3604" s="1" t="s">
        <v>3148</v>
      </c>
      <c r="C3604" s="5" t="s">
        <v>6164</v>
      </c>
      <c r="D3604" s="1" t="s">
        <v>10703</v>
      </c>
      <c r="E3604" s="5" t="s">
        <v>16933</v>
      </c>
      <c r="F3604" s="6">
        <v>7324</v>
      </c>
    </row>
    <row r="3605" spans="1:6" x14ac:dyDescent="0.25">
      <c r="A3605" s="4" t="s">
        <v>6</v>
      </c>
      <c r="B3605" s="1" t="s">
        <v>3148</v>
      </c>
      <c r="C3605" s="5" t="s">
        <v>3625</v>
      </c>
      <c r="D3605" s="1" t="s">
        <v>10726</v>
      </c>
      <c r="E3605" s="5" t="s">
        <v>16962</v>
      </c>
      <c r="F3605" s="6">
        <v>7416</v>
      </c>
    </row>
    <row r="3606" spans="1:6" x14ac:dyDescent="0.25">
      <c r="A3606" s="4" t="s">
        <v>6</v>
      </c>
      <c r="B3606" s="1" t="s">
        <v>3148</v>
      </c>
      <c r="C3606" s="5" t="s">
        <v>3480</v>
      </c>
      <c r="D3606" s="1" t="s">
        <v>10727</v>
      </c>
      <c r="E3606" s="5" t="s">
        <v>16963</v>
      </c>
      <c r="F3606" s="6">
        <v>7424</v>
      </c>
    </row>
    <row r="3607" spans="1:6" x14ac:dyDescent="0.25">
      <c r="A3607" s="4" t="s">
        <v>6</v>
      </c>
      <c r="B3607" s="1" t="s">
        <v>3148</v>
      </c>
      <c r="C3607" s="5" t="s">
        <v>6825</v>
      </c>
      <c r="D3607" s="1" t="s">
        <v>10728</v>
      </c>
      <c r="E3607" s="5" t="s">
        <v>16964</v>
      </c>
      <c r="F3607" s="6">
        <v>7430</v>
      </c>
    </row>
    <row r="3608" spans="1:6" x14ac:dyDescent="0.25">
      <c r="A3608" s="4" t="s">
        <v>6</v>
      </c>
      <c r="B3608" s="1" t="s">
        <v>3148</v>
      </c>
      <c r="C3608" s="5" t="s">
        <v>6826</v>
      </c>
      <c r="D3608" s="1" t="s">
        <v>10729</v>
      </c>
      <c r="E3608" s="5" t="s">
        <v>16965</v>
      </c>
      <c r="F3608" s="6">
        <v>7431</v>
      </c>
    </row>
    <row r="3609" spans="1:6" x14ac:dyDescent="0.25">
      <c r="A3609" s="4" t="s">
        <v>6</v>
      </c>
      <c r="B3609" s="1" t="s">
        <v>3148</v>
      </c>
      <c r="C3609" s="5" t="s">
        <v>6865</v>
      </c>
      <c r="D3609" s="1" t="s">
        <v>10787</v>
      </c>
      <c r="E3609" s="5" t="s">
        <v>17048</v>
      </c>
      <c r="F3609" s="6">
        <v>7674</v>
      </c>
    </row>
    <row r="3610" spans="1:6" x14ac:dyDescent="0.25">
      <c r="A3610" s="4" t="s">
        <v>6</v>
      </c>
      <c r="B3610" s="1" t="s">
        <v>3148</v>
      </c>
      <c r="C3610" s="5">
        <v>700131</v>
      </c>
      <c r="D3610" s="1" t="s">
        <v>10812</v>
      </c>
      <c r="E3610" s="5" t="s">
        <v>17081</v>
      </c>
      <c r="F3610" s="6">
        <v>7800</v>
      </c>
    </row>
    <row r="3611" spans="1:6" x14ac:dyDescent="0.25">
      <c r="A3611" s="4" t="s">
        <v>6</v>
      </c>
      <c r="B3611" s="1" t="s">
        <v>3148</v>
      </c>
      <c r="C3611" s="5">
        <v>700026</v>
      </c>
      <c r="D3611" s="1" t="s">
        <v>10822</v>
      </c>
      <c r="E3611" s="5" t="s">
        <v>17094</v>
      </c>
      <c r="F3611" s="6">
        <v>7837</v>
      </c>
    </row>
    <row r="3612" spans="1:6" x14ac:dyDescent="0.25">
      <c r="A3612" s="4" t="s">
        <v>6</v>
      </c>
      <c r="B3612" s="1" t="s">
        <v>3148</v>
      </c>
      <c r="C3612" s="5">
        <v>700103</v>
      </c>
      <c r="D3612" s="1" t="s">
        <v>10947</v>
      </c>
      <c r="E3612" s="5" t="s">
        <v>17245</v>
      </c>
      <c r="F3612" s="6">
        <v>8301</v>
      </c>
    </row>
    <row r="3613" spans="1:6" x14ac:dyDescent="0.25">
      <c r="A3613" s="4" t="s">
        <v>6</v>
      </c>
      <c r="B3613" s="1" t="s">
        <v>3148</v>
      </c>
      <c r="C3613" s="5" t="s">
        <v>6937</v>
      </c>
      <c r="D3613" s="1" t="s">
        <v>10965</v>
      </c>
      <c r="E3613" s="5" t="s">
        <v>17267</v>
      </c>
      <c r="F3613" s="6">
        <v>8364</v>
      </c>
    </row>
    <row r="3614" spans="1:6" x14ac:dyDescent="0.25">
      <c r="A3614" s="4" t="s">
        <v>6</v>
      </c>
      <c r="B3614" s="1" t="s">
        <v>3148</v>
      </c>
      <c r="C3614" s="5" t="s">
        <v>3283</v>
      </c>
      <c r="D3614" s="1" t="s">
        <v>11041</v>
      </c>
      <c r="E3614" s="5" t="s">
        <v>17368</v>
      </c>
      <c r="F3614" s="6">
        <v>8904</v>
      </c>
    </row>
    <row r="3615" spans="1:6" x14ac:dyDescent="0.25">
      <c r="A3615" s="4" t="s">
        <v>6</v>
      </c>
      <c r="B3615" s="1" t="s">
        <v>3148</v>
      </c>
      <c r="C3615" s="5" t="s">
        <v>6987</v>
      </c>
      <c r="D3615" s="1" t="s">
        <v>11058</v>
      </c>
      <c r="E3615" s="5" t="s">
        <v>17392</v>
      </c>
      <c r="F3615" s="6">
        <v>8997</v>
      </c>
    </row>
    <row r="3616" spans="1:6" x14ac:dyDescent="0.25">
      <c r="A3616" s="4" t="s">
        <v>6</v>
      </c>
      <c r="B3616" s="1" t="s">
        <v>3148</v>
      </c>
      <c r="C3616" s="5" t="s">
        <v>7031</v>
      </c>
      <c r="D3616" s="1" t="s">
        <v>11115</v>
      </c>
      <c r="E3616" s="5" t="s">
        <v>17469</v>
      </c>
      <c r="F3616" s="6">
        <v>9080</v>
      </c>
    </row>
    <row r="3617" spans="1:6" x14ac:dyDescent="0.25">
      <c r="A3617" s="4" t="s">
        <v>6</v>
      </c>
      <c r="B3617" s="1" t="s">
        <v>3148</v>
      </c>
      <c r="C3617" s="5" t="s">
        <v>7048</v>
      </c>
      <c r="D3617" s="1" t="s">
        <v>11142</v>
      </c>
      <c r="E3617" s="5" t="s">
        <v>17502</v>
      </c>
      <c r="F3617" s="6">
        <v>9114</v>
      </c>
    </row>
    <row r="3618" spans="1:6" x14ac:dyDescent="0.25">
      <c r="A3618" s="4" t="s">
        <v>6</v>
      </c>
      <c r="B3618" s="1" t="s">
        <v>3148</v>
      </c>
      <c r="C3618" s="5" t="s">
        <v>7051</v>
      </c>
      <c r="D3618" s="1" t="s">
        <v>11148</v>
      </c>
      <c r="E3618" s="5" t="s">
        <v>17508</v>
      </c>
      <c r="F3618" s="6">
        <v>9120</v>
      </c>
    </row>
    <row r="3619" spans="1:6" x14ac:dyDescent="0.25">
      <c r="A3619" s="4" t="s">
        <v>6</v>
      </c>
      <c r="B3619" s="1" t="s">
        <v>3148</v>
      </c>
      <c r="C3619" s="5" t="s">
        <v>3598</v>
      </c>
      <c r="D3619" s="1" t="s">
        <v>11229</v>
      </c>
      <c r="E3619" s="5" t="s">
        <v>17623</v>
      </c>
      <c r="F3619" s="6">
        <v>9240</v>
      </c>
    </row>
    <row r="3620" spans="1:6" x14ac:dyDescent="0.25">
      <c r="A3620" s="4" t="s">
        <v>6</v>
      </c>
      <c r="B3620" s="1" t="s">
        <v>3148</v>
      </c>
      <c r="C3620" s="5" t="s">
        <v>6581</v>
      </c>
      <c r="D3620" s="1" t="s">
        <v>11238</v>
      </c>
      <c r="E3620" s="5" t="s">
        <v>17635</v>
      </c>
      <c r="F3620" s="6">
        <v>9253</v>
      </c>
    </row>
    <row r="3621" spans="1:6" x14ac:dyDescent="0.25">
      <c r="A3621" s="4" t="s">
        <v>6</v>
      </c>
      <c r="B3621" s="1" t="s">
        <v>3148</v>
      </c>
      <c r="C3621" s="5" t="s">
        <v>3345</v>
      </c>
      <c r="D3621" s="1" t="s">
        <v>11245</v>
      </c>
      <c r="E3621" s="5" t="s">
        <v>17644</v>
      </c>
      <c r="F3621" s="6">
        <v>9262</v>
      </c>
    </row>
    <row r="3622" spans="1:6" x14ac:dyDescent="0.25">
      <c r="A3622" s="4" t="s">
        <v>6</v>
      </c>
      <c r="B3622" s="1" t="s">
        <v>3148</v>
      </c>
      <c r="C3622" s="5" t="s">
        <v>7146</v>
      </c>
      <c r="D3622" s="1" t="s">
        <v>11261</v>
      </c>
      <c r="E3622" s="5" t="s">
        <v>17666</v>
      </c>
      <c r="F3622" s="6">
        <v>9284</v>
      </c>
    </row>
    <row r="3623" spans="1:6" x14ac:dyDescent="0.25">
      <c r="A3623" s="4" t="s">
        <v>6</v>
      </c>
      <c r="B3623" s="1" t="s">
        <v>3148</v>
      </c>
      <c r="C3623" s="5" t="s">
        <v>6581</v>
      </c>
      <c r="D3623" s="1" t="s">
        <v>11265</v>
      </c>
      <c r="E3623" s="5" t="s">
        <v>17670</v>
      </c>
      <c r="F3623" s="6">
        <v>9288</v>
      </c>
    </row>
    <row r="3624" spans="1:6" x14ac:dyDescent="0.25">
      <c r="A3624" s="4" t="s">
        <v>6</v>
      </c>
      <c r="B3624" s="1" t="s">
        <v>3148</v>
      </c>
      <c r="C3624" s="5" t="s">
        <v>3800</v>
      </c>
      <c r="D3624" s="1" t="s">
        <v>11278</v>
      </c>
      <c r="E3624" s="5" t="s">
        <v>17686</v>
      </c>
      <c r="F3624" s="6">
        <v>9304</v>
      </c>
    </row>
    <row r="3625" spans="1:6" x14ac:dyDescent="0.25">
      <c r="A3625" s="4" t="s">
        <v>6</v>
      </c>
      <c r="B3625" s="1" t="s">
        <v>3148</v>
      </c>
      <c r="C3625" s="5" t="s">
        <v>3221</v>
      </c>
      <c r="D3625" s="1" t="s">
        <v>11282</v>
      </c>
      <c r="E3625" s="5" t="s">
        <v>17694</v>
      </c>
      <c r="F3625" s="6">
        <v>9312</v>
      </c>
    </row>
    <row r="3626" spans="1:6" x14ac:dyDescent="0.25">
      <c r="A3626" s="4" t="s">
        <v>6</v>
      </c>
      <c r="B3626" s="1" t="s">
        <v>3148</v>
      </c>
      <c r="C3626" s="5" t="s">
        <v>7185</v>
      </c>
      <c r="D3626" s="1" t="s">
        <v>11313</v>
      </c>
      <c r="E3626" s="5" t="s">
        <v>17735</v>
      </c>
      <c r="F3626" s="6">
        <v>9357</v>
      </c>
    </row>
    <row r="3627" spans="1:6" x14ac:dyDescent="0.25">
      <c r="A3627" s="4" t="s">
        <v>6</v>
      </c>
      <c r="B3627" s="1" t="s">
        <v>3148</v>
      </c>
      <c r="C3627" s="5" t="s">
        <v>7146</v>
      </c>
      <c r="D3627" s="1" t="s">
        <v>11372</v>
      </c>
      <c r="E3627" s="5" t="s">
        <v>17798</v>
      </c>
      <c r="F3627" s="6">
        <v>9424</v>
      </c>
    </row>
    <row r="3628" spans="1:6" x14ac:dyDescent="0.25">
      <c r="A3628" s="4" t="s">
        <v>6</v>
      </c>
      <c r="B3628" s="1" t="s">
        <v>3148</v>
      </c>
      <c r="C3628" s="5" t="s">
        <v>5219</v>
      </c>
      <c r="D3628" s="1" t="s">
        <v>11375</v>
      </c>
      <c r="E3628" s="5" t="s">
        <v>17801</v>
      </c>
      <c r="F3628" s="6">
        <v>9427</v>
      </c>
    </row>
    <row r="3629" spans="1:6" x14ac:dyDescent="0.25">
      <c r="A3629" s="4" t="s">
        <v>6</v>
      </c>
      <c r="B3629" s="1" t="s">
        <v>3148</v>
      </c>
      <c r="C3629" s="5" t="s">
        <v>4514</v>
      </c>
      <c r="D3629" s="1" t="s">
        <v>11387</v>
      </c>
      <c r="E3629" s="5" t="s">
        <v>17813</v>
      </c>
      <c r="F3629" s="6">
        <v>9439</v>
      </c>
    </row>
    <row r="3630" spans="1:6" x14ac:dyDescent="0.25">
      <c r="A3630" s="4" t="s">
        <v>6</v>
      </c>
      <c r="B3630" s="1" t="s">
        <v>3148</v>
      </c>
      <c r="C3630" s="5" t="s">
        <v>7214</v>
      </c>
      <c r="D3630" s="1" t="s">
        <v>11417</v>
      </c>
      <c r="E3630" s="5" t="s">
        <v>17847</v>
      </c>
      <c r="F3630" s="6">
        <v>9474</v>
      </c>
    </row>
    <row r="3631" spans="1:6" x14ac:dyDescent="0.25">
      <c r="A3631" s="4" t="s">
        <v>6</v>
      </c>
      <c r="B3631" s="1" t="s">
        <v>3148</v>
      </c>
      <c r="C3631" s="5" t="s">
        <v>3221</v>
      </c>
      <c r="D3631" s="1" t="s">
        <v>11454</v>
      </c>
      <c r="E3631" s="5" t="s">
        <v>17889</v>
      </c>
      <c r="F3631" s="6">
        <v>9518</v>
      </c>
    </row>
    <row r="3632" spans="1:6" x14ac:dyDescent="0.25">
      <c r="A3632" s="4" t="s">
        <v>6</v>
      </c>
      <c r="B3632" s="1" t="s">
        <v>3148</v>
      </c>
      <c r="C3632" s="5" t="s">
        <v>3201</v>
      </c>
      <c r="D3632" s="1" t="s">
        <v>11469</v>
      </c>
      <c r="E3632" s="5" t="s">
        <v>17907</v>
      </c>
      <c r="F3632" s="6">
        <v>9536</v>
      </c>
    </row>
    <row r="3633" spans="1:6" x14ac:dyDescent="0.25">
      <c r="A3633" s="4" t="s">
        <v>6</v>
      </c>
      <c r="B3633" s="1" t="s">
        <v>3148</v>
      </c>
      <c r="C3633" s="5" t="s">
        <v>3480</v>
      </c>
      <c r="D3633" s="1" t="s">
        <v>11475</v>
      </c>
      <c r="E3633" s="5" t="s">
        <v>17921</v>
      </c>
      <c r="F3633" s="6">
        <v>9550</v>
      </c>
    </row>
    <row r="3634" spans="1:6" x14ac:dyDescent="0.25">
      <c r="A3634" s="4" t="s">
        <v>6</v>
      </c>
      <c r="B3634" s="1" t="s">
        <v>3148</v>
      </c>
      <c r="C3634" s="5" t="s">
        <v>7294</v>
      </c>
      <c r="D3634" s="1" t="s">
        <v>11533</v>
      </c>
      <c r="E3634" s="5" t="s">
        <v>18001</v>
      </c>
      <c r="F3634" s="6">
        <v>9633</v>
      </c>
    </row>
    <row r="3635" spans="1:6" x14ac:dyDescent="0.25">
      <c r="A3635" s="4" t="s">
        <v>6</v>
      </c>
      <c r="B3635" s="1" t="s">
        <v>3148</v>
      </c>
      <c r="C3635" s="5" t="s">
        <v>7297</v>
      </c>
      <c r="D3635" s="1" t="s">
        <v>11539</v>
      </c>
      <c r="E3635" s="5" t="s">
        <v>18009</v>
      </c>
      <c r="F3635" s="6">
        <v>9641</v>
      </c>
    </row>
    <row r="3636" spans="1:6" x14ac:dyDescent="0.25">
      <c r="A3636" s="4" t="s">
        <v>110</v>
      </c>
      <c r="B3636" s="1" t="s">
        <v>3150</v>
      </c>
      <c r="C3636" s="5" t="s">
        <v>3369</v>
      </c>
      <c r="D3636" s="1" t="s">
        <v>7494</v>
      </c>
      <c r="E3636" s="5" t="s">
        <v>11778</v>
      </c>
      <c r="F3636" s="6">
        <v>203</v>
      </c>
    </row>
    <row r="3637" spans="1:6" x14ac:dyDescent="0.25">
      <c r="A3637" s="4" t="s">
        <v>110</v>
      </c>
      <c r="B3637" s="1" t="s">
        <v>3150</v>
      </c>
      <c r="C3637" s="5" t="s">
        <v>6276</v>
      </c>
      <c r="D3637" s="1" t="s">
        <v>9922</v>
      </c>
      <c r="E3637" s="5" t="s">
        <v>15865</v>
      </c>
      <c r="F3637" s="6">
        <v>4779</v>
      </c>
    </row>
    <row r="3638" spans="1:6" x14ac:dyDescent="0.25">
      <c r="A3638" s="4" t="s">
        <v>110</v>
      </c>
      <c r="B3638" s="1" t="s">
        <v>3150</v>
      </c>
      <c r="C3638" s="5" t="s">
        <v>6390</v>
      </c>
      <c r="D3638" s="1" t="s">
        <v>10120</v>
      </c>
      <c r="E3638" s="5" t="s">
        <v>16122</v>
      </c>
      <c r="F3638" s="6">
        <v>5193</v>
      </c>
    </row>
    <row r="3639" spans="1:6" x14ac:dyDescent="0.25">
      <c r="A3639" s="4" t="s">
        <v>110</v>
      </c>
      <c r="B3639" s="1" t="s">
        <v>3150</v>
      </c>
      <c r="C3639" s="5" t="s">
        <v>6537</v>
      </c>
      <c r="D3639" s="1" t="s">
        <v>10299</v>
      </c>
      <c r="E3639" s="5" t="s">
        <v>16383</v>
      </c>
      <c r="F3639" s="6">
        <v>5797</v>
      </c>
    </row>
    <row r="3640" spans="1:6" x14ac:dyDescent="0.25">
      <c r="A3640" s="4" t="s">
        <v>2681</v>
      </c>
      <c r="B3640" s="1" t="s">
        <v>3149</v>
      </c>
      <c r="C3640" s="5" t="s">
        <v>6602</v>
      </c>
      <c r="D3640" s="1" t="s">
        <v>2681</v>
      </c>
      <c r="E3640" s="5" t="s">
        <v>16514</v>
      </c>
      <c r="F3640" s="6">
        <v>6124</v>
      </c>
    </row>
    <row r="3641" spans="1:6" x14ac:dyDescent="0.25">
      <c r="A3641" s="4" t="s">
        <v>2457</v>
      </c>
      <c r="B3641" s="1" t="s">
        <v>3155</v>
      </c>
      <c r="C3641" s="5" t="s">
        <v>6338</v>
      </c>
      <c r="D3641" s="1" t="s">
        <v>2457</v>
      </c>
      <c r="E3641" s="5" t="s">
        <v>15971</v>
      </c>
      <c r="F3641" s="6">
        <v>4890</v>
      </c>
    </row>
    <row r="3642" spans="1:6" x14ac:dyDescent="0.25">
      <c r="A3642" s="4" t="s">
        <v>1963</v>
      </c>
      <c r="B3642" s="1" t="s">
        <v>3149</v>
      </c>
      <c r="C3642" s="5" t="s">
        <v>4581</v>
      </c>
      <c r="D3642" s="1" t="s">
        <v>1963</v>
      </c>
      <c r="E3642" s="5" t="s">
        <v>14799</v>
      </c>
      <c r="F3642" s="6">
        <v>3510</v>
      </c>
    </row>
    <row r="3643" spans="1:6" x14ac:dyDescent="0.25">
      <c r="A3643" s="4" t="s">
        <v>2350</v>
      </c>
      <c r="B3643" s="1" t="s">
        <v>3151</v>
      </c>
      <c r="C3643" s="5" t="s">
        <v>6142</v>
      </c>
      <c r="D3643" s="1" t="s">
        <v>9709</v>
      </c>
      <c r="E3643" s="5" t="s">
        <v>15601</v>
      </c>
      <c r="F3643" s="6">
        <v>4343</v>
      </c>
    </row>
    <row r="3644" spans="1:6" x14ac:dyDescent="0.25">
      <c r="A3644" s="4" t="s">
        <v>2465</v>
      </c>
      <c r="B3644" s="1" t="s">
        <v>3158</v>
      </c>
      <c r="C3644" s="5" t="s">
        <v>6345</v>
      </c>
      <c r="D3644" s="1" t="s">
        <v>2465</v>
      </c>
      <c r="E3644" s="5" t="s">
        <v>15983</v>
      </c>
      <c r="F3644" s="6">
        <v>4905</v>
      </c>
    </row>
    <row r="3645" spans="1:6" x14ac:dyDescent="0.25">
      <c r="A3645" s="4" t="s">
        <v>2353</v>
      </c>
      <c r="B3645" s="1" t="s">
        <v>3161</v>
      </c>
      <c r="C3645" s="5" t="s">
        <v>6145</v>
      </c>
      <c r="D3645" s="1" t="s">
        <v>9717</v>
      </c>
      <c r="E3645" s="5" t="s">
        <v>15611</v>
      </c>
      <c r="F3645" s="6">
        <v>4353</v>
      </c>
    </row>
    <row r="3646" spans="1:6" x14ac:dyDescent="0.25">
      <c r="A3646" s="4" t="s">
        <v>2335</v>
      </c>
      <c r="B3646" s="1" t="s">
        <v>3150</v>
      </c>
      <c r="C3646" s="5" t="s">
        <v>6115</v>
      </c>
      <c r="D3646" s="1" t="s">
        <v>2335</v>
      </c>
      <c r="E3646" s="5" t="s">
        <v>15565</v>
      </c>
      <c r="F3646" s="6">
        <v>4306</v>
      </c>
    </row>
    <row r="3647" spans="1:6" x14ac:dyDescent="0.25">
      <c r="A3647" s="4" t="s">
        <v>153</v>
      </c>
      <c r="B3647" s="1" t="s">
        <v>3148</v>
      </c>
      <c r="C3647" s="5" t="s">
        <v>3436</v>
      </c>
      <c r="D3647" s="1" t="s">
        <v>7565</v>
      </c>
      <c r="E3647" s="5" t="s">
        <v>11851</v>
      </c>
      <c r="F3647" s="6">
        <v>282</v>
      </c>
    </row>
    <row r="3648" spans="1:6" x14ac:dyDescent="0.25">
      <c r="A3648" s="4" t="s">
        <v>2687</v>
      </c>
      <c r="B3648" s="1" t="s">
        <v>3150</v>
      </c>
      <c r="C3648" s="5" t="s">
        <v>6611</v>
      </c>
      <c r="D3648" s="1" t="s">
        <v>2687</v>
      </c>
      <c r="E3648" s="5" t="s">
        <v>16527</v>
      </c>
      <c r="F3648" s="6">
        <v>6164</v>
      </c>
    </row>
    <row r="3649" spans="1:6" x14ac:dyDescent="0.25">
      <c r="A3649" s="4" t="s">
        <v>2063</v>
      </c>
      <c r="B3649" s="1" t="s">
        <v>3156</v>
      </c>
      <c r="C3649" s="5" t="s">
        <v>5735</v>
      </c>
      <c r="D3649" s="1" t="s">
        <v>2063</v>
      </c>
      <c r="E3649" s="5" t="s">
        <v>14905</v>
      </c>
      <c r="F3649" s="6">
        <v>3623</v>
      </c>
    </row>
    <row r="3650" spans="1:6" x14ac:dyDescent="0.25">
      <c r="A3650" s="4" t="s">
        <v>1310</v>
      </c>
      <c r="B3650" s="1" t="s">
        <v>3146</v>
      </c>
      <c r="C3650" s="5" t="s">
        <v>5095</v>
      </c>
      <c r="D3650" s="1" t="s">
        <v>1310</v>
      </c>
      <c r="E3650" s="5" t="s">
        <v>13981</v>
      </c>
      <c r="F3650" s="6">
        <v>2634</v>
      </c>
    </row>
    <row r="3651" spans="1:6" x14ac:dyDescent="0.25">
      <c r="A3651" s="4" t="s">
        <v>2279</v>
      </c>
      <c r="B3651" s="1" t="s">
        <v>3150</v>
      </c>
      <c r="C3651" s="5" t="s">
        <v>6026</v>
      </c>
      <c r="D3651" s="1" t="s">
        <v>2279</v>
      </c>
      <c r="E3651" s="5" t="s">
        <v>15429</v>
      </c>
      <c r="F3651" s="6">
        <v>4167</v>
      </c>
    </row>
    <row r="3652" spans="1:6" x14ac:dyDescent="0.25">
      <c r="A3652" s="4" t="s">
        <v>2257</v>
      </c>
      <c r="B3652" s="1" t="s">
        <v>3150</v>
      </c>
      <c r="C3652" s="5" t="s">
        <v>5988</v>
      </c>
      <c r="D3652" s="1" t="s">
        <v>2257</v>
      </c>
      <c r="E3652" s="5" t="s">
        <v>15366</v>
      </c>
      <c r="F3652" s="6">
        <v>4103</v>
      </c>
    </row>
    <row r="3653" spans="1:6" x14ac:dyDescent="0.25">
      <c r="A3653" s="4" t="s">
        <v>2973</v>
      </c>
      <c r="B3653" s="1" t="s">
        <v>3158</v>
      </c>
      <c r="C3653" s="5" t="s">
        <v>7007</v>
      </c>
      <c r="D3653" s="1" t="s">
        <v>2973</v>
      </c>
      <c r="E3653" s="5" t="s">
        <v>17429</v>
      </c>
      <c r="F3653" s="6">
        <v>9037</v>
      </c>
    </row>
    <row r="3654" spans="1:6" x14ac:dyDescent="0.25">
      <c r="A3654" s="4" t="s">
        <v>695</v>
      </c>
      <c r="B3654" s="1" t="s">
        <v>3144</v>
      </c>
      <c r="C3654" s="5" t="s">
        <v>4398</v>
      </c>
      <c r="D3654" s="1" t="s">
        <v>8615</v>
      </c>
      <c r="E3654" s="5" t="s">
        <v>13149</v>
      </c>
      <c r="F3654" s="6">
        <v>1782</v>
      </c>
    </row>
    <row r="3655" spans="1:6" x14ac:dyDescent="0.25">
      <c r="A3655" s="4" t="s">
        <v>2513</v>
      </c>
      <c r="B3655" s="1" t="s">
        <v>3149</v>
      </c>
      <c r="C3655" s="5" t="s">
        <v>6397</v>
      </c>
      <c r="D3655" s="1" t="s">
        <v>10130</v>
      </c>
      <c r="E3655" s="5" t="s">
        <v>16135</v>
      </c>
      <c r="F3655" s="6">
        <v>5226</v>
      </c>
    </row>
    <row r="3656" spans="1:6" x14ac:dyDescent="0.25">
      <c r="A3656" s="4" t="s">
        <v>822</v>
      </c>
      <c r="B3656" s="1" t="s">
        <v>3149</v>
      </c>
      <c r="C3656" s="5" t="s">
        <v>4552</v>
      </c>
      <c r="D3656" s="1" t="s">
        <v>822</v>
      </c>
      <c r="E3656" s="5" t="s">
        <v>13337</v>
      </c>
      <c r="F3656" s="6">
        <v>1970</v>
      </c>
    </row>
    <row r="3657" spans="1:6" x14ac:dyDescent="0.25">
      <c r="A3657" s="4" t="s">
        <v>2876</v>
      </c>
      <c r="B3657" s="1" t="s">
        <v>3144</v>
      </c>
      <c r="C3657" s="5">
        <v>441111</v>
      </c>
      <c r="D3657" s="1" t="s">
        <v>2876</v>
      </c>
      <c r="E3657" s="5" t="s">
        <v>17107</v>
      </c>
      <c r="F3657" s="6">
        <v>7932</v>
      </c>
    </row>
    <row r="3658" spans="1:6" x14ac:dyDescent="0.25">
      <c r="A3658" s="4" t="s">
        <v>2996</v>
      </c>
      <c r="B3658" s="1" t="s">
        <v>3158</v>
      </c>
      <c r="C3658" s="5" t="s">
        <v>7054</v>
      </c>
      <c r="D3658" s="1" t="s">
        <v>11154</v>
      </c>
      <c r="E3658" s="5" t="s">
        <v>17515</v>
      </c>
      <c r="F3658" s="6">
        <v>9127</v>
      </c>
    </row>
    <row r="3659" spans="1:6" x14ac:dyDescent="0.25">
      <c r="A3659" s="4" t="s">
        <v>456</v>
      </c>
      <c r="B3659" s="1" t="s">
        <v>3160</v>
      </c>
      <c r="C3659" s="5" t="s">
        <v>4019</v>
      </c>
      <c r="D3659" s="1" t="s">
        <v>8169</v>
      </c>
      <c r="E3659" s="5" t="s">
        <v>12568</v>
      </c>
      <c r="F3659" s="6">
        <v>1096</v>
      </c>
    </row>
    <row r="3660" spans="1:6" x14ac:dyDescent="0.25">
      <c r="A3660" s="4" t="s">
        <v>456</v>
      </c>
      <c r="B3660" s="1" t="s">
        <v>3160</v>
      </c>
      <c r="C3660" s="5" t="s">
        <v>5296</v>
      </c>
      <c r="D3660" s="1" t="s">
        <v>456</v>
      </c>
      <c r="E3660" s="5" t="s">
        <v>14252</v>
      </c>
      <c r="F3660" s="6">
        <v>2913</v>
      </c>
    </row>
    <row r="3661" spans="1:6" x14ac:dyDescent="0.25">
      <c r="A3661" s="4" t="s">
        <v>1243</v>
      </c>
      <c r="B3661" s="1" t="s">
        <v>3151</v>
      </c>
      <c r="C3661" s="5" t="s">
        <v>5014</v>
      </c>
      <c r="D3661" s="1" t="s">
        <v>1243</v>
      </c>
      <c r="E3661" s="5" t="s">
        <v>13879</v>
      </c>
      <c r="F3661" s="6">
        <v>2530</v>
      </c>
    </row>
    <row r="3662" spans="1:6" x14ac:dyDescent="0.25">
      <c r="A3662" s="4" t="s">
        <v>1163</v>
      </c>
      <c r="B3662" s="1" t="s">
        <v>3146</v>
      </c>
      <c r="C3662" s="5" t="s">
        <v>4903</v>
      </c>
      <c r="D3662" s="1" t="s">
        <v>1163</v>
      </c>
      <c r="E3662" s="5" t="s">
        <v>13739</v>
      </c>
      <c r="F3662" s="6">
        <v>2387</v>
      </c>
    </row>
    <row r="3663" spans="1:6" x14ac:dyDescent="0.25">
      <c r="A3663" s="4" t="s">
        <v>593</v>
      </c>
      <c r="B3663" s="1" t="s">
        <v>3150</v>
      </c>
      <c r="C3663" s="5" t="s">
        <v>4244</v>
      </c>
      <c r="D3663" s="1" t="s">
        <v>8475</v>
      </c>
      <c r="E3663" s="5" t="s">
        <v>12935</v>
      </c>
      <c r="F3663" s="6">
        <v>1543</v>
      </c>
    </row>
    <row r="3664" spans="1:6" x14ac:dyDescent="0.25">
      <c r="A3664" s="4" t="s">
        <v>383</v>
      </c>
      <c r="B3664" s="1" t="s">
        <v>3161</v>
      </c>
      <c r="C3664" s="5" t="s">
        <v>3897</v>
      </c>
      <c r="D3664" s="1" t="s">
        <v>383</v>
      </c>
      <c r="E3664" s="5" t="s">
        <v>12405</v>
      </c>
      <c r="F3664" s="6">
        <v>918</v>
      </c>
    </row>
    <row r="3665" spans="1:6" x14ac:dyDescent="0.25">
      <c r="A3665" s="4" t="s">
        <v>383</v>
      </c>
      <c r="B3665" s="1" t="s">
        <v>3161</v>
      </c>
      <c r="C3665" s="5" t="s">
        <v>5749</v>
      </c>
      <c r="D3665" s="1" t="s">
        <v>9259</v>
      </c>
      <c r="E3665" s="5" t="s">
        <v>14933</v>
      </c>
      <c r="F3665" s="6">
        <v>3655</v>
      </c>
    </row>
    <row r="3666" spans="1:6" x14ac:dyDescent="0.25">
      <c r="A3666" s="4" t="s">
        <v>383</v>
      </c>
      <c r="B3666" s="1" t="s">
        <v>3161</v>
      </c>
      <c r="C3666" s="5" t="s">
        <v>3897</v>
      </c>
      <c r="D3666" s="1" t="s">
        <v>10318</v>
      </c>
      <c r="E3666" s="5" t="s">
        <v>16411</v>
      </c>
      <c r="F3666" s="6">
        <v>5857</v>
      </c>
    </row>
    <row r="3667" spans="1:6" x14ac:dyDescent="0.25">
      <c r="A3667" s="4" t="s">
        <v>2130</v>
      </c>
      <c r="B3667" s="1" t="s">
        <v>3144</v>
      </c>
      <c r="C3667" s="5" t="s">
        <v>5836</v>
      </c>
      <c r="D3667" s="1" t="s">
        <v>2130</v>
      </c>
      <c r="E3667" s="5" t="s">
        <v>15088</v>
      </c>
      <c r="F3667" s="6">
        <v>3816</v>
      </c>
    </row>
    <row r="3668" spans="1:6" x14ac:dyDescent="0.25">
      <c r="A3668" s="4" t="s">
        <v>2130</v>
      </c>
      <c r="B3668" s="1" t="s">
        <v>3144</v>
      </c>
      <c r="C3668" s="5" t="s">
        <v>6253</v>
      </c>
      <c r="D3668" s="1" t="s">
        <v>9888</v>
      </c>
      <c r="E3668" s="5" t="s">
        <v>15823</v>
      </c>
      <c r="F3668" s="6">
        <v>4734</v>
      </c>
    </row>
    <row r="3669" spans="1:6" x14ac:dyDescent="0.25">
      <c r="A3669" s="4" t="s">
        <v>369</v>
      </c>
      <c r="B3669" s="1" t="s">
        <v>3147</v>
      </c>
      <c r="C3669" s="5" t="s">
        <v>3881</v>
      </c>
      <c r="D3669" s="1" t="s">
        <v>369</v>
      </c>
      <c r="E3669" s="5" t="s">
        <v>12387</v>
      </c>
      <c r="F3669" s="6">
        <v>897</v>
      </c>
    </row>
    <row r="3670" spans="1:6" x14ac:dyDescent="0.25">
      <c r="A3670" s="4" t="s">
        <v>387</v>
      </c>
      <c r="B3670" s="1" t="s">
        <v>3158</v>
      </c>
      <c r="C3670" s="5" t="s">
        <v>3902</v>
      </c>
      <c r="D3670" s="1" t="s">
        <v>387</v>
      </c>
      <c r="E3670" s="5" t="s">
        <v>12415</v>
      </c>
      <c r="F3670" s="6">
        <v>928</v>
      </c>
    </row>
    <row r="3671" spans="1:6" x14ac:dyDescent="0.25">
      <c r="A3671" s="4" t="s">
        <v>1926</v>
      </c>
      <c r="B3671" s="1" t="s">
        <v>3154</v>
      </c>
      <c r="C3671" s="5" t="s">
        <v>5663</v>
      </c>
      <c r="D3671" s="1" t="s">
        <v>1926</v>
      </c>
      <c r="E3671" s="5" t="s">
        <v>14759</v>
      </c>
      <c r="F3671" s="6">
        <v>3470</v>
      </c>
    </row>
    <row r="3672" spans="1:6" x14ac:dyDescent="0.25">
      <c r="A3672" s="4" t="s">
        <v>1670</v>
      </c>
      <c r="B3672" s="1" t="s">
        <v>3152</v>
      </c>
      <c r="C3672" s="5" t="s">
        <v>4431</v>
      </c>
      <c r="D3672" s="1" t="s">
        <v>1670</v>
      </c>
      <c r="E3672" s="5" t="s">
        <v>14460</v>
      </c>
      <c r="F3672" s="6">
        <v>3145</v>
      </c>
    </row>
    <row r="3673" spans="1:6" x14ac:dyDescent="0.25">
      <c r="A3673" s="4" t="s">
        <v>1015</v>
      </c>
      <c r="B3673" s="1" t="s">
        <v>3152</v>
      </c>
      <c r="C3673" s="5" t="s">
        <v>4759</v>
      </c>
      <c r="D3673" s="1" t="s">
        <v>1015</v>
      </c>
      <c r="E3673" s="5" t="s">
        <v>13582</v>
      </c>
      <c r="F3673" s="6">
        <v>2223</v>
      </c>
    </row>
    <row r="3674" spans="1:6" x14ac:dyDescent="0.25">
      <c r="A3674" s="4" t="s">
        <v>83</v>
      </c>
      <c r="B3674" s="1" t="s">
        <v>3156</v>
      </c>
      <c r="C3674" s="5" t="s">
        <v>3338</v>
      </c>
      <c r="D3674" s="1" t="s">
        <v>7465</v>
      </c>
      <c r="E3674" s="5" t="s">
        <v>11746</v>
      </c>
      <c r="F3674" s="6">
        <v>167</v>
      </c>
    </row>
    <row r="3675" spans="1:6" x14ac:dyDescent="0.25">
      <c r="A3675" s="4" t="s">
        <v>83</v>
      </c>
      <c r="B3675" s="1" t="s">
        <v>3156</v>
      </c>
      <c r="C3675" s="5" t="s">
        <v>4039</v>
      </c>
      <c r="D3675" s="1" t="s">
        <v>8197</v>
      </c>
      <c r="E3675" s="5" t="s">
        <v>12599</v>
      </c>
      <c r="F3675" s="6">
        <v>1143</v>
      </c>
    </row>
    <row r="3676" spans="1:6" x14ac:dyDescent="0.25">
      <c r="A3676" s="4" t="s">
        <v>83</v>
      </c>
      <c r="B3676" s="1" t="s">
        <v>3156</v>
      </c>
      <c r="C3676" s="5" t="s">
        <v>4039</v>
      </c>
      <c r="D3676" s="1" t="s">
        <v>8647</v>
      </c>
      <c r="E3676" s="5" t="s">
        <v>13213</v>
      </c>
      <c r="F3676" s="6">
        <v>1846</v>
      </c>
    </row>
    <row r="3677" spans="1:6" x14ac:dyDescent="0.25">
      <c r="A3677" s="4" t="s">
        <v>83</v>
      </c>
      <c r="B3677" s="1" t="s">
        <v>3156</v>
      </c>
      <c r="C3677" s="5" t="s">
        <v>4589</v>
      </c>
      <c r="D3677" s="1" t="s">
        <v>8741</v>
      </c>
      <c r="E3677" s="5" t="s">
        <v>13387</v>
      </c>
      <c r="F3677" s="6">
        <v>2020</v>
      </c>
    </row>
    <row r="3678" spans="1:6" x14ac:dyDescent="0.25">
      <c r="A3678" s="4" t="s">
        <v>83</v>
      </c>
      <c r="B3678" s="1" t="s">
        <v>3156</v>
      </c>
      <c r="C3678" s="5">
        <v>324005</v>
      </c>
      <c r="D3678" s="1" t="s">
        <v>10086</v>
      </c>
      <c r="E3678" s="5" t="s">
        <v>16083</v>
      </c>
      <c r="F3678" s="6">
        <v>5127</v>
      </c>
    </row>
    <row r="3679" spans="1:6" x14ac:dyDescent="0.25">
      <c r="A3679" s="4" t="s">
        <v>83</v>
      </c>
      <c r="B3679" s="1" t="s">
        <v>3161</v>
      </c>
      <c r="C3679" s="5" t="s">
        <v>6631</v>
      </c>
      <c r="D3679" s="1" t="s">
        <v>83</v>
      </c>
      <c r="E3679" s="5" t="s">
        <v>16582</v>
      </c>
      <c r="F3679" s="6">
        <v>6288</v>
      </c>
    </row>
    <row r="3680" spans="1:6" x14ac:dyDescent="0.25">
      <c r="A3680" s="4" t="s">
        <v>83</v>
      </c>
      <c r="B3680" s="1" t="s">
        <v>3156</v>
      </c>
      <c r="C3680" s="5">
        <v>324005</v>
      </c>
      <c r="D3680" s="1" t="s">
        <v>10518</v>
      </c>
      <c r="E3680" s="5" t="s">
        <v>16689</v>
      </c>
      <c r="F3680" s="6">
        <v>6584</v>
      </c>
    </row>
    <row r="3681" spans="1:6" x14ac:dyDescent="0.25">
      <c r="A3681" s="4" t="s">
        <v>83</v>
      </c>
      <c r="B3681" s="1" t="s">
        <v>3156</v>
      </c>
      <c r="C3681" s="5" t="s">
        <v>6712</v>
      </c>
      <c r="D3681" s="1" t="s">
        <v>10552</v>
      </c>
      <c r="E3681" s="5" t="s">
        <v>16736</v>
      </c>
      <c r="F3681" s="6">
        <v>6744</v>
      </c>
    </row>
    <row r="3682" spans="1:6" x14ac:dyDescent="0.25">
      <c r="A3682" s="4" t="s">
        <v>83</v>
      </c>
      <c r="B3682" s="1" t="s">
        <v>3156</v>
      </c>
      <c r="C3682" s="5" t="s">
        <v>6732</v>
      </c>
      <c r="D3682" s="1" t="s">
        <v>10580</v>
      </c>
      <c r="E3682" s="5" t="s">
        <v>16774</v>
      </c>
      <c r="F3682" s="6">
        <v>6912</v>
      </c>
    </row>
    <row r="3683" spans="1:6" x14ac:dyDescent="0.25">
      <c r="A3683" s="4" t="s">
        <v>83</v>
      </c>
      <c r="B3683" s="1" t="s">
        <v>3156</v>
      </c>
      <c r="C3683" s="5">
        <v>324005</v>
      </c>
      <c r="D3683" s="1" t="s">
        <v>10755</v>
      </c>
      <c r="E3683" s="5" t="s">
        <v>17004</v>
      </c>
      <c r="F3683" s="6">
        <v>7560</v>
      </c>
    </row>
    <row r="3684" spans="1:6" x14ac:dyDescent="0.25">
      <c r="A3684" s="4" t="s">
        <v>83</v>
      </c>
      <c r="B3684" s="1" t="s">
        <v>3156</v>
      </c>
      <c r="C3684" s="5">
        <v>324007</v>
      </c>
      <c r="D3684" s="1" t="s">
        <v>10785</v>
      </c>
      <c r="E3684" s="5" t="s">
        <v>17046</v>
      </c>
      <c r="F3684" s="6">
        <v>7670</v>
      </c>
    </row>
    <row r="3685" spans="1:6" x14ac:dyDescent="0.25">
      <c r="A3685" s="4" t="s">
        <v>83</v>
      </c>
      <c r="B3685" s="1" t="s">
        <v>3156</v>
      </c>
      <c r="C3685" s="5" t="s">
        <v>6897</v>
      </c>
      <c r="D3685" s="1" t="s">
        <v>10882</v>
      </c>
      <c r="E3685" s="5" t="s">
        <v>17169</v>
      </c>
      <c r="F3685" s="6">
        <v>8110</v>
      </c>
    </row>
    <row r="3686" spans="1:6" x14ac:dyDescent="0.25">
      <c r="A3686" s="4" t="s">
        <v>83</v>
      </c>
      <c r="B3686" s="1" t="s">
        <v>3156</v>
      </c>
      <c r="C3686" s="5" t="s">
        <v>6973</v>
      </c>
      <c r="D3686" s="1" t="s">
        <v>11035</v>
      </c>
      <c r="E3686" s="5" t="s">
        <v>17360</v>
      </c>
      <c r="F3686" s="6">
        <v>8886</v>
      </c>
    </row>
    <row r="3687" spans="1:6" x14ac:dyDescent="0.25">
      <c r="A3687" s="4" t="s">
        <v>83</v>
      </c>
      <c r="B3687" s="1" t="s">
        <v>3156</v>
      </c>
      <c r="C3687" s="5" t="s">
        <v>7033</v>
      </c>
      <c r="D3687" s="1" t="s">
        <v>11118</v>
      </c>
      <c r="E3687" s="5" t="s">
        <v>17473</v>
      </c>
      <c r="F3687" s="6">
        <v>9084</v>
      </c>
    </row>
    <row r="3688" spans="1:6" x14ac:dyDescent="0.25">
      <c r="A3688" s="4" t="s">
        <v>2952</v>
      </c>
      <c r="B3688" s="1" t="s">
        <v>3146</v>
      </c>
      <c r="C3688" s="5" t="s">
        <v>6972</v>
      </c>
      <c r="D3688" s="1" t="s">
        <v>2952</v>
      </c>
      <c r="E3688" s="5" t="s">
        <v>17357</v>
      </c>
      <c r="F3688" s="6">
        <v>8875</v>
      </c>
    </row>
    <row r="3689" spans="1:6" x14ac:dyDescent="0.25">
      <c r="A3689" s="4" t="s">
        <v>1126</v>
      </c>
      <c r="B3689" s="1" t="s">
        <v>3162</v>
      </c>
      <c r="C3689" s="5" t="s">
        <v>4868</v>
      </c>
      <c r="D3689" s="1" t="s">
        <v>8827</v>
      </c>
      <c r="E3689" s="5" t="s">
        <v>13699</v>
      </c>
      <c r="F3689" s="6">
        <v>2346</v>
      </c>
    </row>
    <row r="3690" spans="1:6" x14ac:dyDescent="0.25">
      <c r="A3690" s="4" t="s">
        <v>1608</v>
      </c>
      <c r="B3690" s="1" t="s">
        <v>3147</v>
      </c>
      <c r="C3690" s="5" t="s">
        <v>4011</v>
      </c>
      <c r="D3690" s="1" t="s">
        <v>1608</v>
      </c>
      <c r="E3690" s="5" t="s">
        <v>14395</v>
      </c>
      <c r="F3690" s="6">
        <v>3066</v>
      </c>
    </row>
    <row r="3691" spans="1:6" x14ac:dyDescent="0.25">
      <c r="A3691" s="4" t="s">
        <v>1139</v>
      </c>
      <c r="B3691" s="1" t="s">
        <v>3152</v>
      </c>
      <c r="C3691" s="5" t="s">
        <v>4880</v>
      </c>
      <c r="D3691" s="1" t="s">
        <v>8833</v>
      </c>
      <c r="E3691" s="5" t="s">
        <v>13713</v>
      </c>
      <c r="F3691" s="6">
        <v>2360</v>
      </c>
    </row>
    <row r="3692" spans="1:6" x14ac:dyDescent="0.25">
      <c r="A3692" s="4" t="s">
        <v>358</v>
      </c>
      <c r="B3692" s="1" t="s">
        <v>3151</v>
      </c>
      <c r="C3692" s="5" t="s">
        <v>3858</v>
      </c>
      <c r="D3692" s="1" t="s">
        <v>8029</v>
      </c>
      <c r="E3692" s="5" t="s">
        <v>12359</v>
      </c>
      <c r="F3692" s="6">
        <v>864</v>
      </c>
    </row>
    <row r="3693" spans="1:6" x14ac:dyDescent="0.25">
      <c r="A3693" s="4" t="s">
        <v>568</v>
      </c>
      <c r="B3693" s="1" t="s">
        <v>3150</v>
      </c>
      <c r="C3693" s="5" t="s">
        <v>4216</v>
      </c>
      <c r="D3693" s="1" t="s">
        <v>568</v>
      </c>
      <c r="E3693" s="5" t="s">
        <v>12905</v>
      </c>
      <c r="F3693" s="6">
        <v>1507</v>
      </c>
    </row>
    <row r="3694" spans="1:6" x14ac:dyDescent="0.25">
      <c r="A3694" s="4" t="s">
        <v>1604</v>
      </c>
      <c r="B3694" s="1" t="s">
        <v>3151</v>
      </c>
      <c r="C3694" s="5" t="s">
        <v>5422</v>
      </c>
      <c r="D3694" s="1" t="s">
        <v>1604</v>
      </c>
      <c r="E3694" s="5" t="s">
        <v>14390</v>
      </c>
      <c r="F3694" s="6">
        <v>3056</v>
      </c>
    </row>
    <row r="3695" spans="1:6" x14ac:dyDescent="0.25">
      <c r="A3695" s="4" t="s">
        <v>2775</v>
      </c>
      <c r="B3695" s="1" t="s">
        <v>3151</v>
      </c>
      <c r="C3695" s="5" t="s">
        <v>6739</v>
      </c>
      <c r="D3695" s="1" t="s">
        <v>2775</v>
      </c>
      <c r="E3695" s="5" t="s">
        <v>16784</v>
      </c>
      <c r="F3695" s="6">
        <v>6935</v>
      </c>
    </row>
    <row r="3696" spans="1:6" x14ac:dyDescent="0.25">
      <c r="A3696" s="4" t="s">
        <v>260</v>
      </c>
      <c r="B3696" s="1" t="s">
        <v>3152</v>
      </c>
      <c r="C3696" s="5">
        <v>151204</v>
      </c>
      <c r="D3696" s="1" t="s">
        <v>260</v>
      </c>
      <c r="E3696" s="5" t="s">
        <v>12174</v>
      </c>
      <c r="F3696" s="6">
        <v>648</v>
      </c>
    </row>
    <row r="3697" spans="1:6" x14ac:dyDescent="0.25">
      <c r="A3697" s="4" t="s">
        <v>260</v>
      </c>
      <c r="B3697" s="1" t="s">
        <v>3152</v>
      </c>
      <c r="C3697" s="5">
        <v>151204</v>
      </c>
      <c r="D3697" s="1" t="s">
        <v>10799</v>
      </c>
      <c r="E3697" s="5" t="s">
        <v>17062</v>
      </c>
      <c r="F3697" s="6">
        <v>7719</v>
      </c>
    </row>
    <row r="3698" spans="1:6" x14ac:dyDescent="0.25">
      <c r="A3698" s="4" t="s">
        <v>1526</v>
      </c>
      <c r="B3698" s="1" t="s">
        <v>3165</v>
      </c>
      <c r="C3698" s="5" t="s">
        <v>5346</v>
      </c>
      <c r="D3698" s="1" t="s">
        <v>1526</v>
      </c>
      <c r="E3698" s="5" t="s">
        <v>14305</v>
      </c>
      <c r="F3698" s="6">
        <v>2967</v>
      </c>
    </row>
    <row r="3699" spans="1:6" x14ac:dyDescent="0.25">
      <c r="A3699" s="4" t="s">
        <v>3124</v>
      </c>
      <c r="B3699" s="1" t="s">
        <v>3153</v>
      </c>
      <c r="C3699" s="5" t="s">
        <v>7300</v>
      </c>
      <c r="D3699" s="1" t="s">
        <v>11543</v>
      </c>
      <c r="E3699" s="5" t="s">
        <v>18013</v>
      </c>
      <c r="F3699" s="6">
        <v>9645</v>
      </c>
    </row>
    <row r="3700" spans="1:6" x14ac:dyDescent="0.25">
      <c r="A3700" s="4" t="s">
        <v>924</v>
      </c>
      <c r="B3700" s="1" t="s">
        <v>3156</v>
      </c>
      <c r="C3700" s="5" t="s">
        <v>4672</v>
      </c>
      <c r="D3700" s="1" t="s">
        <v>924</v>
      </c>
      <c r="E3700" s="5" t="s">
        <v>13490</v>
      </c>
      <c r="F3700" s="6">
        <v>2128</v>
      </c>
    </row>
    <row r="3701" spans="1:6" x14ac:dyDescent="0.25">
      <c r="A3701" s="4" t="s">
        <v>2172</v>
      </c>
      <c r="B3701" s="1" t="s">
        <v>3148</v>
      </c>
      <c r="C3701" s="5" t="s">
        <v>5876</v>
      </c>
      <c r="D3701" s="1" t="s">
        <v>2172</v>
      </c>
      <c r="E3701" s="5" t="s">
        <v>15179</v>
      </c>
      <c r="F3701" s="6">
        <v>3911</v>
      </c>
    </row>
    <row r="3702" spans="1:6" x14ac:dyDescent="0.25">
      <c r="A3702" s="4" t="s">
        <v>1680</v>
      </c>
      <c r="B3702" s="1" t="s">
        <v>3152</v>
      </c>
      <c r="C3702" s="5" t="s">
        <v>3358</v>
      </c>
      <c r="D3702" s="1" t="s">
        <v>1680</v>
      </c>
      <c r="E3702" s="5" t="s">
        <v>14470</v>
      </c>
      <c r="F3702" s="6">
        <v>3155</v>
      </c>
    </row>
    <row r="3703" spans="1:6" x14ac:dyDescent="0.25">
      <c r="A3703" s="4" t="s">
        <v>604</v>
      </c>
      <c r="B3703" s="1" t="s">
        <v>3150</v>
      </c>
      <c r="C3703" s="5" t="s">
        <v>4271</v>
      </c>
      <c r="D3703" s="1" t="s">
        <v>8518</v>
      </c>
      <c r="E3703" s="5" t="s">
        <v>12983</v>
      </c>
      <c r="F3703" s="6">
        <v>1594</v>
      </c>
    </row>
    <row r="3704" spans="1:6" x14ac:dyDescent="0.25">
      <c r="A3704" s="4" t="s">
        <v>1978</v>
      </c>
      <c r="B3704" s="1" t="s">
        <v>3150</v>
      </c>
      <c r="C3704" s="5" t="s">
        <v>5700</v>
      </c>
      <c r="D3704" s="1" t="s">
        <v>9228</v>
      </c>
      <c r="E3704" s="5" t="s">
        <v>14815</v>
      </c>
      <c r="F3704" s="6">
        <v>3527</v>
      </c>
    </row>
    <row r="3705" spans="1:6" x14ac:dyDescent="0.25">
      <c r="A3705" s="4" t="s">
        <v>40</v>
      </c>
      <c r="B3705" s="1" t="s">
        <v>3150</v>
      </c>
      <c r="C3705" s="5" t="s">
        <v>3260</v>
      </c>
      <c r="D3705" s="1" t="s">
        <v>40</v>
      </c>
      <c r="E3705" s="5" t="s">
        <v>11660</v>
      </c>
      <c r="F3705" s="6">
        <v>71</v>
      </c>
    </row>
    <row r="3706" spans="1:6" x14ac:dyDescent="0.25">
      <c r="A3706" s="4" t="s">
        <v>40</v>
      </c>
      <c r="B3706" s="1" t="s">
        <v>3150</v>
      </c>
      <c r="C3706" s="5" t="s">
        <v>4208</v>
      </c>
      <c r="D3706" s="1" t="s">
        <v>8448</v>
      </c>
      <c r="E3706" s="5" t="s">
        <v>12896</v>
      </c>
      <c r="F3706" s="6">
        <v>1498</v>
      </c>
    </row>
    <row r="3707" spans="1:6" x14ac:dyDescent="0.25">
      <c r="A3707" s="4" t="s">
        <v>40</v>
      </c>
      <c r="B3707" s="1" t="s">
        <v>3150</v>
      </c>
      <c r="C3707" s="5" t="s">
        <v>6403</v>
      </c>
      <c r="D3707" s="1" t="s">
        <v>10137</v>
      </c>
      <c r="E3707" s="5" t="s">
        <v>16144</v>
      </c>
      <c r="F3707" s="6">
        <v>5242</v>
      </c>
    </row>
    <row r="3708" spans="1:6" x14ac:dyDescent="0.25">
      <c r="A3708" s="4" t="s">
        <v>2833</v>
      </c>
      <c r="B3708" s="1" t="s">
        <v>3150</v>
      </c>
      <c r="C3708" s="5" t="s">
        <v>6833</v>
      </c>
      <c r="D3708" s="1" t="s">
        <v>2833</v>
      </c>
      <c r="E3708" s="5" t="s">
        <v>16978</v>
      </c>
      <c r="F3708" s="6">
        <v>7460</v>
      </c>
    </row>
    <row r="3709" spans="1:6" x14ac:dyDescent="0.25">
      <c r="A3709" s="4" t="s">
        <v>2538</v>
      </c>
      <c r="B3709" s="1" t="s">
        <v>3149</v>
      </c>
      <c r="C3709" s="5">
        <v>583134</v>
      </c>
      <c r="D3709" s="1" t="s">
        <v>2538</v>
      </c>
      <c r="E3709" s="5" t="s">
        <v>16225</v>
      </c>
      <c r="F3709" s="6">
        <v>5425</v>
      </c>
    </row>
    <row r="3710" spans="1:6" x14ac:dyDescent="0.25">
      <c r="A3710" s="4" t="s">
        <v>852</v>
      </c>
      <c r="B3710" s="1" t="s">
        <v>3146</v>
      </c>
      <c r="C3710" s="5" t="s">
        <v>4590</v>
      </c>
      <c r="D3710" s="1" t="s">
        <v>852</v>
      </c>
      <c r="E3710" s="5" t="s">
        <v>13388</v>
      </c>
      <c r="F3710" s="6">
        <v>2021</v>
      </c>
    </row>
    <row r="3711" spans="1:6" x14ac:dyDescent="0.25">
      <c r="A3711" s="4" t="s">
        <v>2186</v>
      </c>
      <c r="B3711" s="1" t="s">
        <v>3155</v>
      </c>
      <c r="C3711" s="5" t="s">
        <v>5896</v>
      </c>
      <c r="D3711" s="1" t="s">
        <v>2186</v>
      </c>
      <c r="E3711" s="5" t="s">
        <v>15210</v>
      </c>
      <c r="F3711" s="6">
        <v>3944</v>
      </c>
    </row>
    <row r="3712" spans="1:6" x14ac:dyDescent="0.25">
      <c r="A3712" s="4" t="s">
        <v>1532</v>
      </c>
      <c r="B3712" s="1" t="s">
        <v>3155</v>
      </c>
      <c r="C3712" s="5" t="s">
        <v>5352</v>
      </c>
      <c r="D3712" s="1" t="s">
        <v>1532</v>
      </c>
      <c r="E3712" s="5" t="s">
        <v>14312</v>
      </c>
      <c r="F3712" s="6">
        <v>2974</v>
      </c>
    </row>
    <row r="3713" spans="1:6" x14ac:dyDescent="0.25">
      <c r="A3713" s="4" t="s">
        <v>2216</v>
      </c>
      <c r="B3713" s="1" t="s">
        <v>3150</v>
      </c>
      <c r="C3713" s="5" t="s">
        <v>5937</v>
      </c>
      <c r="D3713" s="1" t="s">
        <v>9512</v>
      </c>
      <c r="E3713" s="5" t="s">
        <v>15298</v>
      </c>
      <c r="F3713" s="6">
        <v>4035</v>
      </c>
    </row>
    <row r="3714" spans="1:6" x14ac:dyDescent="0.25">
      <c r="A3714" s="4" t="s">
        <v>2230</v>
      </c>
      <c r="B3714" s="1" t="s">
        <v>3150</v>
      </c>
      <c r="C3714" s="5" t="s">
        <v>5954</v>
      </c>
      <c r="D3714" s="1" t="s">
        <v>9526</v>
      </c>
      <c r="E3714" s="5" t="s">
        <v>15323</v>
      </c>
      <c r="F3714" s="6">
        <v>4060</v>
      </c>
    </row>
    <row r="3715" spans="1:6" x14ac:dyDescent="0.25">
      <c r="A3715" s="4" t="s">
        <v>62</v>
      </c>
      <c r="B3715" s="1" t="s">
        <v>3150</v>
      </c>
      <c r="C3715" s="5" t="s">
        <v>3301</v>
      </c>
      <c r="D3715" s="1" t="s">
        <v>2688</v>
      </c>
      <c r="E3715" s="5" t="s">
        <v>11705</v>
      </c>
      <c r="F3715" s="6">
        <v>125</v>
      </c>
    </row>
    <row r="3716" spans="1:6" x14ac:dyDescent="0.25">
      <c r="A3716" s="4" t="s">
        <v>62</v>
      </c>
      <c r="B3716" s="1" t="s">
        <v>3150</v>
      </c>
      <c r="C3716" s="5" t="s">
        <v>3713</v>
      </c>
      <c r="D3716" s="1" t="s">
        <v>7889</v>
      </c>
      <c r="E3716" s="5" t="s">
        <v>12196</v>
      </c>
      <c r="F3716" s="6">
        <v>671</v>
      </c>
    </row>
    <row r="3717" spans="1:6" x14ac:dyDescent="0.25">
      <c r="A3717" s="4" t="s">
        <v>62</v>
      </c>
      <c r="B3717" s="1" t="s">
        <v>3150</v>
      </c>
      <c r="C3717" s="5" t="s">
        <v>4071</v>
      </c>
      <c r="D3717" s="1" t="s">
        <v>8253</v>
      </c>
      <c r="E3717" s="5" t="s">
        <v>12660</v>
      </c>
      <c r="F3717" s="6">
        <v>1255</v>
      </c>
    </row>
    <row r="3718" spans="1:6" x14ac:dyDescent="0.25">
      <c r="A3718" s="4" t="s">
        <v>62</v>
      </c>
      <c r="B3718" s="1" t="s">
        <v>3150</v>
      </c>
      <c r="C3718" s="5" t="s">
        <v>4275</v>
      </c>
      <c r="D3718" s="1" t="s">
        <v>8522</v>
      </c>
      <c r="E3718" s="5" t="s">
        <v>12987</v>
      </c>
      <c r="F3718" s="6">
        <v>1598</v>
      </c>
    </row>
    <row r="3719" spans="1:6" x14ac:dyDescent="0.25">
      <c r="A3719" s="4" t="s">
        <v>62</v>
      </c>
      <c r="B3719" s="1" t="s">
        <v>3150</v>
      </c>
      <c r="C3719" s="5" t="s">
        <v>5222</v>
      </c>
      <c r="D3719" s="1" t="s">
        <v>9060</v>
      </c>
      <c r="E3719" s="5" t="s">
        <v>14154</v>
      </c>
      <c r="F3719" s="6">
        <v>2811</v>
      </c>
    </row>
    <row r="3720" spans="1:6" x14ac:dyDescent="0.25">
      <c r="A3720" s="4" t="s">
        <v>62</v>
      </c>
      <c r="B3720" s="1" t="s">
        <v>3150</v>
      </c>
      <c r="C3720" s="5" t="s">
        <v>5968</v>
      </c>
      <c r="D3720" s="1" t="s">
        <v>9536</v>
      </c>
      <c r="E3720" s="5" t="s">
        <v>15340</v>
      </c>
      <c r="F3720" s="6">
        <v>4077</v>
      </c>
    </row>
    <row r="3721" spans="1:6" x14ac:dyDescent="0.25">
      <c r="A3721" s="4" t="s">
        <v>62</v>
      </c>
      <c r="B3721" s="1" t="s">
        <v>3150</v>
      </c>
      <c r="C3721" s="5" t="s">
        <v>6035</v>
      </c>
      <c r="D3721" s="1" t="s">
        <v>9595</v>
      </c>
      <c r="E3721" s="5" t="s">
        <v>15441</v>
      </c>
      <c r="F3721" s="6">
        <v>4179</v>
      </c>
    </row>
    <row r="3722" spans="1:6" x14ac:dyDescent="0.25">
      <c r="A3722" s="4" t="s">
        <v>62</v>
      </c>
      <c r="B3722" s="1" t="s">
        <v>3150</v>
      </c>
      <c r="C3722" s="5" t="s">
        <v>3301</v>
      </c>
      <c r="D3722" s="1" t="s">
        <v>10388</v>
      </c>
      <c r="E3722" s="5" t="s">
        <v>16524</v>
      </c>
      <c r="F3722" s="6">
        <v>6159</v>
      </c>
    </row>
    <row r="3723" spans="1:6" x14ac:dyDescent="0.25">
      <c r="A3723" s="4" t="s">
        <v>62</v>
      </c>
      <c r="B3723" s="1" t="s">
        <v>3150</v>
      </c>
      <c r="C3723" s="5">
        <v>673001</v>
      </c>
      <c r="D3723" s="1" t="s">
        <v>11051</v>
      </c>
      <c r="E3723" s="5" t="s">
        <v>17380</v>
      </c>
      <c r="F3723" s="6">
        <v>8939</v>
      </c>
    </row>
    <row r="3724" spans="1:6" x14ac:dyDescent="0.25">
      <c r="A3724" s="4" t="s">
        <v>62</v>
      </c>
      <c r="B3724" s="1" t="s">
        <v>3150</v>
      </c>
      <c r="C3724" s="5" t="s">
        <v>7201</v>
      </c>
      <c r="D3724" s="1" t="s">
        <v>11382</v>
      </c>
      <c r="E3724" s="5" t="s">
        <v>17808</v>
      </c>
      <c r="F3724" s="6">
        <v>9434</v>
      </c>
    </row>
    <row r="3725" spans="1:6" x14ac:dyDescent="0.25">
      <c r="A3725" s="4" t="s">
        <v>2196</v>
      </c>
      <c r="B3725" s="1" t="s">
        <v>3155</v>
      </c>
      <c r="C3725" s="5" t="s">
        <v>5909</v>
      </c>
      <c r="D3725" s="1" t="s">
        <v>9467</v>
      </c>
      <c r="E3725" s="5" t="s">
        <v>15240</v>
      </c>
      <c r="F3725" s="6">
        <v>3975</v>
      </c>
    </row>
    <row r="3726" spans="1:6" x14ac:dyDescent="0.25">
      <c r="A3726" s="4" t="s">
        <v>2196</v>
      </c>
      <c r="B3726" s="1" t="s">
        <v>3155</v>
      </c>
      <c r="C3726" s="5" t="s">
        <v>3286</v>
      </c>
      <c r="D3726" s="1" t="s">
        <v>9650</v>
      </c>
      <c r="E3726" s="5" t="s">
        <v>15521</v>
      </c>
      <c r="F3726" s="6">
        <v>4259</v>
      </c>
    </row>
    <row r="3727" spans="1:6" x14ac:dyDescent="0.25">
      <c r="A3727" s="4" t="s">
        <v>789</v>
      </c>
      <c r="B3727" s="1" t="s">
        <v>3148</v>
      </c>
      <c r="C3727" s="5" t="s">
        <v>4517</v>
      </c>
      <c r="D3727" s="1" t="s">
        <v>8691</v>
      </c>
      <c r="E3727" s="5" t="s">
        <v>13295</v>
      </c>
      <c r="F3727" s="6">
        <v>1928</v>
      </c>
    </row>
    <row r="3728" spans="1:6" x14ac:dyDescent="0.25">
      <c r="A3728" s="4" t="s">
        <v>749</v>
      </c>
      <c r="B3728" s="1" t="s">
        <v>3146</v>
      </c>
      <c r="C3728" s="5" t="s">
        <v>4467</v>
      </c>
      <c r="D3728" s="1" t="s">
        <v>749</v>
      </c>
      <c r="E3728" s="5" t="s">
        <v>13235</v>
      </c>
      <c r="F3728" s="6">
        <v>1868</v>
      </c>
    </row>
    <row r="3729" spans="1:6" x14ac:dyDescent="0.25">
      <c r="A3729" s="4" t="s">
        <v>2793</v>
      </c>
      <c r="B3729" s="1" t="s">
        <v>3149</v>
      </c>
      <c r="C3729" s="5" t="s">
        <v>6776</v>
      </c>
      <c r="D3729" s="1" t="s">
        <v>10643</v>
      </c>
      <c r="E3729" s="5" t="s">
        <v>16857</v>
      </c>
      <c r="F3729" s="6">
        <v>7104</v>
      </c>
    </row>
    <row r="3730" spans="1:6" x14ac:dyDescent="0.25">
      <c r="A3730" s="4" t="s">
        <v>2003</v>
      </c>
      <c r="B3730" s="1" t="s">
        <v>3152</v>
      </c>
      <c r="C3730" s="5" t="s">
        <v>5274</v>
      </c>
      <c r="D3730" s="1" t="s">
        <v>2003</v>
      </c>
      <c r="E3730" s="5" t="s">
        <v>14841</v>
      </c>
      <c r="F3730" s="6">
        <v>3553</v>
      </c>
    </row>
    <row r="3731" spans="1:6" x14ac:dyDescent="0.25">
      <c r="A3731" s="4" t="s">
        <v>2363</v>
      </c>
      <c r="B3731" s="1" t="s">
        <v>3156</v>
      </c>
      <c r="C3731" s="5" t="s">
        <v>6158</v>
      </c>
      <c r="D3731" s="1" t="s">
        <v>2363</v>
      </c>
      <c r="E3731" s="5" t="s">
        <v>15637</v>
      </c>
      <c r="F3731" s="6">
        <v>4379</v>
      </c>
    </row>
    <row r="3732" spans="1:6" x14ac:dyDescent="0.25">
      <c r="A3732" s="4" t="s">
        <v>2964</v>
      </c>
      <c r="B3732" s="1" t="s">
        <v>3160</v>
      </c>
      <c r="C3732" s="5" t="s">
        <v>6989</v>
      </c>
      <c r="D3732" s="1" t="s">
        <v>2964</v>
      </c>
      <c r="E3732" s="5" t="s">
        <v>17395</v>
      </c>
      <c r="F3732" s="6">
        <v>9002</v>
      </c>
    </row>
    <row r="3733" spans="1:6" x14ac:dyDescent="0.25">
      <c r="A3733" s="4" t="s">
        <v>1225</v>
      </c>
      <c r="B3733" s="1" t="s">
        <v>3144</v>
      </c>
      <c r="C3733" s="5" t="s">
        <v>4665</v>
      </c>
      <c r="D3733" s="1" t="s">
        <v>1225</v>
      </c>
      <c r="E3733" s="5" t="s">
        <v>13844</v>
      </c>
      <c r="F3733" s="6">
        <v>2494</v>
      </c>
    </row>
    <row r="3734" spans="1:6" x14ac:dyDescent="0.25">
      <c r="A3734" s="4" t="s">
        <v>561</v>
      </c>
      <c r="B3734" s="1" t="s">
        <v>3150</v>
      </c>
      <c r="C3734" s="5" t="s">
        <v>4209</v>
      </c>
      <c r="D3734" s="1" t="s">
        <v>8449</v>
      </c>
      <c r="E3734" s="5" t="s">
        <v>12897</v>
      </c>
      <c r="F3734" s="6">
        <v>1499</v>
      </c>
    </row>
    <row r="3735" spans="1:6" x14ac:dyDescent="0.25">
      <c r="A3735" s="4" t="s">
        <v>1695</v>
      </c>
      <c r="B3735" s="1" t="s">
        <v>3158</v>
      </c>
      <c r="C3735" s="5" t="s">
        <v>5444</v>
      </c>
      <c r="D3735" s="1" t="s">
        <v>1695</v>
      </c>
      <c r="E3735" s="5" t="s">
        <v>14488</v>
      </c>
      <c r="F3735" s="6">
        <v>3173</v>
      </c>
    </row>
    <row r="3736" spans="1:6" x14ac:dyDescent="0.25">
      <c r="A3736" s="4" t="s">
        <v>1923</v>
      </c>
      <c r="B3736" s="1" t="s">
        <v>3165</v>
      </c>
      <c r="C3736" s="5" t="s">
        <v>5662</v>
      </c>
      <c r="D3736" s="1" t="s">
        <v>1923</v>
      </c>
      <c r="E3736" s="5" t="s">
        <v>14756</v>
      </c>
      <c r="F3736" s="6">
        <v>3467</v>
      </c>
    </row>
    <row r="3737" spans="1:6" x14ac:dyDescent="0.25">
      <c r="A3737" s="4" t="s">
        <v>1877</v>
      </c>
      <c r="B3737" s="1" t="s">
        <v>3160</v>
      </c>
      <c r="C3737" s="5" t="s">
        <v>5637</v>
      </c>
      <c r="D3737" s="1" t="s">
        <v>1877</v>
      </c>
      <c r="E3737" s="5" t="s">
        <v>14710</v>
      </c>
      <c r="F3737" s="6">
        <v>3417</v>
      </c>
    </row>
    <row r="3738" spans="1:6" x14ac:dyDescent="0.25">
      <c r="A3738" s="4" t="s">
        <v>2249</v>
      </c>
      <c r="B3738" s="1" t="s">
        <v>3160</v>
      </c>
      <c r="C3738" s="5" t="s">
        <v>5981</v>
      </c>
      <c r="D3738" s="1" t="s">
        <v>2249</v>
      </c>
      <c r="E3738" s="5" t="s">
        <v>15354</v>
      </c>
      <c r="F3738" s="6">
        <v>4091</v>
      </c>
    </row>
    <row r="3739" spans="1:6" x14ac:dyDescent="0.25">
      <c r="A3739" s="4" t="s">
        <v>1767</v>
      </c>
      <c r="B3739" s="1" t="s">
        <v>3152</v>
      </c>
      <c r="C3739" s="5" t="s">
        <v>5551</v>
      </c>
      <c r="D3739" s="1" t="s">
        <v>1767</v>
      </c>
      <c r="E3739" s="5" t="s">
        <v>14584</v>
      </c>
      <c r="F3739" s="6">
        <v>3276</v>
      </c>
    </row>
    <row r="3740" spans="1:6" x14ac:dyDescent="0.25">
      <c r="A3740" s="4" t="s">
        <v>2680</v>
      </c>
      <c r="B3740" s="1" t="s">
        <v>3153</v>
      </c>
      <c r="C3740" s="5" t="s">
        <v>6601</v>
      </c>
      <c r="D3740" s="1" t="s">
        <v>2680</v>
      </c>
      <c r="E3740" s="5" t="s">
        <v>16513</v>
      </c>
      <c r="F3740" s="6">
        <v>6118</v>
      </c>
    </row>
    <row r="3741" spans="1:6" x14ac:dyDescent="0.25">
      <c r="A3741" s="4" t="s">
        <v>562</v>
      </c>
      <c r="B3741" s="1" t="s">
        <v>3150</v>
      </c>
      <c r="C3741" s="5" t="s">
        <v>4210</v>
      </c>
      <c r="D3741" s="1" t="s">
        <v>8450</v>
      </c>
      <c r="E3741" s="5" t="s">
        <v>12898</v>
      </c>
      <c r="F3741" s="6">
        <v>1500</v>
      </c>
    </row>
    <row r="3742" spans="1:6" x14ac:dyDescent="0.25">
      <c r="A3742" s="4" t="s">
        <v>1436</v>
      </c>
      <c r="B3742" s="1" t="s">
        <v>3163</v>
      </c>
      <c r="C3742" s="5" t="s">
        <v>5251</v>
      </c>
      <c r="D3742" s="1" t="s">
        <v>1436</v>
      </c>
      <c r="E3742" s="5" t="s">
        <v>14202</v>
      </c>
      <c r="F3742" s="6">
        <v>2862</v>
      </c>
    </row>
    <row r="3743" spans="1:6" x14ac:dyDescent="0.25">
      <c r="A3743" s="4" t="s">
        <v>1861</v>
      </c>
      <c r="B3743" s="1" t="s">
        <v>3146</v>
      </c>
      <c r="C3743" s="5" t="s">
        <v>5628</v>
      </c>
      <c r="D3743" s="1" t="s">
        <v>1861</v>
      </c>
      <c r="E3743" s="5" t="s">
        <v>14692</v>
      </c>
      <c r="F3743" s="6">
        <v>3396</v>
      </c>
    </row>
    <row r="3744" spans="1:6" x14ac:dyDescent="0.25">
      <c r="A3744" s="4" t="s">
        <v>667</v>
      </c>
      <c r="B3744" s="1" t="s">
        <v>3165</v>
      </c>
      <c r="C3744" s="5" t="s">
        <v>4364</v>
      </c>
      <c r="D3744" s="1" t="s">
        <v>667</v>
      </c>
      <c r="E3744" s="5" t="s">
        <v>13104</v>
      </c>
      <c r="F3744" s="6">
        <v>1737</v>
      </c>
    </row>
    <row r="3745" spans="1:6" x14ac:dyDescent="0.25">
      <c r="A3745" s="4" t="s">
        <v>2581</v>
      </c>
      <c r="B3745" s="1" t="s">
        <v>3148</v>
      </c>
      <c r="C3745" s="5" t="s">
        <v>6490</v>
      </c>
      <c r="D3745" s="1" t="s">
        <v>2581</v>
      </c>
      <c r="E3745" s="5" t="s">
        <v>16302</v>
      </c>
      <c r="F3745" s="6">
        <v>5606</v>
      </c>
    </row>
    <row r="3746" spans="1:6" x14ac:dyDescent="0.25">
      <c r="A3746" s="4" t="s">
        <v>1800</v>
      </c>
      <c r="B3746" s="1" t="s">
        <v>3152</v>
      </c>
      <c r="C3746" s="5" t="s">
        <v>5574</v>
      </c>
      <c r="D3746" s="1" t="s">
        <v>9198</v>
      </c>
      <c r="E3746" s="5" t="s">
        <v>14621</v>
      </c>
      <c r="F3746" s="6">
        <v>3317</v>
      </c>
    </row>
    <row r="3747" spans="1:6" x14ac:dyDescent="0.25">
      <c r="A3747" s="4" t="s">
        <v>2797</v>
      </c>
      <c r="B3747" s="1" t="s">
        <v>3170</v>
      </c>
      <c r="C3747" s="5">
        <v>638183</v>
      </c>
      <c r="D3747" s="1" t="s">
        <v>10654</v>
      </c>
      <c r="E3747" s="5" t="s">
        <v>16870</v>
      </c>
      <c r="F3747" s="6">
        <v>7129</v>
      </c>
    </row>
    <row r="3748" spans="1:6" x14ac:dyDescent="0.25">
      <c r="A3748" s="4" t="s">
        <v>744</v>
      </c>
      <c r="B3748" s="1" t="s">
        <v>3146</v>
      </c>
      <c r="C3748" s="5" t="s">
        <v>4458</v>
      </c>
      <c r="D3748" s="1" t="s">
        <v>744</v>
      </c>
      <c r="E3748" s="5" t="s">
        <v>13223</v>
      </c>
      <c r="F3748" s="6">
        <v>1856</v>
      </c>
    </row>
    <row r="3749" spans="1:6" x14ac:dyDescent="0.25">
      <c r="A3749" s="4" t="s">
        <v>744</v>
      </c>
      <c r="B3749" s="1" t="s">
        <v>3146</v>
      </c>
      <c r="C3749" s="5" t="s">
        <v>4458</v>
      </c>
      <c r="D3749" s="1" t="s">
        <v>10037</v>
      </c>
      <c r="E3749" s="5" t="s">
        <v>16021</v>
      </c>
      <c r="F3749" s="6">
        <v>5002</v>
      </c>
    </row>
    <row r="3750" spans="1:6" x14ac:dyDescent="0.25">
      <c r="A3750" s="4" t="s">
        <v>2803</v>
      </c>
      <c r="B3750" s="1" t="s">
        <v>3161</v>
      </c>
      <c r="C3750" s="5" t="s">
        <v>6791</v>
      </c>
      <c r="D3750" s="1" t="s">
        <v>2803</v>
      </c>
      <c r="E3750" s="5" t="s">
        <v>16891</v>
      </c>
      <c r="F3750" s="6">
        <v>7186</v>
      </c>
    </row>
    <row r="3751" spans="1:6" x14ac:dyDescent="0.25">
      <c r="A3751" s="4" t="s">
        <v>1098</v>
      </c>
      <c r="B3751" s="1" t="s">
        <v>3149</v>
      </c>
      <c r="C3751" s="5" t="s">
        <v>4841</v>
      </c>
      <c r="D3751" s="1" t="s">
        <v>1098</v>
      </c>
      <c r="E3751" s="5" t="s">
        <v>13669</v>
      </c>
      <c r="F3751" s="6">
        <v>2315</v>
      </c>
    </row>
    <row r="3752" spans="1:6" x14ac:dyDescent="0.25">
      <c r="A3752" s="4" t="s">
        <v>2330</v>
      </c>
      <c r="B3752" s="1" t="s">
        <v>3158</v>
      </c>
      <c r="C3752" s="5" t="s">
        <v>6107</v>
      </c>
      <c r="D3752" s="1" t="s">
        <v>2330</v>
      </c>
      <c r="E3752" s="5" t="s">
        <v>15553</v>
      </c>
      <c r="F3752" s="6">
        <v>4294</v>
      </c>
    </row>
    <row r="3753" spans="1:6" x14ac:dyDescent="0.25">
      <c r="A3753" s="4" t="s">
        <v>1099</v>
      </c>
      <c r="B3753" s="1" t="s">
        <v>3149</v>
      </c>
      <c r="C3753" s="5" t="s">
        <v>4842</v>
      </c>
      <c r="D3753" s="1" t="s">
        <v>1099</v>
      </c>
      <c r="E3753" s="5" t="s">
        <v>13670</v>
      </c>
      <c r="F3753" s="6">
        <v>2316</v>
      </c>
    </row>
    <row r="3754" spans="1:6" x14ac:dyDescent="0.25">
      <c r="A3754" s="4" t="s">
        <v>2476</v>
      </c>
      <c r="B3754" s="1" t="s">
        <v>3150</v>
      </c>
      <c r="C3754" s="5" t="s">
        <v>6348</v>
      </c>
      <c r="D3754" s="1" t="s">
        <v>10031</v>
      </c>
      <c r="E3754" s="5" t="s">
        <v>16012</v>
      </c>
      <c r="F3754" s="6">
        <v>4971</v>
      </c>
    </row>
    <row r="3755" spans="1:6" x14ac:dyDescent="0.25">
      <c r="A3755" s="4" t="s">
        <v>246</v>
      </c>
      <c r="B3755" s="1" t="s">
        <v>3154</v>
      </c>
      <c r="C3755" s="5" t="s">
        <v>3673</v>
      </c>
      <c r="D3755" s="1" t="s">
        <v>7838</v>
      </c>
      <c r="E3755" s="5" t="s">
        <v>12141</v>
      </c>
      <c r="F3755" s="6">
        <v>612</v>
      </c>
    </row>
    <row r="3756" spans="1:6" x14ac:dyDescent="0.25">
      <c r="A3756" s="4" t="s">
        <v>2772</v>
      </c>
      <c r="B3756" s="1" t="s">
        <v>3149</v>
      </c>
      <c r="C3756" s="5" t="s">
        <v>6736</v>
      </c>
      <c r="D3756" s="1" t="s">
        <v>2772</v>
      </c>
      <c r="E3756" s="5" t="s">
        <v>16779</v>
      </c>
      <c r="F3756" s="6">
        <v>6922</v>
      </c>
    </row>
    <row r="3757" spans="1:6" x14ac:dyDescent="0.25">
      <c r="A3757" s="4" t="s">
        <v>2742</v>
      </c>
      <c r="B3757" s="1" t="s">
        <v>3161</v>
      </c>
      <c r="C3757" s="5" t="s">
        <v>6688</v>
      </c>
      <c r="D3757" s="1" t="s">
        <v>2742</v>
      </c>
      <c r="E3757" s="5" t="s">
        <v>16699</v>
      </c>
      <c r="F3757" s="6">
        <v>6622</v>
      </c>
    </row>
    <row r="3758" spans="1:6" x14ac:dyDescent="0.25">
      <c r="A3758" s="4" t="s">
        <v>483</v>
      </c>
      <c r="B3758" s="1" t="s">
        <v>3150</v>
      </c>
      <c r="C3758" s="5" t="s">
        <v>4093</v>
      </c>
      <c r="D3758" s="1" t="s">
        <v>483</v>
      </c>
      <c r="E3758" s="5" t="s">
        <v>12691</v>
      </c>
      <c r="F3758" s="6">
        <v>1287</v>
      </c>
    </row>
    <row r="3759" spans="1:6" x14ac:dyDescent="0.25">
      <c r="A3759" s="4" t="s">
        <v>1511</v>
      </c>
      <c r="B3759" s="1" t="s">
        <v>3163</v>
      </c>
      <c r="C3759" s="5" t="s">
        <v>5330</v>
      </c>
      <c r="D3759" s="1" t="s">
        <v>1511</v>
      </c>
      <c r="E3759" s="5" t="s">
        <v>14289</v>
      </c>
      <c r="F3759" s="6">
        <v>2951</v>
      </c>
    </row>
    <row r="3760" spans="1:6" x14ac:dyDescent="0.25">
      <c r="A3760" s="4" t="s">
        <v>2185</v>
      </c>
      <c r="B3760" s="1" t="s">
        <v>3160</v>
      </c>
      <c r="C3760" s="5" t="s">
        <v>5892</v>
      </c>
      <c r="D3760" s="1" t="s">
        <v>2185</v>
      </c>
      <c r="E3760" s="5" t="s">
        <v>15204</v>
      </c>
      <c r="F3760" s="6">
        <v>3938</v>
      </c>
    </row>
    <row r="3761" spans="1:6" x14ac:dyDescent="0.25">
      <c r="A3761" s="4" t="s">
        <v>507</v>
      </c>
      <c r="B3761" s="1" t="s">
        <v>3152</v>
      </c>
      <c r="C3761" s="5" t="s">
        <v>4135</v>
      </c>
      <c r="D3761" s="1" t="s">
        <v>507</v>
      </c>
      <c r="E3761" s="5" t="s">
        <v>12774</v>
      </c>
      <c r="F3761" s="6">
        <v>1371</v>
      </c>
    </row>
    <row r="3762" spans="1:6" x14ac:dyDescent="0.25">
      <c r="A3762" s="4" t="s">
        <v>563</v>
      </c>
      <c r="B3762" s="1" t="s">
        <v>3150</v>
      </c>
      <c r="C3762" s="5" t="s">
        <v>4211</v>
      </c>
      <c r="D3762" s="1" t="s">
        <v>563</v>
      </c>
      <c r="E3762" s="5" t="s">
        <v>12899</v>
      </c>
      <c r="F3762" s="6">
        <v>1501</v>
      </c>
    </row>
    <row r="3763" spans="1:6" x14ac:dyDescent="0.25">
      <c r="A3763" s="4" t="s">
        <v>287</v>
      </c>
      <c r="B3763" s="1" t="s">
        <v>3155</v>
      </c>
      <c r="C3763" s="5" t="s">
        <v>3758</v>
      </c>
      <c r="D3763" s="1" t="s">
        <v>287</v>
      </c>
      <c r="E3763" s="5" t="s">
        <v>12251</v>
      </c>
      <c r="F3763" s="6">
        <v>742</v>
      </c>
    </row>
    <row r="3764" spans="1:6" x14ac:dyDescent="0.25">
      <c r="A3764" s="4" t="s">
        <v>287</v>
      </c>
      <c r="B3764" s="1" t="s">
        <v>3155</v>
      </c>
      <c r="C3764" s="5" t="s">
        <v>6021</v>
      </c>
      <c r="D3764" s="1" t="s">
        <v>9581</v>
      </c>
      <c r="E3764" s="5" t="s">
        <v>15421</v>
      </c>
      <c r="F3764" s="6">
        <v>4159</v>
      </c>
    </row>
    <row r="3765" spans="1:6" x14ac:dyDescent="0.25">
      <c r="A3765" s="4" t="s">
        <v>287</v>
      </c>
      <c r="B3765" s="1" t="s">
        <v>3155</v>
      </c>
      <c r="C3765" s="5">
        <v>518003</v>
      </c>
      <c r="D3765" s="1" t="s">
        <v>10367</v>
      </c>
      <c r="E3765" s="5" t="s">
        <v>16487</v>
      </c>
      <c r="F3765" s="6">
        <v>6035</v>
      </c>
    </row>
    <row r="3766" spans="1:6" x14ac:dyDescent="0.25">
      <c r="A3766" s="4" t="s">
        <v>287</v>
      </c>
      <c r="B3766" s="1" t="s">
        <v>3155</v>
      </c>
      <c r="C3766" s="5" t="s">
        <v>6642</v>
      </c>
      <c r="D3766" s="1" t="s">
        <v>10450</v>
      </c>
      <c r="E3766" s="5" t="s">
        <v>16603</v>
      </c>
      <c r="F3766" s="6">
        <v>6344</v>
      </c>
    </row>
    <row r="3767" spans="1:6" x14ac:dyDescent="0.25">
      <c r="A3767" s="4" t="s">
        <v>287</v>
      </c>
      <c r="B3767" s="1" t="s">
        <v>3155</v>
      </c>
      <c r="C3767" s="5" t="s">
        <v>6021</v>
      </c>
      <c r="D3767" s="1" t="s">
        <v>10623</v>
      </c>
      <c r="E3767" s="5" t="s">
        <v>16832</v>
      </c>
      <c r="F3767" s="6">
        <v>7055</v>
      </c>
    </row>
    <row r="3768" spans="1:6" x14ac:dyDescent="0.25">
      <c r="A3768" s="4" t="s">
        <v>2887</v>
      </c>
      <c r="B3768" s="1" t="s">
        <v>3155</v>
      </c>
      <c r="C3768" s="5">
        <v>518002</v>
      </c>
      <c r="D3768" s="1" t="s">
        <v>10868</v>
      </c>
      <c r="E3768" s="5" t="s">
        <v>17150</v>
      </c>
      <c r="F3768" s="6">
        <v>8054</v>
      </c>
    </row>
    <row r="3769" spans="1:6" x14ac:dyDescent="0.25">
      <c r="A3769" s="4" t="s">
        <v>3033</v>
      </c>
      <c r="B3769" s="1" t="s">
        <v>3148</v>
      </c>
      <c r="C3769" s="5" t="s">
        <v>7123</v>
      </c>
      <c r="D3769" s="1" t="s">
        <v>3033</v>
      </c>
      <c r="E3769" s="5" t="s">
        <v>17619</v>
      </c>
      <c r="F3769" s="6">
        <v>9236</v>
      </c>
    </row>
    <row r="3770" spans="1:6" x14ac:dyDescent="0.25">
      <c r="A3770" s="4" t="s">
        <v>2984</v>
      </c>
      <c r="B3770" s="1" t="s">
        <v>3161</v>
      </c>
      <c r="C3770" s="5" t="s">
        <v>7029</v>
      </c>
      <c r="D3770" s="1" t="s">
        <v>2984</v>
      </c>
      <c r="E3770" s="5" t="s">
        <v>17462</v>
      </c>
      <c r="F3770" s="6">
        <v>9073</v>
      </c>
    </row>
    <row r="3771" spans="1:6" x14ac:dyDescent="0.25">
      <c r="A3771" s="4" t="s">
        <v>158</v>
      </c>
      <c r="B3771" s="1" t="s">
        <v>3154</v>
      </c>
      <c r="C3771" s="5" t="s">
        <v>3452</v>
      </c>
      <c r="D3771" s="1" t="s">
        <v>7583</v>
      </c>
      <c r="E3771" s="5" t="s">
        <v>11870</v>
      </c>
      <c r="F3771" s="6">
        <v>302</v>
      </c>
    </row>
    <row r="3772" spans="1:6" x14ac:dyDescent="0.25">
      <c r="A3772" s="4" t="s">
        <v>158</v>
      </c>
      <c r="B3772" s="1" t="s">
        <v>3154</v>
      </c>
      <c r="C3772" s="5">
        <v>136128</v>
      </c>
      <c r="D3772" s="1" t="s">
        <v>7984</v>
      </c>
      <c r="E3772" s="5" t="s">
        <v>12303</v>
      </c>
      <c r="F3772" s="6">
        <v>797</v>
      </c>
    </row>
    <row r="3773" spans="1:6" x14ac:dyDescent="0.25">
      <c r="A3773" s="4" t="s">
        <v>158</v>
      </c>
      <c r="B3773" s="1" t="s">
        <v>3154</v>
      </c>
      <c r="C3773" s="5" t="s">
        <v>3864</v>
      </c>
      <c r="D3773" s="1" t="s">
        <v>8031</v>
      </c>
      <c r="E3773" s="5" t="s">
        <v>12365</v>
      </c>
      <c r="F3773" s="6">
        <v>871</v>
      </c>
    </row>
    <row r="3774" spans="1:6" x14ac:dyDescent="0.25">
      <c r="A3774" s="4" t="s">
        <v>158</v>
      </c>
      <c r="B3774" s="1" t="s">
        <v>3154</v>
      </c>
      <c r="C3774" s="5" t="s">
        <v>5473</v>
      </c>
      <c r="D3774" s="1" t="s">
        <v>9155</v>
      </c>
      <c r="E3774" s="5" t="s">
        <v>14477</v>
      </c>
      <c r="F3774" s="6">
        <v>3162</v>
      </c>
    </row>
    <row r="3775" spans="1:6" x14ac:dyDescent="0.25">
      <c r="A3775" s="4" t="s">
        <v>158</v>
      </c>
      <c r="B3775" s="1" t="s">
        <v>3154</v>
      </c>
      <c r="C3775" s="5" t="s">
        <v>5508</v>
      </c>
      <c r="D3775" s="1" t="s">
        <v>9164</v>
      </c>
      <c r="E3775" s="5" t="s">
        <v>14523</v>
      </c>
      <c r="F3775" s="6">
        <v>3211</v>
      </c>
    </row>
    <row r="3776" spans="1:6" x14ac:dyDescent="0.25">
      <c r="A3776" s="4" t="s">
        <v>158</v>
      </c>
      <c r="B3776" s="1" t="s">
        <v>3154</v>
      </c>
      <c r="C3776" s="5" t="s">
        <v>5520</v>
      </c>
      <c r="D3776" s="1" t="s">
        <v>9175</v>
      </c>
      <c r="E3776" s="5" t="s">
        <v>14540</v>
      </c>
      <c r="F3776" s="6">
        <v>3229</v>
      </c>
    </row>
    <row r="3777" spans="1:6" x14ac:dyDescent="0.25">
      <c r="A3777" s="4" t="s">
        <v>158</v>
      </c>
      <c r="B3777" s="1" t="s">
        <v>3154</v>
      </c>
      <c r="C3777" s="5" t="s">
        <v>5523</v>
      </c>
      <c r="D3777" s="1" t="s">
        <v>9178</v>
      </c>
      <c r="E3777" s="5" t="s">
        <v>14544</v>
      </c>
      <c r="F3777" s="6">
        <v>3234</v>
      </c>
    </row>
    <row r="3778" spans="1:6" x14ac:dyDescent="0.25">
      <c r="A3778" s="4" t="s">
        <v>158</v>
      </c>
      <c r="B3778" s="1" t="s">
        <v>3154</v>
      </c>
      <c r="C3778" s="5" t="s">
        <v>5868</v>
      </c>
      <c r="D3778" s="1" t="s">
        <v>9415</v>
      </c>
      <c r="E3778" s="5" t="s">
        <v>15164</v>
      </c>
      <c r="F3778" s="6">
        <v>3896</v>
      </c>
    </row>
    <row r="3779" spans="1:6" x14ac:dyDescent="0.25">
      <c r="A3779" s="4" t="s">
        <v>158</v>
      </c>
      <c r="B3779" s="1" t="s">
        <v>3154</v>
      </c>
      <c r="C3779" s="5" t="s">
        <v>5523</v>
      </c>
      <c r="D3779" s="1" t="s">
        <v>9426</v>
      </c>
      <c r="E3779" s="5" t="s">
        <v>15180</v>
      </c>
      <c r="F3779" s="6">
        <v>3913</v>
      </c>
    </row>
    <row r="3780" spans="1:6" x14ac:dyDescent="0.25">
      <c r="A3780" s="4" t="s">
        <v>158</v>
      </c>
      <c r="B3780" s="1" t="s">
        <v>3154</v>
      </c>
      <c r="C3780" s="5" t="s">
        <v>3452</v>
      </c>
      <c r="D3780" s="1" t="s">
        <v>10739</v>
      </c>
      <c r="E3780" s="5" t="s">
        <v>16977</v>
      </c>
      <c r="F3780" s="6">
        <v>7457</v>
      </c>
    </row>
    <row r="3781" spans="1:6" x14ac:dyDescent="0.25">
      <c r="A3781" s="4" t="s">
        <v>3060</v>
      </c>
      <c r="B3781" s="1" t="s">
        <v>3144</v>
      </c>
      <c r="C3781" s="5" t="s">
        <v>7176</v>
      </c>
      <c r="D3781" s="1" t="s">
        <v>3060</v>
      </c>
      <c r="E3781" s="5" t="s">
        <v>17720</v>
      </c>
      <c r="F3781" s="6">
        <v>9342</v>
      </c>
    </row>
    <row r="3782" spans="1:6" x14ac:dyDescent="0.25">
      <c r="A3782" s="4" t="s">
        <v>2850</v>
      </c>
      <c r="B3782" s="1" t="s">
        <v>3156</v>
      </c>
      <c r="C3782" s="5">
        <v>327801</v>
      </c>
      <c r="D3782" s="1" t="s">
        <v>2850</v>
      </c>
      <c r="E3782" s="5" t="s">
        <v>17017</v>
      </c>
      <c r="F3782" s="6">
        <v>7594</v>
      </c>
    </row>
    <row r="3783" spans="1:6" x14ac:dyDescent="0.25">
      <c r="A3783" s="4" t="s">
        <v>3085</v>
      </c>
      <c r="B3783" s="1" t="s">
        <v>3149</v>
      </c>
      <c r="C3783" s="5" t="s">
        <v>7239</v>
      </c>
      <c r="D3783" s="1" t="s">
        <v>3085</v>
      </c>
      <c r="E3783" s="5" t="s">
        <v>17910</v>
      </c>
      <c r="F3783" s="6">
        <v>9539</v>
      </c>
    </row>
    <row r="3784" spans="1:6" x14ac:dyDescent="0.25">
      <c r="A3784" s="4" t="s">
        <v>2828</v>
      </c>
      <c r="B3784" s="1" t="s">
        <v>3158</v>
      </c>
      <c r="C3784" s="5" t="s">
        <v>6822</v>
      </c>
      <c r="D3784" s="1" t="s">
        <v>10720</v>
      </c>
      <c r="E3784" s="5" t="s">
        <v>16955</v>
      </c>
      <c r="F3784" s="6">
        <v>7402</v>
      </c>
    </row>
    <row r="3785" spans="1:6" x14ac:dyDescent="0.25">
      <c r="A3785" s="4" t="s">
        <v>2627</v>
      </c>
      <c r="B3785" s="1" t="s">
        <v>3181</v>
      </c>
      <c r="C3785" s="5">
        <v>584121</v>
      </c>
      <c r="D3785" s="1" t="s">
        <v>2627</v>
      </c>
      <c r="E3785" s="5" t="s">
        <v>16391</v>
      </c>
      <c r="F3785" s="6">
        <v>5810</v>
      </c>
    </row>
    <row r="3786" spans="1:6" x14ac:dyDescent="0.25">
      <c r="A3786" s="4" t="s">
        <v>3132</v>
      </c>
      <c r="B3786" s="1" t="s">
        <v>3156</v>
      </c>
      <c r="C3786" s="5" t="s">
        <v>7308</v>
      </c>
      <c r="D3786" s="1" t="s">
        <v>3132</v>
      </c>
      <c r="E3786" s="5" t="s">
        <v>18040</v>
      </c>
      <c r="F3786" s="6">
        <v>9673</v>
      </c>
    </row>
    <row r="3787" spans="1:6" x14ac:dyDescent="0.25">
      <c r="A3787" s="4" t="s">
        <v>2284</v>
      </c>
      <c r="B3787" s="1" t="s">
        <v>3158</v>
      </c>
      <c r="C3787" s="5" t="s">
        <v>6033</v>
      </c>
      <c r="D3787" s="1" t="s">
        <v>2284</v>
      </c>
      <c r="E3787" s="5" t="s">
        <v>15438</v>
      </c>
      <c r="F3787" s="6">
        <v>4176</v>
      </c>
    </row>
    <row r="3788" spans="1:6" x14ac:dyDescent="0.25">
      <c r="A3788" s="4" t="s">
        <v>2436</v>
      </c>
      <c r="B3788" s="1" t="s">
        <v>3154</v>
      </c>
      <c r="C3788" s="5" t="s">
        <v>6301</v>
      </c>
      <c r="D3788" s="1" t="s">
        <v>2436</v>
      </c>
      <c r="E3788" s="5" t="s">
        <v>15900</v>
      </c>
      <c r="F3788" s="6">
        <v>4816</v>
      </c>
    </row>
    <row r="3789" spans="1:6" x14ac:dyDescent="0.25">
      <c r="A3789" s="4" t="s">
        <v>3006</v>
      </c>
      <c r="B3789" s="1" t="s">
        <v>3161</v>
      </c>
      <c r="C3789" s="5" t="s">
        <v>7070</v>
      </c>
      <c r="D3789" s="1" t="s">
        <v>3006</v>
      </c>
      <c r="E3789" s="5" t="s">
        <v>17540</v>
      </c>
      <c r="F3789" s="6">
        <v>9154</v>
      </c>
    </row>
    <row r="3790" spans="1:6" x14ac:dyDescent="0.25">
      <c r="A3790" s="4" t="s">
        <v>780</v>
      </c>
      <c r="B3790" s="1" t="s">
        <v>3158</v>
      </c>
      <c r="C3790" s="5" t="s">
        <v>4505</v>
      </c>
      <c r="D3790" s="1" t="s">
        <v>780</v>
      </c>
      <c r="E3790" s="5" t="s">
        <v>13281</v>
      </c>
      <c r="F3790" s="6">
        <v>1914</v>
      </c>
    </row>
    <row r="3791" spans="1:6" x14ac:dyDescent="0.25">
      <c r="A3791" s="4" t="s">
        <v>2956</v>
      </c>
      <c r="B3791" s="1" t="s">
        <v>3158</v>
      </c>
      <c r="C3791" s="5" t="s">
        <v>4505</v>
      </c>
      <c r="D3791" s="1" t="s">
        <v>11040</v>
      </c>
      <c r="E3791" s="5" t="s">
        <v>17367</v>
      </c>
      <c r="F3791" s="6">
        <v>8902</v>
      </c>
    </row>
    <row r="3792" spans="1:6" x14ac:dyDescent="0.25">
      <c r="A3792" s="4" t="s">
        <v>3045</v>
      </c>
      <c r="B3792" s="1" t="s">
        <v>3164</v>
      </c>
      <c r="C3792" s="5" t="s">
        <v>7151</v>
      </c>
      <c r="D3792" s="1" t="s">
        <v>3045</v>
      </c>
      <c r="E3792" s="5" t="s">
        <v>17677</v>
      </c>
      <c r="F3792" s="6">
        <v>9295</v>
      </c>
    </row>
    <row r="3793" spans="1:6" x14ac:dyDescent="0.25">
      <c r="A3793" s="4" t="s">
        <v>1288</v>
      </c>
      <c r="B3793" s="1" t="s">
        <v>812</v>
      </c>
      <c r="C3793" s="5" t="s">
        <v>5073</v>
      </c>
      <c r="D3793" s="1" t="s">
        <v>1288</v>
      </c>
      <c r="E3793" s="5" t="s">
        <v>13954</v>
      </c>
      <c r="F3793" s="6">
        <v>2606</v>
      </c>
    </row>
    <row r="3794" spans="1:6" x14ac:dyDescent="0.25">
      <c r="A3794" s="4" t="s">
        <v>2574</v>
      </c>
      <c r="B3794" s="1" t="s">
        <v>3153</v>
      </c>
      <c r="C3794" s="5" t="s">
        <v>6482</v>
      </c>
      <c r="D3794" s="1" t="s">
        <v>2574</v>
      </c>
      <c r="E3794" s="5" t="s">
        <v>16292</v>
      </c>
      <c r="F3794" s="6">
        <v>5588</v>
      </c>
    </row>
    <row r="3795" spans="1:6" x14ac:dyDescent="0.25">
      <c r="A3795" s="4" t="s">
        <v>1958</v>
      </c>
      <c r="B3795" s="1" t="s">
        <v>3152</v>
      </c>
      <c r="C3795" s="5" t="s">
        <v>3810</v>
      </c>
      <c r="D3795" s="1" t="s">
        <v>1958</v>
      </c>
      <c r="E3795" s="5" t="s">
        <v>14793</v>
      </c>
      <c r="F3795" s="6">
        <v>3504</v>
      </c>
    </row>
    <row r="3796" spans="1:6" x14ac:dyDescent="0.25">
      <c r="A3796" s="4" t="s">
        <v>1253</v>
      </c>
      <c r="B3796" s="1" t="s">
        <v>3158</v>
      </c>
      <c r="C3796" s="5" t="s">
        <v>5028</v>
      </c>
      <c r="D3796" s="1" t="s">
        <v>1253</v>
      </c>
      <c r="E3796" s="5" t="s">
        <v>13896</v>
      </c>
      <c r="F3796" s="6">
        <v>2547</v>
      </c>
    </row>
    <row r="3797" spans="1:6" x14ac:dyDescent="0.25">
      <c r="A3797" s="4" t="s">
        <v>1253</v>
      </c>
      <c r="B3797" s="1" t="s">
        <v>812</v>
      </c>
      <c r="C3797" s="5" t="s">
        <v>7004</v>
      </c>
      <c r="D3797" s="1" t="s">
        <v>11079</v>
      </c>
      <c r="E3797" s="5" t="s">
        <v>17421</v>
      </c>
      <c r="F3797" s="6">
        <v>9029</v>
      </c>
    </row>
    <row r="3798" spans="1:6" x14ac:dyDescent="0.25">
      <c r="A3798" s="4" t="s">
        <v>2226</v>
      </c>
      <c r="B3798" s="1" t="s">
        <v>3158</v>
      </c>
      <c r="C3798" s="5" t="s">
        <v>5949</v>
      </c>
      <c r="D3798" s="1" t="s">
        <v>9516</v>
      </c>
      <c r="E3798" s="5" t="s">
        <v>15311</v>
      </c>
      <c r="F3798" s="6">
        <v>4048</v>
      </c>
    </row>
    <row r="3799" spans="1:6" x14ac:dyDescent="0.25">
      <c r="A3799" s="4" t="s">
        <v>2531</v>
      </c>
      <c r="B3799" s="1" t="s">
        <v>3156</v>
      </c>
      <c r="C3799" s="5" t="s">
        <v>6433</v>
      </c>
      <c r="D3799" s="1" t="s">
        <v>2531</v>
      </c>
      <c r="E3799" s="5" t="s">
        <v>16207</v>
      </c>
      <c r="F3799" s="6">
        <v>5365</v>
      </c>
    </row>
    <row r="3800" spans="1:6" x14ac:dyDescent="0.25">
      <c r="A3800" s="4" t="s">
        <v>882</v>
      </c>
      <c r="B3800" s="1" t="s">
        <v>3158</v>
      </c>
      <c r="C3800" s="5" t="s">
        <v>4627</v>
      </c>
      <c r="D3800" s="1" t="s">
        <v>882</v>
      </c>
      <c r="E3800" s="5" t="s">
        <v>13435</v>
      </c>
      <c r="F3800" s="6">
        <v>2070</v>
      </c>
    </row>
    <row r="3801" spans="1:6" x14ac:dyDescent="0.25">
      <c r="A3801" s="4" t="s">
        <v>2630</v>
      </c>
      <c r="B3801" s="1" t="s">
        <v>3162</v>
      </c>
      <c r="C3801" s="5" t="s">
        <v>6544</v>
      </c>
      <c r="D3801" s="1" t="s">
        <v>2630</v>
      </c>
      <c r="E3801" s="5" t="s">
        <v>16398</v>
      </c>
      <c r="F3801" s="6">
        <v>5826</v>
      </c>
    </row>
    <row r="3802" spans="1:6" x14ac:dyDescent="0.25">
      <c r="A3802" s="4" t="s">
        <v>2033</v>
      </c>
      <c r="B3802" s="1" t="s">
        <v>3158</v>
      </c>
      <c r="C3802" s="5" t="s">
        <v>5723</v>
      </c>
      <c r="D3802" s="1" t="s">
        <v>9235</v>
      </c>
      <c r="E3802" s="5" t="s">
        <v>14873</v>
      </c>
      <c r="F3802" s="6">
        <v>3589</v>
      </c>
    </row>
    <row r="3803" spans="1:6" x14ac:dyDescent="0.25">
      <c r="A3803" s="4" t="s">
        <v>1718</v>
      </c>
      <c r="B3803" s="1" t="s">
        <v>3147</v>
      </c>
      <c r="C3803" s="5" t="s">
        <v>5500</v>
      </c>
      <c r="D3803" s="1" t="s">
        <v>2033</v>
      </c>
      <c r="E3803" s="5" t="s">
        <v>14515</v>
      </c>
      <c r="F3803" s="6">
        <v>3202</v>
      </c>
    </row>
    <row r="3804" spans="1:6" x14ac:dyDescent="0.25">
      <c r="A3804" s="4" t="s">
        <v>1546</v>
      </c>
      <c r="B3804" s="1" t="s">
        <v>3152</v>
      </c>
      <c r="C3804" s="5" t="s">
        <v>5365</v>
      </c>
      <c r="D3804" s="1" t="s">
        <v>1546</v>
      </c>
      <c r="E3804" s="5" t="s">
        <v>14327</v>
      </c>
      <c r="F3804" s="6">
        <v>2989</v>
      </c>
    </row>
    <row r="3805" spans="1:6" x14ac:dyDescent="0.25">
      <c r="A3805" s="4" t="s">
        <v>1828</v>
      </c>
      <c r="B3805" s="1" t="s">
        <v>3156</v>
      </c>
      <c r="C3805" s="5" t="s">
        <v>5602</v>
      </c>
      <c r="D3805" s="1" t="s">
        <v>1828</v>
      </c>
      <c r="E3805" s="5" t="s">
        <v>14657</v>
      </c>
      <c r="F3805" s="6">
        <v>3355</v>
      </c>
    </row>
    <row r="3806" spans="1:6" x14ac:dyDescent="0.25">
      <c r="A3806" s="4" t="s">
        <v>1712</v>
      </c>
      <c r="B3806" s="1" t="s">
        <v>3152</v>
      </c>
      <c r="C3806" s="5" t="s">
        <v>5339</v>
      </c>
      <c r="D3806" s="1" t="s">
        <v>1712</v>
      </c>
      <c r="E3806" s="5" t="s">
        <v>14507</v>
      </c>
      <c r="F3806" s="6">
        <v>3194</v>
      </c>
    </row>
    <row r="3807" spans="1:6" x14ac:dyDescent="0.25">
      <c r="A3807" s="4" t="s">
        <v>1030</v>
      </c>
      <c r="B3807" s="1" t="s">
        <v>3152</v>
      </c>
      <c r="C3807" s="5" t="s">
        <v>4773</v>
      </c>
      <c r="D3807" s="1" t="s">
        <v>1030</v>
      </c>
      <c r="E3807" s="5" t="s">
        <v>13597</v>
      </c>
      <c r="F3807" s="6">
        <v>2238</v>
      </c>
    </row>
    <row r="3808" spans="1:6" x14ac:dyDescent="0.25">
      <c r="A3808" s="4" t="s">
        <v>1579</v>
      </c>
      <c r="B3808" s="1" t="s">
        <v>3152</v>
      </c>
      <c r="C3808" s="5" t="s">
        <v>5400</v>
      </c>
      <c r="D3808" s="1" t="s">
        <v>9135</v>
      </c>
      <c r="E3808" s="5" t="s">
        <v>14364</v>
      </c>
      <c r="F3808" s="6">
        <v>3029</v>
      </c>
    </row>
    <row r="3809" spans="1:6" x14ac:dyDescent="0.25">
      <c r="A3809" s="4" t="s">
        <v>3058</v>
      </c>
      <c r="B3809" s="1" t="s">
        <v>3144</v>
      </c>
      <c r="C3809" s="5" t="s">
        <v>7174</v>
      </c>
      <c r="D3809" s="1" t="s">
        <v>3058</v>
      </c>
      <c r="E3809" s="5" t="s">
        <v>17718</v>
      </c>
      <c r="F3809" s="6">
        <v>9340</v>
      </c>
    </row>
    <row r="3810" spans="1:6" x14ac:dyDescent="0.25">
      <c r="A3810" s="4" t="s">
        <v>2020</v>
      </c>
      <c r="B3810" s="1" t="s">
        <v>3147</v>
      </c>
      <c r="C3810" s="5" t="s">
        <v>5717</v>
      </c>
      <c r="D3810" s="1" t="s">
        <v>2020</v>
      </c>
      <c r="E3810" s="5" t="s">
        <v>14859</v>
      </c>
      <c r="F3810" s="6">
        <v>3574</v>
      </c>
    </row>
    <row r="3811" spans="1:6" x14ac:dyDescent="0.25">
      <c r="A3811" s="4" t="s">
        <v>2264</v>
      </c>
      <c r="B3811" s="1" t="s">
        <v>3144</v>
      </c>
      <c r="C3811" s="5" t="s">
        <v>6000</v>
      </c>
      <c r="D3811" s="1" t="s">
        <v>2264</v>
      </c>
      <c r="E3811" s="5" t="s">
        <v>15391</v>
      </c>
      <c r="F3811" s="6">
        <v>4128</v>
      </c>
    </row>
    <row r="3812" spans="1:6" x14ac:dyDescent="0.25">
      <c r="A3812" s="4" t="s">
        <v>2827</v>
      </c>
      <c r="B3812" s="1" t="s">
        <v>3144</v>
      </c>
      <c r="C3812" s="5" t="s">
        <v>6821</v>
      </c>
      <c r="D3812" s="1" t="s">
        <v>10719</v>
      </c>
      <c r="E3812" s="5" t="s">
        <v>16954</v>
      </c>
      <c r="F3812" s="6">
        <v>7394</v>
      </c>
    </row>
    <row r="3813" spans="1:6" x14ac:dyDescent="0.25">
      <c r="A3813" s="4" t="s">
        <v>2961</v>
      </c>
      <c r="B3813" s="1" t="s">
        <v>3159</v>
      </c>
      <c r="C3813" s="5" t="s">
        <v>6983</v>
      </c>
      <c r="D3813" s="1" t="s">
        <v>2961</v>
      </c>
      <c r="E3813" s="5" t="s">
        <v>17385</v>
      </c>
      <c r="F3813" s="6">
        <v>8962</v>
      </c>
    </row>
    <row r="3814" spans="1:6" x14ac:dyDescent="0.25">
      <c r="A3814" s="4" t="s">
        <v>183</v>
      </c>
      <c r="B3814" s="1" t="s">
        <v>3144</v>
      </c>
      <c r="C3814" s="5" t="s">
        <v>3504</v>
      </c>
      <c r="D3814" s="1" t="s">
        <v>7638</v>
      </c>
      <c r="E3814" s="5" t="s">
        <v>11927</v>
      </c>
      <c r="F3814" s="6">
        <v>360</v>
      </c>
    </row>
    <row r="3815" spans="1:6" x14ac:dyDescent="0.25">
      <c r="A3815" s="4" t="s">
        <v>183</v>
      </c>
      <c r="B3815" s="1" t="s">
        <v>3144</v>
      </c>
      <c r="C3815" s="5" t="s">
        <v>3504</v>
      </c>
      <c r="D3815" s="1" t="s">
        <v>10572</v>
      </c>
      <c r="E3815" s="5" t="s">
        <v>16765</v>
      </c>
      <c r="F3815" s="6">
        <v>6866</v>
      </c>
    </row>
    <row r="3816" spans="1:6" x14ac:dyDescent="0.25">
      <c r="A3816" s="4" t="s">
        <v>183</v>
      </c>
      <c r="B3816" s="1" t="s">
        <v>3144</v>
      </c>
      <c r="C3816" s="5" t="s">
        <v>3504</v>
      </c>
      <c r="D3816" s="1" t="s">
        <v>10893</v>
      </c>
      <c r="E3816" s="5" t="s">
        <v>17180</v>
      </c>
      <c r="F3816" s="6">
        <v>8134</v>
      </c>
    </row>
    <row r="3817" spans="1:6" x14ac:dyDescent="0.25">
      <c r="A3817" s="4" t="s">
        <v>1586</v>
      </c>
      <c r="B3817" s="1" t="s">
        <v>3151</v>
      </c>
      <c r="C3817" s="5" t="s">
        <v>5406</v>
      </c>
      <c r="D3817" s="1" t="s">
        <v>1586</v>
      </c>
      <c r="E3817" s="5" t="s">
        <v>14371</v>
      </c>
      <c r="F3817" s="6">
        <v>3036</v>
      </c>
    </row>
    <row r="3818" spans="1:6" x14ac:dyDescent="0.25">
      <c r="A3818" s="4" t="s">
        <v>2616</v>
      </c>
      <c r="B3818" s="1" t="s">
        <v>3155</v>
      </c>
      <c r="C3818" s="5">
        <v>531126</v>
      </c>
      <c r="D3818" s="1" t="s">
        <v>10282</v>
      </c>
      <c r="E3818" s="5" t="s">
        <v>16360</v>
      </c>
      <c r="F3818" s="6">
        <v>5750</v>
      </c>
    </row>
    <row r="3819" spans="1:6" x14ac:dyDescent="0.25">
      <c r="A3819" s="4" t="s">
        <v>1148</v>
      </c>
      <c r="B3819" s="1" t="s">
        <v>3177</v>
      </c>
      <c r="C3819" s="5" t="s">
        <v>4889</v>
      </c>
      <c r="D3819" s="1" t="s">
        <v>1148</v>
      </c>
      <c r="E3819" s="5" t="s">
        <v>13722</v>
      </c>
      <c r="F3819" s="6">
        <v>2369</v>
      </c>
    </row>
    <row r="3820" spans="1:6" x14ac:dyDescent="0.25">
      <c r="A3820" s="4" t="s">
        <v>1946</v>
      </c>
      <c r="B3820" s="1" t="s">
        <v>3152</v>
      </c>
      <c r="C3820" s="5" t="s">
        <v>5679</v>
      </c>
      <c r="D3820" s="1" t="s">
        <v>1946</v>
      </c>
      <c r="E3820" s="5" t="s">
        <v>14780</v>
      </c>
      <c r="F3820" s="6">
        <v>3491</v>
      </c>
    </row>
    <row r="3821" spans="1:6" x14ac:dyDescent="0.25">
      <c r="A3821" s="4" t="s">
        <v>1280</v>
      </c>
      <c r="B3821" s="1" t="s">
        <v>3152</v>
      </c>
      <c r="C3821" s="5" t="s">
        <v>5064</v>
      </c>
      <c r="D3821" s="1" t="s">
        <v>1280</v>
      </c>
      <c r="E3821" s="5" t="s">
        <v>13945</v>
      </c>
      <c r="F3821" s="6">
        <v>2597</v>
      </c>
    </row>
    <row r="3822" spans="1:6" x14ac:dyDescent="0.25">
      <c r="A3822" s="4" t="s">
        <v>651</v>
      </c>
      <c r="B3822" s="1" t="s">
        <v>3147</v>
      </c>
      <c r="C3822" s="5" t="s">
        <v>4342</v>
      </c>
      <c r="D3822" s="1" t="s">
        <v>651</v>
      </c>
      <c r="E3822" s="5" t="s">
        <v>13077</v>
      </c>
      <c r="F3822" s="6">
        <v>1709</v>
      </c>
    </row>
    <row r="3823" spans="1:6" x14ac:dyDescent="0.25">
      <c r="A3823" s="4" t="s">
        <v>2631</v>
      </c>
      <c r="B3823" s="1" t="s">
        <v>3162</v>
      </c>
      <c r="C3823" s="5" t="s">
        <v>6545</v>
      </c>
      <c r="D3823" s="1" t="s">
        <v>2631</v>
      </c>
      <c r="E3823" s="5" t="s">
        <v>16399</v>
      </c>
      <c r="F3823" s="6">
        <v>5827</v>
      </c>
    </row>
    <row r="3824" spans="1:6" x14ac:dyDescent="0.25">
      <c r="A3824" s="4" t="s">
        <v>1304</v>
      </c>
      <c r="B3824" s="1" t="s">
        <v>3159</v>
      </c>
      <c r="C3824" s="5" t="s">
        <v>5090</v>
      </c>
      <c r="D3824" s="1" t="s">
        <v>1304</v>
      </c>
      <c r="E3824" s="5" t="s">
        <v>13975</v>
      </c>
      <c r="F3824" s="6">
        <v>2627</v>
      </c>
    </row>
    <row r="3825" spans="1:6" x14ac:dyDescent="0.25">
      <c r="A3825" s="4" t="s">
        <v>2354</v>
      </c>
      <c r="B3825" s="1" t="s">
        <v>3161</v>
      </c>
      <c r="C3825" s="5" t="s">
        <v>4313</v>
      </c>
      <c r="D3825" s="1" t="s">
        <v>2354</v>
      </c>
      <c r="E3825" s="5" t="s">
        <v>15615</v>
      </c>
      <c r="F3825" s="6">
        <v>4357</v>
      </c>
    </row>
    <row r="3826" spans="1:6" x14ac:dyDescent="0.25">
      <c r="A3826" s="4" t="s">
        <v>1667</v>
      </c>
      <c r="B3826" s="1" t="s">
        <v>3152</v>
      </c>
      <c r="C3826" s="5" t="s">
        <v>3291</v>
      </c>
      <c r="D3826" s="1" t="s">
        <v>1667</v>
      </c>
      <c r="E3826" s="5" t="s">
        <v>14457</v>
      </c>
      <c r="F3826" s="6">
        <v>3142</v>
      </c>
    </row>
    <row r="3827" spans="1:6" x14ac:dyDescent="0.25">
      <c r="A3827" s="4" t="s">
        <v>2062</v>
      </c>
      <c r="B3827" s="1" t="s">
        <v>3161</v>
      </c>
      <c r="C3827" s="5" t="s">
        <v>3799</v>
      </c>
      <c r="D3827" s="1" t="s">
        <v>2062</v>
      </c>
      <c r="E3827" s="5" t="s">
        <v>14904</v>
      </c>
      <c r="F3827" s="6">
        <v>3622</v>
      </c>
    </row>
    <row r="3828" spans="1:6" x14ac:dyDescent="0.25">
      <c r="A3828" s="4" t="s">
        <v>2234</v>
      </c>
      <c r="B3828" s="1" t="s">
        <v>3154</v>
      </c>
      <c r="C3828" s="5" t="s">
        <v>5958</v>
      </c>
      <c r="D3828" s="1" t="s">
        <v>2234</v>
      </c>
      <c r="E3828" s="5" t="s">
        <v>15329</v>
      </c>
      <c r="F3828" s="6">
        <v>4066</v>
      </c>
    </row>
    <row r="3829" spans="1:6" x14ac:dyDescent="0.25">
      <c r="A3829" s="4" t="s">
        <v>724</v>
      </c>
      <c r="B3829" s="1" t="s">
        <v>3152</v>
      </c>
      <c r="C3829" s="5" t="s">
        <v>4434</v>
      </c>
      <c r="D3829" s="1" t="s">
        <v>724</v>
      </c>
      <c r="E3829" s="5" t="s">
        <v>13195</v>
      </c>
      <c r="F3829" s="6">
        <v>1828</v>
      </c>
    </row>
    <row r="3830" spans="1:6" x14ac:dyDescent="0.25">
      <c r="A3830" s="4" t="s">
        <v>961</v>
      </c>
      <c r="B3830" s="1" t="s">
        <v>3158</v>
      </c>
      <c r="C3830" s="5" t="s">
        <v>4708</v>
      </c>
      <c r="D3830" s="1" t="s">
        <v>8793</v>
      </c>
      <c r="E3830" s="5" t="s">
        <v>13528</v>
      </c>
      <c r="F3830" s="6">
        <v>2166</v>
      </c>
    </row>
    <row r="3831" spans="1:6" x14ac:dyDescent="0.25">
      <c r="A3831" s="4" t="s">
        <v>2394</v>
      </c>
      <c r="B3831" s="1" t="s">
        <v>3160</v>
      </c>
      <c r="C3831" s="5" t="s">
        <v>6215</v>
      </c>
      <c r="D3831" s="1" t="s">
        <v>9836</v>
      </c>
      <c r="E3831" s="5" t="s">
        <v>15756</v>
      </c>
      <c r="F3831" s="6">
        <v>4662</v>
      </c>
    </row>
    <row r="3832" spans="1:6" x14ac:dyDescent="0.25">
      <c r="A3832" s="4" t="s">
        <v>594</v>
      </c>
      <c r="B3832" s="1" t="s">
        <v>3150</v>
      </c>
      <c r="C3832" s="5" t="s">
        <v>4243</v>
      </c>
      <c r="D3832" s="1" t="s">
        <v>8477</v>
      </c>
      <c r="E3832" s="5" t="s">
        <v>12937</v>
      </c>
      <c r="F3832" s="6">
        <v>1545</v>
      </c>
    </row>
    <row r="3833" spans="1:6" x14ac:dyDescent="0.25">
      <c r="A3833" s="4" t="s">
        <v>2979</v>
      </c>
      <c r="B3833" s="1" t="s">
        <v>3144</v>
      </c>
      <c r="C3833" s="5" t="s">
        <v>7019</v>
      </c>
      <c r="D3833" s="1" t="s">
        <v>2979</v>
      </c>
      <c r="E3833" s="5" t="s">
        <v>17445</v>
      </c>
      <c r="F3833" s="6">
        <v>9056</v>
      </c>
    </row>
    <row r="3834" spans="1:6" x14ac:dyDescent="0.25">
      <c r="A3834" s="4" t="s">
        <v>223</v>
      </c>
      <c r="B3834" s="1" t="s">
        <v>3144</v>
      </c>
      <c r="C3834" s="5" t="s">
        <v>3603</v>
      </c>
      <c r="D3834" s="1" t="s">
        <v>7741</v>
      </c>
      <c r="E3834" s="5" t="s">
        <v>12040</v>
      </c>
      <c r="F3834" s="6">
        <v>474</v>
      </c>
    </row>
    <row r="3835" spans="1:6" x14ac:dyDescent="0.25">
      <c r="A3835" s="4" t="s">
        <v>2790</v>
      </c>
      <c r="B3835" s="1" t="s">
        <v>3152</v>
      </c>
      <c r="C3835" s="5" t="s">
        <v>6773</v>
      </c>
      <c r="D3835" s="1" t="s">
        <v>10640</v>
      </c>
      <c r="E3835" s="5" t="s">
        <v>16852</v>
      </c>
      <c r="F3835" s="6">
        <v>7095</v>
      </c>
    </row>
    <row r="3836" spans="1:6" x14ac:dyDescent="0.25">
      <c r="A3836" s="4" t="s">
        <v>2386</v>
      </c>
      <c r="B3836" s="1" t="s">
        <v>3144</v>
      </c>
      <c r="C3836" s="5" t="s">
        <v>6201</v>
      </c>
      <c r="D3836" s="1" t="s">
        <v>9807</v>
      </c>
      <c r="E3836" s="5" t="s">
        <v>15724</v>
      </c>
      <c r="F3836" s="6">
        <v>4493</v>
      </c>
    </row>
    <row r="3837" spans="1:6" x14ac:dyDescent="0.25">
      <c r="A3837" s="4" t="s">
        <v>1665</v>
      </c>
      <c r="B3837" s="1" t="s">
        <v>3152</v>
      </c>
      <c r="C3837" s="5" t="s">
        <v>5461</v>
      </c>
      <c r="D3837" s="1" t="s">
        <v>1665</v>
      </c>
      <c r="E3837" s="5" t="s">
        <v>14455</v>
      </c>
      <c r="F3837" s="6">
        <v>3140</v>
      </c>
    </row>
    <row r="3838" spans="1:6" x14ac:dyDescent="0.25">
      <c r="A3838" s="4" t="s">
        <v>2870</v>
      </c>
      <c r="B3838" s="1" t="s">
        <v>3161</v>
      </c>
      <c r="C3838" s="5" t="s">
        <v>6875</v>
      </c>
      <c r="D3838" s="1" t="s">
        <v>2870</v>
      </c>
      <c r="E3838" s="5" t="s">
        <v>17077</v>
      </c>
      <c r="F3838" s="6">
        <v>7793</v>
      </c>
    </row>
    <row r="3839" spans="1:6" x14ac:dyDescent="0.25">
      <c r="A3839" s="4" t="s">
        <v>43</v>
      </c>
      <c r="B3839" s="1" t="s">
        <v>3158</v>
      </c>
      <c r="C3839" s="5" t="s">
        <v>3264</v>
      </c>
      <c r="D3839" s="1" t="s">
        <v>7391</v>
      </c>
      <c r="E3839" s="5" t="s">
        <v>11666</v>
      </c>
      <c r="F3839" s="6">
        <v>78</v>
      </c>
    </row>
    <row r="3840" spans="1:6" x14ac:dyDescent="0.25">
      <c r="A3840" s="4" t="s">
        <v>43</v>
      </c>
      <c r="B3840" s="1" t="s">
        <v>3158</v>
      </c>
      <c r="C3840" s="5">
        <v>226016</v>
      </c>
      <c r="D3840" s="1" t="s">
        <v>7578</v>
      </c>
      <c r="E3840" s="5" t="s">
        <v>11864</v>
      </c>
      <c r="F3840" s="6">
        <v>296</v>
      </c>
    </row>
    <row r="3841" spans="1:6" x14ac:dyDescent="0.25">
      <c r="A3841" s="4" t="s">
        <v>43</v>
      </c>
      <c r="B3841" s="1" t="s">
        <v>3158</v>
      </c>
      <c r="C3841" s="5" t="s">
        <v>3547</v>
      </c>
      <c r="D3841" s="1" t="s">
        <v>7687</v>
      </c>
      <c r="E3841" s="5" t="s">
        <v>11979</v>
      </c>
      <c r="F3841" s="6">
        <v>412</v>
      </c>
    </row>
    <row r="3842" spans="1:6" x14ac:dyDescent="0.25">
      <c r="A3842" s="4" t="s">
        <v>43</v>
      </c>
      <c r="B3842" s="1" t="s">
        <v>3158</v>
      </c>
      <c r="C3842" s="5" t="s">
        <v>3264</v>
      </c>
      <c r="D3842" s="1" t="s">
        <v>7828</v>
      </c>
      <c r="E3842" s="5" t="s">
        <v>12131</v>
      </c>
      <c r="F3842" s="6">
        <v>594</v>
      </c>
    </row>
    <row r="3843" spans="1:6" x14ac:dyDescent="0.25">
      <c r="A3843" s="4" t="s">
        <v>43</v>
      </c>
      <c r="B3843" s="1" t="s">
        <v>3158</v>
      </c>
      <c r="C3843" s="5" t="s">
        <v>3667</v>
      </c>
      <c r="D3843" s="1" t="s">
        <v>7830</v>
      </c>
      <c r="E3843" s="5" t="s">
        <v>12133</v>
      </c>
      <c r="F3843" s="6">
        <v>596</v>
      </c>
    </row>
    <row r="3844" spans="1:6" x14ac:dyDescent="0.25">
      <c r="A3844" s="4" t="s">
        <v>43</v>
      </c>
      <c r="B3844" s="1" t="s">
        <v>3158</v>
      </c>
      <c r="C3844" s="5" t="s">
        <v>3745</v>
      </c>
      <c r="D3844" s="1" t="s">
        <v>7925</v>
      </c>
      <c r="E3844" s="5" t="s">
        <v>12235</v>
      </c>
      <c r="F3844" s="6">
        <v>722</v>
      </c>
    </row>
    <row r="3845" spans="1:6" x14ac:dyDescent="0.25">
      <c r="A3845" s="4" t="s">
        <v>43</v>
      </c>
      <c r="B3845" s="1" t="s">
        <v>3158</v>
      </c>
      <c r="C3845" s="5" t="s">
        <v>3746</v>
      </c>
      <c r="D3845" s="1" t="s">
        <v>7926</v>
      </c>
      <c r="E3845" s="5" t="s">
        <v>12236</v>
      </c>
      <c r="F3845" s="6">
        <v>723</v>
      </c>
    </row>
    <row r="3846" spans="1:6" x14ac:dyDescent="0.25">
      <c r="A3846" s="4" t="s">
        <v>43</v>
      </c>
      <c r="B3846" s="1" t="s">
        <v>3158</v>
      </c>
      <c r="C3846" s="5" t="s">
        <v>4027</v>
      </c>
      <c r="D3846" s="1" t="s">
        <v>8180</v>
      </c>
      <c r="E3846" s="5" t="s">
        <v>12582</v>
      </c>
      <c r="F3846" s="6">
        <v>1112</v>
      </c>
    </row>
    <row r="3847" spans="1:6" x14ac:dyDescent="0.25">
      <c r="A3847" s="4" t="s">
        <v>43</v>
      </c>
      <c r="B3847" s="1" t="s">
        <v>3158</v>
      </c>
      <c r="C3847" s="5" t="s">
        <v>4038</v>
      </c>
      <c r="D3847" s="1" t="s">
        <v>8196</v>
      </c>
      <c r="E3847" s="5" t="s">
        <v>12598</v>
      </c>
      <c r="F3847" s="6">
        <v>1136</v>
      </c>
    </row>
    <row r="3848" spans="1:6" x14ac:dyDescent="0.25">
      <c r="A3848" s="4" t="s">
        <v>43</v>
      </c>
      <c r="B3848" s="1" t="s">
        <v>3158</v>
      </c>
      <c r="C3848" s="5" t="s">
        <v>3264</v>
      </c>
      <c r="D3848" s="1" t="s">
        <v>8263</v>
      </c>
      <c r="E3848" s="5" t="s">
        <v>12671</v>
      </c>
      <c r="F3848" s="6">
        <v>1267</v>
      </c>
    </row>
    <row r="3849" spans="1:6" x14ac:dyDescent="0.25">
      <c r="A3849" s="4" t="s">
        <v>43</v>
      </c>
      <c r="B3849" s="1" t="s">
        <v>3158</v>
      </c>
      <c r="C3849" s="5" t="s">
        <v>4498</v>
      </c>
      <c r="D3849" s="1" t="s">
        <v>43</v>
      </c>
      <c r="E3849" s="5" t="s">
        <v>13274</v>
      </c>
      <c r="F3849" s="6">
        <v>1907</v>
      </c>
    </row>
    <row r="3850" spans="1:6" x14ac:dyDescent="0.25">
      <c r="A3850" s="4" t="s">
        <v>43</v>
      </c>
      <c r="B3850" s="1" t="s">
        <v>3158</v>
      </c>
      <c r="C3850" s="5" t="s">
        <v>4499</v>
      </c>
      <c r="D3850" s="1" t="s">
        <v>8680</v>
      </c>
      <c r="E3850" s="5" t="s">
        <v>13275</v>
      </c>
      <c r="F3850" s="6">
        <v>1908</v>
      </c>
    </row>
    <row r="3851" spans="1:6" x14ac:dyDescent="0.25">
      <c r="A3851" s="4" t="s">
        <v>43</v>
      </c>
      <c r="B3851" s="1" t="s">
        <v>3158</v>
      </c>
      <c r="C3851" s="5" t="s">
        <v>4528</v>
      </c>
      <c r="D3851" s="1" t="s">
        <v>8700</v>
      </c>
      <c r="E3851" s="5" t="s">
        <v>13310</v>
      </c>
      <c r="F3851" s="6">
        <v>1943</v>
      </c>
    </row>
    <row r="3852" spans="1:6" x14ac:dyDescent="0.25">
      <c r="A3852" s="4" t="s">
        <v>43</v>
      </c>
      <c r="B3852" s="1" t="s">
        <v>3158</v>
      </c>
      <c r="C3852" s="5" t="s">
        <v>4027</v>
      </c>
      <c r="D3852" s="1" t="s">
        <v>8969</v>
      </c>
      <c r="E3852" s="5" t="s">
        <v>13971</v>
      </c>
      <c r="F3852" s="6">
        <v>2623</v>
      </c>
    </row>
    <row r="3853" spans="1:6" x14ac:dyDescent="0.25">
      <c r="A3853" s="4" t="s">
        <v>43</v>
      </c>
      <c r="B3853" s="1" t="s">
        <v>3158</v>
      </c>
      <c r="C3853" s="5" t="s">
        <v>3264</v>
      </c>
      <c r="D3853" s="1" t="s">
        <v>9057</v>
      </c>
      <c r="E3853" s="5" t="s">
        <v>14149</v>
      </c>
      <c r="F3853" s="6">
        <v>2806</v>
      </c>
    </row>
    <row r="3854" spans="1:6" x14ac:dyDescent="0.25">
      <c r="A3854" s="4" t="s">
        <v>43</v>
      </c>
      <c r="B3854" s="1" t="s">
        <v>3158</v>
      </c>
      <c r="C3854" s="5" t="s">
        <v>4027</v>
      </c>
      <c r="D3854" s="1" t="s">
        <v>9358</v>
      </c>
      <c r="E3854" s="5" t="s">
        <v>15074</v>
      </c>
      <c r="F3854" s="6">
        <v>3802</v>
      </c>
    </row>
    <row r="3855" spans="1:6" x14ac:dyDescent="0.25">
      <c r="A3855" s="4" t="s">
        <v>43</v>
      </c>
      <c r="B3855" s="1" t="s">
        <v>3158</v>
      </c>
      <c r="C3855" s="5" t="s">
        <v>5894</v>
      </c>
      <c r="D3855" s="1" t="s">
        <v>9442</v>
      </c>
      <c r="E3855" s="5" t="s">
        <v>15207</v>
      </c>
      <c r="F3855" s="6">
        <v>3941</v>
      </c>
    </row>
    <row r="3856" spans="1:6" x14ac:dyDescent="0.25">
      <c r="A3856" s="4" t="s">
        <v>43</v>
      </c>
      <c r="B3856" s="1" t="s">
        <v>3158</v>
      </c>
      <c r="C3856" s="5" t="s">
        <v>5899</v>
      </c>
      <c r="D3856" s="1" t="s">
        <v>9450</v>
      </c>
      <c r="E3856" s="5" t="s">
        <v>15216</v>
      </c>
      <c r="F3856" s="6">
        <v>3950</v>
      </c>
    </row>
    <row r="3857" spans="1:6" x14ac:dyDescent="0.25">
      <c r="A3857" s="4" t="s">
        <v>43</v>
      </c>
      <c r="B3857" s="1" t="s">
        <v>3158</v>
      </c>
      <c r="C3857" s="5" t="s">
        <v>5899</v>
      </c>
      <c r="D3857" s="1" t="s">
        <v>9491</v>
      </c>
      <c r="E3857" s="5" t="s">
        <v>15270</v>
      </c>
      <c r="F3857" s="6">
        <v>4005</v>
      </c>
    </row>
    <row r="3858" spans="1:6" x14ac:dyDescent="0.25">
      <c r="A3858" s="4" t="s">
        <v>43</v>
      </c>
      <c r="B3858" s="1" t="s">
        <v>3158</v>
      </c>
      <c r="C3858" s="5" t="s">
        <v>4027</v>
      </c>
      <c r="D3858" s="1" t="s">
        <v>9766</v>
      </c>
      <c r="E3858" s="5" t="s">
        <v>15672</v>
      </c>
      <c r="F3858" s="6">
        <v>4419</v>
      </c>
    </row>
    <row r="3859" spans="1:6" x14ac:dyDescent="0.25">
      <c r="A3859" s="4" t="s">
        <v>43</v>
      </c>
      <c r="B3859" s="1" t="s">
        <v>3158</v>
      </c>
      <c r="C3859" s="5" t="s">
        <v>6200</v>
      </c>
      <c r="D3859" s="1" t="s">
        <v>9806</v>
      </c>
      <c r="E3859" s="5" t="s">
        <v>15723</v>
      </c>
      <c r="F3859" s="6">
        <v>4492</v>
      </c>
    </row>
    <row r="3860" spans="1:6" x14ac:dyDescent="0.25">
      <c r="A3860" s="4" t="s">
        <v>43</v>
      </c>
      <c r="B3860" s="1" t="s">
        <v>3158</v>
      </c>
      <c r="C3860" s="5" t="s">
        <v>6270</v>
      </c>
      <c r="D3860" s="1" t="s">
        <v>9914</v>
      </c>
      <c r="E3860" s="5" t="s">
        <v>15855</v>
      </c>
      <c r="F3860" s="6">
        <v>4768</v>
      </c>
    </row>
    <row r="3861" spans="1:6" x14ac:dyDescent="0.25">
      <c r="A3861" s="4" t="s">
        <v>43</v>
      </c>
      <c r="B3861" s="1" t="s">
        <v>3158</v>
      </c>
      <c r="C3861" s="5" t="s">
        <v>4027</v>
      </c>
      <c r="D3861" s="1" t="s">
        <v>9941</v>
      </c>
      <c r="E3861" s="5" t="s">
        <v>15890</v>
      </c>
      <c r="F3861" s="6">
        <v>4805</v>
      </c>
    </row>
    <row r="3862" spans="1:6" x14ac:dyDescent="0.25">
      <c r="A3862" s="4" t="s">
        <v>43</v>
      </c>
      <c r="B3862" s="1" t="s">
        <v>3158</v>
      </c>
      <c r="C3862" s="5" t="s">
        <v>6295</v>
      </c>
      <c r="D3862" s="1" t="s">
        <v>9942</v>
      </c>
      <c r="E3862" s="5" t="s">
        <v>15891</v>
      </c>
      <c r="F3862" s="6">
        <v>4806</v>
      </c>
    </row>
    <row r="3863" spans="1:6" x14ac:dyDescent="0.25">
      <c r="A3863" s="4" t="s">
        <v>43</v>
      </c>
      <c r="B3863" s="1" t="s">
        <v>3158</v>
      </c>
      <c r="C3863" s="5" t="s">
        <v>4027</v>
      </c>
      <c r="D3863" s="1" t="s">
        <v>10026</v>
      </c>
      <c r="E3863" s="5" t="s">
        <v>16007</v>
      </c>
      <c r="F3863" s="6">
        <v>4956</v>
      </c>
    </row>
    <row r="3864" spans="1:6" x14ac:dyDescent="0.25">
      <c r="A3864" s="4" t="s">
        <v>43</v>
      </c>
      <c r="B3864" s="1" t="s">
        <v>3158</v>
      </c>
      <c r="C3864" s="5" t="s">
        <v>3667</v>
      </c>
      <c r="D3864" s="1" t="s">
        <v>10141</v>
      </c>
      <c r="E3864" s="5" t="s">
        <v>16148</v>
      </c>
      <c r="F3864" s="6">
        <v>5248</v>
      </c>
    </row>
    <row r="3865" spans="1:6" x14ac:dyDescent="0.25">
      <c r="A3865" s="4" t="s">
        <v>43</v>
      </c>
      <c r="B3865" s="1" t="s">
        <v>3158</v>
      </c>
      <c r="C3865" s="5" t="s">
        <v>3264</v>
      </c>
      <c r="D3865" s="1" t="s">
        <v>10205</v>
      </c>
      <c r="E3865" s="5" t="s">
        <v>16229</v>
      </c>
      <c r="F3865" s="6">
        <v>5440</v>
      </c>
    </row>
    <row r="3866" spans="1:6" x14ac:dyDescent="0.25">
      <c r="A3866" s="4" t="s">
        <v>43</v>
      </c>
      <c r="B3866" s="1" t="s">
        <v>3158</v>
      </c>
      <c r="C3866" s="5" t="s">
        <v>6542</v>
      </c>
      <c r="D3866" s="1" t="s">
        <v>10309</v>
      </c>
      <c r="E3866" s="5" t="s">
        <v>16396</v>
      </c>
      <c r="F3866" s="6">
        <v>5822</v>
      </c>
    </row>
    <row r="3867" spans="1:6" x14ac:dyDescent="0.25">
      <c r="A3867" s="4" t="s">
        <v>43</v>
      </c>
      <c r="B3867" s="1" t="s">
        <v>3158</v>
      </c>
      <c r="C3867" s="5" t="s">
        <v>4528</v>
      </c>
      <c r="D3867" s="1" t="s">
        <v>10425</v>
      </c>
      <c r="E3867" s="5" t="s">
        <v>16570</v>
      </c>
      <c r="F3867" s="6">
        <v>6262</v>
      </c>
    </row>
    <row r="3868" spans="1:6" x14ac:dyDescent="0.25">
      <c r="A3868" s="4" t="s">
        <v>43</v>
      </c>
      <c r="B3868" s="1" t="s">
        <v>3158</v>
      </c>
      <c r="C3868" s="5" t="s">
        <v>6753</v>
      </c>
      <c r="D3868" s="1" t="s">
        <v>10601</v>
      </c>
      <c r="E3868" s="5" t="s">
        <v>16807</v>
      </c>
      <c r="F3868" s="6">
        <v>6998</v>
      </c>
    </row>
    <row r="3869" spans="1:6" x14ac:dyDescent="0.25">
      <c r="A3869" s="4" t="s">
        <v>43</v>
      </c>
      <c r="B3869" s="1" t="s">
        <v>3158</v>
      </c>
      <c r="C3869" s="5" t="s">
        <v>4499</v>
      </c>
      <c r="D3869" s="1" t="s">
        <v>10622</v>
      </c>
      <c r="E3869" s="5" t="s">
        <v>16831</v>
      </c>
      <c r="F3869" s="6">
        <v>7053</v>
      </c>
    </row>
    <row r="3870" spans="1:6" x14ac:dyDescent="0.25">
      <c r="A3870" s="4" t="s">
        <v>43</v>
      </c>
      <c r="B3870" s="1" t="s">
        <v>3158</v>
      </c>
      <c r="C3870" s="5" t="s">
        <v>6753</v>
      </c>
      <c r="D3870" s="1" t="s">
        <v>10635</v>
      </c>
      <c r="E3870" s="5" t="s">
        <v>16846</v>
      </c>
      <c r="F3870" s="6">
        <v>7083</v>
      </c>
    </row>
    <row r="3871" spans="1:6" x14ac:dyDescent="0.25">
      <c r="A3871" s="4" t="s">
        <v>43</v>
      </c>
      <c r="B3871" s="1" t="s">
        <v>3158</v>
      </c>
      <c r="C3871" s="5" t="s">
        <v>4027</v>
      </c>
      <c r="D3871" s="1" t="s">
        <v>10645</v>
      </c>
      <c r="E3871" s="5" t="s">
        <v>16859</v>
      </c>
      <c r="F3871" s="6">
        <v>7106</v>
      </c>
    </row>
    <row r="3872" spans="1:6" x14ac:dyDescent="0.25">
      <c r="A3872" s="4" t="s">
        <v>43</v>
      </c>
      <c r="B3872" s="1" t="s">
        <v>3158</v>
      </c>
      <c r="C3872" s="5" t="s">
        <v>4027</v>
      </c>
      <c r="D3872" s="1" t="s">
        <v>10724</v>
      </c>
      <c r="E3872" s="5" t="s">
        <v>16959</v>
      </c>
      <c r="F3872" s="6">
        <v>7413</v>
      </c>
    </row>
    <row r="3873" spans="1:6" x14ac:dyDescent="0.25">
      <c r="A3873" s="4" t="s">
        <v>43</v>
      </c>
      <c r="B3873" s="1" t="s">
        <v>3158</v>
      </c>
      <c r="C3873" s="5" t="s">
        <v>5894</v>
      </c>
      <c r="D3873" s="1" t="s">
        <v>10784</v>
      </c>
      <c r="E3873" s="5" t="s">
        <v>17045</v>
      </c>
      <c r="F3873" s="6">
        <v>7668</v>
      </c>
    </row>
    <row r="3874" spans="1:6" x14ac:dyDescent="0.25">
      <c r="A3874" s="4" t="s">
        <v>43</v>
      </c>
      <c r="B3874" s="1" t="s">
        <v>3158</v>
      </c>
      <c r="C3874" s="5" t="s">
        <v>4027</v>
      </c>
      <c r="D3874" s="1" t="s">
        <v>10883</v>
      </c>
      <c r="E3874" s="5" t="s">
        <v>17170</v>
      </c>
      <c r="F3874" s="6">
        <v>8112</v>
      </c>
    </row>
    <row r="3875" spans="1:6" x14ac:dyDescent="0.25">
      <c r="A3875" s="4" t="s">
        <v>43</v>
      </c>
      <c r="B3875" s="1" t="s">
        <v>3158</v>
      </c>
      <c r="C3875" s="5" t="s">
        <v>6911</v>
      </c>
      <c r="D3875" s="1" t="s">
        <v>10908</v>
      </c>
      <c r="E3875" s="5" t="s">
        <v>17197</v>
      </c>
      <c r="F3875" s="6">
        <v>8172</v>
      </c>
    </row>
    <row r="3876" spans="1:6" x14ac:dyDescent="0.25">
      <c r="A3876" s="4" t="s">
        <v>43</v>
      </c>
      <c r="B3876" s="1" t="s">
        <v>3158</v>
      </c>
      <c r="C3876" s="5" t="s">
        <v>3547</v>
      </c>
      <c r="D3876" s="1" t="s">
        <v>11024</v>
      </c>
      <c r="E3876" s="5" t="s">
        <v>17345</v>
      </c>
      <c r="F3876" s="6">
        <v>8842</v>
      </c>
    </row>
    <row r="3877" spans="1:6" x14ac:dyDescent="0.25">
      <c r="A3877" s="4" t="s">
        <v>43</v>
      </c>
      <c r="B3877" s="1" t="s">
        <v>3158</v>
      </c>
      <c r="C3877" s="5" t="s">
        <v>6995</v>
      </c>
      <c r="D3877" s="1" t="s">
        <v>11068</v>
      </c>
      <c r="E3877" s="5" t="s">
        <v>17407</v>
      </c>
      <c r="F3877" s="6">
        <v>9014</v>
      </c>
    </row>
    <row r="3878" spans="1:6" x14ac:dyDescent="0.25">
      <c r="A3878" s="4" t="s">
        <v>43</v>
      </c>
      <c r="B3878" s="1" t="s">
        <v>3158</v>
      </c>
      <c r="C3878" s="5" t="s">
        <v>7023</v>
      </c>
      <c r="D3878" s="1" t="s">
        <v>11101</v>
      </c>
      <c r="E3878" s="5" t="s">
        <v>17452</v>
      </c>
      <c r="F3878" s="6">
        <v>9063</v>
      </c>
    </row>
    <row r="3879" spans="1:6" x14ac:dyDescent="0.25">
      <c r="A3879" s="4" t="s">
        <v>43</v>
      </c>
      <c r="B3879" s="1" t="s">
        <v>3158</v>
      </c>
      <c r="C3879" s="5" t="s">
        <v>6542</v>
      </c>
      <c r="D3879" s="1" t="s">
        <v>11155</v>
      </c>
      <c r="E3879" s="5" t="s">
        <v>17516</v>
      </c>
      <c r="F3879" s="6">
        <v>9128</v>
      </c>
    </row>
    <row r="3880" spans="1:6" x14ac:dyDescent="0.25">
      <c r="A3880" s="4" t="s">
        <v>43</v>
      </c>
      <c r="B3880" s="1" t="s">
        <v>3158</v>
      </c>
      <c r="C3880" s="5" t="s">
        <v>6542</v>
      </c>
      <c r="D3880" s="1" t="s">
        <v>11182</v>
      </c>
      <c r="E3880" s="5" t="s">
        <v>17561</v>
      </c>
      <c r="F3880" s="6">
        <v>9175</v>
      </c>
    </row>
    <row r="3881" spans="1:6" x14ac:dyDescent="0.25">
      <c r="A3881" s="4" t="s">
        <v>43</v>
      </c>
      <c r="B3881" s="1" t="s">
        <v>3158</v>
      </c>
      <c r="C3881" s="5" t="s">
        <v>5894</v>
      </c>
      <c r="D3881" s="1" t="s">
        <v>11183</v>
      </c>
      <c r="E3881" s="5" t="s">
        <v>17562</v>
      </c>
      <c r="F3881" s="6">
        <v>9176</v>
      </c>
    </row>
    <row r="3882" spans="1:6" x14ac:dyDescent="0.25">
      <c r="A3882" s="4" t="s">
        <v>43</v>
      </c>
      <c r="B3882" s="1" t="s">
        <v>3158</v>
      </c>
      <c r="C3882" s="5" t="s">
        <v>7091</v>
      </c>
      <c r="D3882" s="1" t="s">
        <v>11191</v>
      </c>
      <c r="E3882" s="5" t="s">
        <v>17572</v>
      </c>
      <c r="F3882" s="6">
        <v>9186</v>
      </c>
    </row>
    <row r="3883" spans="1:6" x14ac:dyDescent="0.25">
      <c r="A3883" s="4" t="s">
        <v>43</v>
      </c>
      <c r="B3883" s="1" t="s">
        <v>3158</v>
      </c>
      <c r="C3883" s="5" t="s">
        <v>4528</v>
      </c>
      <c r="D3883" s="1" t="s">
        <v>11256</v>
      </c>
      <c r="E3883" s="5" t="s">
        <v>17661</v>
      </c>
      <c r="F3883" s="6">
        <v>9279</v>
      </c>
    </row>
    <row r="3884" spans="1:6" x14ac:dyDescent="0.25">
      <c r="A3884" s="4" t="s">
        <v>43</v>
      </c>
      <c r="B3884" s="1" t="s">
        <v>3158</v>
      </c>
      <c r="C3884" s="5" t="s">
        <v>6753</v>
      </c>
      <c r="D3884" s="1" t="s">
        <v>11320</v>
      </c>
      <c r="E3884" s="5" t="s">
        <v>17742</v>
      </c>
      <c r="F3884" s="6">
        <v>9364</v>
      </c>
    </row>
    <row r="3885" spans="1:6" x14ac:dyDescent="0.25">
      <c r="A3885" s="4" t="s">
        <v>43</v>
      </c>
      <c r="B3885" s="1" t="s">
        <v>3158</v>
      </c>
      <c r="C3885" s="5" t="s">
        <v>4528</v>
      </c>
      <c r="D3885" s="1" t="s">
        <v>11323</v>
      </c>
      <c r="E3885" s="5" t="s">
        <v>17745</v>
      </c>
      <c r="F3885" s="6">
        <v>9367</v>
      </c>
    </row>
    <row r="3886" spans="1:6" x14ac:dyDescent="0.25">
      <c r="A3886" s="4" t="s">
        <v>43</v>
      </c>
      <c r="B3886" s="1" t="s">
        <v>3158</v>
      </c>
      <c r="C3886" s="5" t="s">
        <v>3667</v>
      </c>
      <c r="D3886" s="1" t="s">
        <v>11334</v>
      </c>
      <c r="E3886" s="5" t="s">
        <v>17756</v>
      </c>
      <c r="F3886" s="6">
        <v>9378</v>
      </c>
    </row>
    <row r="3887" spans="1:6" x14ac:dyDescent="0.25">
      <c r="A3887" s="4" t="s">
        <v>43</v>
      </c>
      <c r="B3887" s="1" t="s">
        <v>3158</v>
      </c>
      <c r="C3887" s="5" t="s">
        <v>6200</v>
      </c>
      <c r="D3887" s="1" t="s">
        <v>11399</v>
      </c>
      <c r="E3887" s="5" t="s">
        <v>17825</v>
      </c>
      <c r="F3887" s="6">
        <v>9451</v>
      </c>
    </row>
    <row r="3888" spans="1:6" x14ac:dyDescent="0.25">
      <c r="A3888" s="4" t="s">
        <v>43</v>
      </c>
      <c r="B3888" s="1" t="s">
        <v>3158</v>
      </c>
      <c r="C3888" s="5" t="s">
        <v>7221</v>
      </c>
      <c r="D3888" s="1" t="s">
        <v>11425</v>
      </c>
      <c r="E3888" s="5" t="s">
        <v>17858</v>
      </c>
      <c r="F3888" s="6">
        <v>9487</v>
      </c>
    </row>
    <row r="3889" spans="1:6" x14ac:dyDescent="0.25">
      <c r="A3889" s="4" t="s">
        <v>43</v>
      </c>
      <c r="B3889" s="1" t="s">
        <v>3158</v>
      </c>
      <c r="C3889" s="5" t="s">
        <v>3264</v>
      </c>
      <c r="D3889" s="1" t="s">
        <v>11441</v>
      </c>
      <c r="E3889" s="5" t="s">
        <v>17874</v>
      </c>
      <c r="F3889" s="6">
        <v>9503</v>
      </c>
    </row>
    <row r="3890" spans="1:6" x14ac:dyDescent="0.25">
      <c r="A3890" s="4" t="s">
        <v>43</v>
      </c>
      <c r="B3890" s="1" t="s">
        <v>3158</v>
      </c>
      <c r="C3890" s="5" t="s">
        <v>4027</v>
      </c>
      <c r="D3890" s="1" t="s">
        <v>11442</v>
      </c>
      <c r="E3890" s="5" t="s">
        <v>17875</v>
      </c>
      <c r="F3890" s="6">
        <v>9504</v>
      </c>
    </row>
    <row r="3891" spans="1:6" x14ac:dyDescent="0.25">
      <c r="A3891" s="4" t="s">
        <v>43</v>
      </c>
      <c r="B3891" s="1" t="s">
        <v>3158</v>
      </c>
      <c r="C3891" s="5" t="s">
        <v>6753</v>
      </c>
      <c r="D3891" s="1" t="s">
        <v>11447</v>
      </c>
      <c r="E3891" s="5" t="s">
        <v>17880</v>
      </c>
      <c r="F3891" s="6">
        <v>9509</v>
      </c>
    </row>
    <row r="3892" spans="1:6" x14ac:dyDescent="0.25">
      <c r="A3892" s="4" t="s">
        <v>43</v>
      </c>
      <c r="B3892" s="1" t="s">
        <v>3158</v>
      </c>
      <c r="C3892" s="5" t="s">
        <v>4498</v>
      </c>
      <c r="D3892" s="1" t="s">
        <v>11448</v>
      </c>
      <c r="E3892" s="5" t="s">
        <v>17881</v>
      </c>
      <c r="F3892" s="6">
        <v>9510</v>
      </c>
    </row>
    <row r="3893" spans="1:6" x14ac:dyDescent="0.25">
      <c r="A3893" s="4" t="s">
        <v>43</v>
      </c>
      <c r="B3893" s="1" t="s">
        <v>3158</v>
      </c>
      <c r="C3893" s="5" t="s">
        <v>4498</v>
      </c>
      <c r="D3893" s="1" t="s">
        <v>11481</v>
      </c>
      <c r="E3893" s="5" t="s">
        <v>17937</v>
      </c>
      <c r="F3893" s="6">
        <v>9568</v>
      </c>
    </row>
    <row r="3894" spans="1:6" x14ac:dyDescent="0.25">
      <c r="A3894" s="4" t="s">
        <v>43</v>
      </c>
      <c r="B3894" s="1" t="s">
        <v>3158</v>
      </c>
      <c r="C3894" s="5" t="s">
        <v>7263</v>
      </c>
      <c r="D3894" s="1" t="s">
        <v>11483</v>
      </c>
      <c r="E3894" s="5" t="s">
        <v>17939</v>
      </c>
      <c r="F3894" s="6">
        <v>9570</v>
      </c>
    </row>
    <row r="3895" spans="1:6" x14ac:dyDescent="0.25">
      <c r="A3895" s="4" t="s">
        <v>3125</v>
      </c>
      <c r="B3895" s="1" t="s">
        <v>3158</v>
      </c>
      <c r="C3895" s="5" t="s">
        <v>7301</v>
      </c>
      <c r="D3895" s="1" t="s">
        <v>11544</v>
      </c>
      <c r="E3895" s="5" t="s">
        <v>18014</v>
      </c>
      <c r="F3895" s="6">
        <v>9646</v>
      </c>
    </row>
    <row r="3896" spans="1:6" x14ac:dyDescent="0.25">
      <c r="A3896" s="4" t="s">
        <v>16</v>
      </c>
      <c r="B3896" s="1" t="s">
        <v>3152</v>
      </c>
      <c r="C3896" s="5" t="s">
        <v>3227</v>
      </c>
      <c r="D3896" s="1" t="s">
        <v>7354</v>
      </c>
      <c r="E3896" s="5" t="s">
        <v>11626</v>
      </c>
      <c r="F3896" s="6">
        <v>34</v>
      </c>
    </row>
    <row r="3897" spans="1:6" x14ac:dyDescent="0.25">
      <c r="A3897" s="4" t="s">
        <v>16</v>
      </c>
      <c r="B3897" s="1" t="s">
        <v>3152</v>
      </c>
      <c r="C3897" s="5" t="s">
        <v>3416</v>
      </c>
      <c r="D3897" s="1" t="s">
        <v>7542</v>
      </c>
      <c r="E3897" s="5" t="s">
        <v>11828</v>
      </c>
      <c r="F3897" s="6">
        <v>259</v>
      </c>
    </row>
    <row r="3898" spans="1:6" x14ac:dyDescent="0.25">
      <c r="A3898" s="4" t="s">
        <v>16</v>
      </c>
      <c r="B3898" s="1" t="s">
        <v>3152</v>
      </c>
      <c r="C3898" s="5" t="s">
        <v>3671</v>
      </c>
      <c r="D3898" s="1" t="s">
        <v>7835</v>
      </c>
      <c r="E3898" s="5" t="s">
        <v>12138</v>
      </c>
      <c r="F3898" s="6">
        <v>606</v>
      </c>
    </row>
    <row r="3899" spans="1:6" x14ac:dyDescent="0.25">
      <c r="A3899" s="4" t="s">
        <v>16</v>
      </c>
      <c r="B3899" s="1" t="s">
        <v>3152</v>
      </c>
      <c r="C3899" s="5" t="s">
        <v>3227</v>
      </c>
      <c r="D3899" s="1" t="s">
        <v>7857</v>
      </c>
      <c r="E3899" s="5" t="s">
        <v>12160</v>
      </c>
      <c r="F3899" s="6">
        <v>634</v>
      </c>
    </row>
    <row r="3900" spans="1:6" x14ac:dyDescent="0.25">
      <c r="A3900" s="4" t="s">
        <v>16</v>
      </c>
      <c r="B3900" s="1" t="s">
        <v>3152</v>
      </c>
      <c r="C3900" s="5" t="s">
        <v>3810</v>
      </c>
      <c r="D3900" s="1" t="s">
        <v>7987</v>
      </c>
      <c r="E3900" s="5" t="s">
        <v>12306</v>
      </c>
      <c r="F3900" s="6">
        <v>801</v>
      </c>
    </row>
    <row r="3901" spans="1:6" x14ac:dyDescent="0.25">
      <c r="A3901" s="4" t="s">
        <v>16</v>
      </c>
      <c r="B3901" s="1" t="s">
        <v>3152</v>
      </c>
      <c r="C3901" s="5" t="s">
        <v>3849</v>
      </c>
      <c r="D3901" s="1" t="s">
        <v>8023</v>
      </c>
      <c r="E3901" s="5" t="s">
        <v>12350</v>
      </c>
      <c r="F3901" s="6">
        <v>855</v>
      </c>
    </row>
    <row r="3902" spans="1:6" x14ac:dyDescent="0.25">
      <c r="A3902" s="4" t="s">
        <v>16</v>
      </c>
      <c r="B3902" s="1" t="s">
        <v>3152</v>
      </c>
      <c r="C3902" s="5" t="s">
        <v>4060</v>
      </c>
      <c r="D3902" s="1" t="s">
        <v>8237</v>
      </c>
      <c r="E3902" s="5" t="s">
        <v>12643</v>
      </c>
      <c r="F3902" s="6">
        <v>1238</v>
      </c>
    </row>
    <row r="3903" spans="1:6" x14ac:dyDescent="0.25">
      <c r="A3903" s="4" t="s">
        <v>16</v>
      </c>
      <c r="B3903" s="1" t="s">
        <v>3152</v>
      </c>
      <c r="C3903" s="5" t="s">
        <v>4060</v>
      </c>
      <c r="D3903" s="1" t="s">
        <v>8298</v>
      </c>
      <c r="E3903" s="5" t="s">
        <v>12713</v>
      </c>
      <c r="F3903" s="6">
        <v>1310</v>
      </c>
    </row>
    <row r="3904" spans="1:6" x14ac:dyDescent="0.25">
      <c r="A3904" s="4" t="s">
        <v>16</v>
      </c>
      <c r="B3904" s="1" t="s">
        <v>3152</v>
      </c>
      <c r="C3904" s="5" t="s">
        <v>4060</v>
      </c>
      <c r="D3904" s="1" t="s">
        <v>8306</v>
      </c>
      <c r="E3904" s="5" t="s">
        <v>12723</v>
      </c>
      <c r="F3904" s="6">
        <v>1320</v>
      </c>
    </row>
    <row r="3905" spans="1:6" x14ac:dyDescent="0.25">
      <c r="A3905" s="4" t="s">
        <v>16</v>
      </c>
      <c r="B3905" s="1" t="s">
        <v>3152</v>
      </c>
      <c r="C3905" s="5" t="s">
        <v>4121</v>
      </c>
      <c r="D3905" s="1" t="s">
        <v>8321</v>
      </c>
      <c r="E3905" s="5" t="s">
        <v>12739</v>
      </c>
      <c r="F3905" s="6">
        <v>1336</v>
      </c>
    </row>
    <row r="3906" spans="1:6" x14ac:dyDescent="0.25">
      <c r="A3906" s="4" t="s">
        <v>16</v>
      </c>
      <c r="B3906" s="1" t="s">
        <v>3152</v>
      </c>
      <c r="C3906" s="5" t="s">
        <v>4124</v>
      </c>
      <c r="D3906" s="1" t="s">
        <v>8326</v>
      </c>
      <c r="E3906" s="5" t="s">
        <v>12744</v>
      </c>
      <c r="F3906" s="6">
        <v>1341</v>
      </c>
    </row>
    <row r="3907" spans="1:6" x14ac:dyDescent="0.25">
      <c r="A3907" s="4" t="s">
        <v>16</v>
      </c>
      <c r="B3907" s="1" t="s">
        <v>3152</v>
      </c>
      <c r="C3907" s="5" t="s">
        <v>3227</v>
      </c>
      <c r="D3907" s="1" t="s">
        <v>8361</v>
      </c>
      <c r="E3907" s="5" t="s">
        <v>12783</v>
      </c>
      <c r="F3907" s="6">
        <v>1380</v>
      </c>
    </row>
    <row r="3908" spans="1:6" x14ac:dyDescent="0.25">
      <c r="A3908" s="4" t="s">
        <v>16</v>
      </c>
      <c r="B3908" s="1" t="s">
        <v>3152</v>
      </c>
      <c r="C3908" s="5" t="s">
        <v>4124</v>
      </c>
      <c r="D3908" s="1" t="s">
        <v>8366</v>
      </c>
      <c r="E3908" s="5" t="s">
        <v>12790</v>
      </c>
      <c r="F3908" s="6">
        <v>1388</v>
      </c>
    </row>
    <row r="3909" spans="1:6" x14ac:dyDescent="0.25">
      <c r="A3909" s="4" t="s">
        <v>16</v>
      </c>
      <c r="B3909" s="1" t="s">
        <v>3152</v>
      </c>
      <c r="C3909" s="5" t="s">
        <v>4124</v>
      </c>
      <c r="D3909" s="1" t="s">
        <v>8367</v>
      </c>
      <c r="E3909" s="5" t="s">
        <v>12792</v>
      </c>
      <c r="F3909" s="6">
        <v>1390</v>
      </c>
    </row>
    <row r="3910" spans="1:6" x14ac:dyDescent="0.25">
      <c r="A3910" s="4" t="s">
        <v>16</v>
      </c>
      <c r="B3910" s="1" t="s">
        <v>3152</v>
      </c>
      <c r="C3910" s="5" t="s">
        <v>4263</v>
      </c>
      <c r="D3910" s="1" t="s">
        <v>8508</v>
      </c>
      <c r="E3910" s="5" t="s">
        <v>12972</v>
      </c>
      <c r="F3910" s="6">
        <v>1582</v>
      </c>
    </row>
    <row r="3911" spans="1:6" x14ac:dyDescent="0.25">
      <c r="A3911" s="4" t="s">
        <v>16</v>
      </c>
      <c r="B3911" s="1" t="s">
        <v>3152</v>
      </c>
      <c r="C3911" s="5" t="s">
        <v>3671</v>
      </c>
      <c r="D3911" s="1" t="s">
        <v>8640</v>
      </c>
      <c r="E3911" s="5" t="s">
        <v>13197</v>
      </c>
      <c r="F3911" s="6">
        <v>1830</v>
      </c>
    </row>
    <row r="3912" spans="1:6" x14ac:dyDescent="0.25">
      <c r="A3912" s="4" t="s">
        <v>16</v>
      </c>
      <c r="B3912" s="1" t="s">
        <v>3152</v>
      </c>
      <c r="C3912" s="5" t="s">
        <v>4436</v>
      </c>
      <c r="D3912" s="1" t="s">
        <v>8641</v>
      </c>
      <c r="E3912" s="5" t="s">
        <v>13198</v>
      </c>
      <c r="F3912" s="6">
        <v>1831</v>
      </c>
    </row>
    <row r="3913" spans="1:6" x14ac:dyDescent="0.25">
      <c r="A3913" s="4" t="s">
        <v>16</v>
      </c>
      <c r="B3913" s="1" t="s">
        <v>3152</v>
      </c>
      <c r="C3913" s="5" t="s">
        <v>4060</v>
      </c>
      <c r="D3913" s="1" t="s">
        <v>10180</v>
      </c>
      <c r="E3913" s="5" t="s">
        <v>16197</v>
      </c>
      <c r="F3913" s="6">
        <v>5337</v>
      </c>
    </row>
    <row r="3914" spans="1:6" x14ac:dyDescent="0.25">
      <c r="A3914" s="4" t="s">
        <v>16</v>
      </c>
      <c r="B3914" s="1" t="s">
        <v>3152</v>
      </c>
      <c r="C3914" s="5" t="s">
        <v>6779</v>
      </c>
      <c r="D3914" s="1" t="s">
        <v>10652</v>
      </c>
      <c r="E3914" s="5" t="s">
        <v>16868</v>
      </c>
      <c r="F3914" s="6">
        <v>7124</v>
      </c>
    </row>
    <row r="3915" spans="1:6" x14ac:dyDescent="0.25">
      <c r="A3915" s="4" t="s">
        <v>16</v>
      </c>
      <c r="B3915" s="1" t="s">
        <v>3152</v>
      </c>
      <c r="C3915" s="5">
        <v>141012</v>
      </c>
      <c r="D3915" s="1" t="s">
        <v>9868</v>
      </c>
      <c r="E3915" s="5" t="s">
        <v>16983</v>
      </c>
      <c r="F3915" s="6">
        <v>7498</v>
      </c>
    </row>
    <row r="3916" spans="1:6" x14ac:dyDescent="0.25">
      <c r="A3916" s="4" t="s">
        <v>16</v>
      </c>
      <c r="B3916" s="1" t="s">
        <v>3152</v>
      </c>
      <c r="C3916" s="5">
        <v>141008</v>
      </c>
      <c r="D3916" s="1" t="s">
        <v>10957</v>
      </c>
      <c r="E3916" s="5" t="s">
        <v>17257</v>
      </c>
      <c r="F3916" s="6">
        <v>8325</v>
      </c>
    </row>
    <row r="3917" spans="1:6" x14ac:dyDescent="0.25">
      <c r="A3917" s="4" t="s">
        <v>16</v>
      </c>
      <c r="B3917" s="1" t="s">
        <v>3152</v>
      </c>
      <c r="C3917" s="5">
        <v>141003</v>
      </c>
      <c r="D3917" s="1" t="s">
        <v>10994</v>
      </c>
      <c r="E3917" s="5" t="s">
        <v>17306</v>
      </c>
      <c r="F3917" s="6">
        <v>8647</v>
      </c>
    </row>
    <row r="3918" spans="1:6" x14ac:dyDescent="0.25">
      <c r="A3918" s="4" t="s">
        <v>16</v>
      </c>
      <c r="B3918" s="1" t="s">
        <v>3152</v>
      </c>
      <c r="C3918" s="5" t="s">
        <v>3227</v>
      </c>
      <c r="D3918" s="1" t="s">
        <v>11396</v>
      </c>
      <c r="E3918" s="5" t="s">
        <v>17822</v>
      </c>
      <c r="F3918" s="6">
        <v>9448</v>
      </c>
    </row>
    <row r="3919" spans="1:6" x14ac:dyDescent="0.25">
      <c r="A3919" s="4" t="s">
        <v>16</v>
      </c>
      <c r="B3919" s="1" t="s">
        <v>3152</v>
      </c>
      <c r="C3919" s="5" t="s">
        <v>4060</v>
      </c>
      <c r="D3919" s="1" t="s">
        <v>11467</v>
      </c>
      <c r="E3919" s="5" t="s">
        <v>17904</v>
      </c>
      <c r="F3919" s="6">
        <v>9533</v>
      </c>
    </row>
    <row r="3920" spans="1:6" x14ac:dyDescent="0.25">
      <c r="A3920" s="4" t="s">
        <v>16</v>
      </c>
      <c r="B3920" s="1" t="s">
        <v>3152</v>
      </c>
      <c r="C3920" s="5" t="s">
        <v>3671</v>
      </c>
      <c r="D3920" s="1" t="s">
        <v>11472</v>
      </c>
      <c r="E3920" s="5" t="s">
        <v>17914</v>
      </c>
      <c r="F3920" s="6">
        <v>9543</v>
      </c>
    </row>
    <row r="3921" spans="1:6" x14ac:dyDescent="0.25">
      <c r="A3921" s="4" t="s">
        <v>16</v>
      </c>
      <c r="B3921" s="1" t="s">
        <v>3152</v>
      </c>
      <c r="C3921" s="5" t="s">
        <v>7268</v>
      </c>
      <c r="D3921" s="1" t="s">
        <v>11490</v>
      </c>
      <c r="E3921" s="5" t="s">
        <v>17948</v>
      </c>
      <c r="F3921" s="6">
        <v>9579</v>
      </c>
    </row>
    <row r="3922" spans="1:6" x14ac:dyDescent="0.25">
      <c r="A3922" s="4" t="s">
        <v>1726</v>
      </c>
      <c r="B3922" s="1" t="s">
        <v>3154</v>
      </c>
      <c r="C3922" s="5" t="s">
        <v>3452</v>
      </c>
      <c r="D3922" s="1" t="s">
        <v>1726</v>
      </c>
      <c r="E3922" s="5" t="s">
        <v>14525</v>
      </c>
      <c r="F3922" s="6">
        <v>3213</v>
      </c>
    </row>
    <row r="3923" spans="1:6" x14ac:dyDescent="0.25">
      <c r="A3923" s="4" t="s">
        <v>648</v>
      </c>
      <c r="B3923" s="1" t="s">
        <v>3147</v>
      </c>
      <c r="C3923" s="5" t="s">
        <v>4334</v>
      </c>
      <c r="D3923" s="1" t="s">
        <v>648</v>
      </c>
      <c r="E3923" s="5" t="s">
        <v>13063</v>
      </c>
      <c r="F3923" s="6">
        <v>1695</v>
      </c>
    </row>
    <row r="3924" spans="1:6" x14ac:dyDescent="0.25">
      <c r="A3924" s="4" t="s">
        <v>1048</v>
      </c>
      <c r="B3924" s="1" t="s">
        <v>3173</v>
      </c>
      <c r="C3924" s="5" t="s">
        <v>4789</v>
      </c>
      <c r="D3924" s="1" t="s">
        <v>1048</v>
      </c>
      <c r="E3924" s="5" t="s">
        <v>13616</v>
      </c>
      <c r="F3924" s="6">
        <v>2258</v>
      </c>
    </row>
    <row r="3925" spans="1:6" x14ac:dyDescent="0.25">
      <c r="A3925" s="4" t="s">
        <v>2478</v>
      </c>
      <c r="B3925" s="1" t="s">
        <v>3156</v>
      </c>
      <c r="C3925" s="5" t="s">
        <v>6350</v>
      </c>
      <c r="D3925" s="1" t="s">
        <v>2478</v>
      </c>
      <c r="E3925" s="5" t="s">
        <v>16015</v>
      </c>
      <c r="F3925" s="6">
        <v>4978</v>
      </c>
    </row>
    <row r="3926" spans="1:6" x14ac:dyDescent="0.25">
      <c r="A3926" s="4" t="s">
        <v>1049</v>
      </c>
      <c r="B3926" s="1" t="s">
        <v>3155</v>
      </c>
      <c r="C3926" s="5" t="s">
        <v>4790</v>
      </c>
      <c r="D3926" s="1" t="s">
        <v>1049</v>
      </c>
      <c r="E3926" s="5" t="s">
        <v>13617</v>
      </c>
      <c r="F3926" s="6">
        <v>2259</v>
      </c>
    </row>
    <row r="3927" spans="1:6" x14ac:dyDescent="0.25">
      <c r="A3927" s="4" t="s">
        <v>513</v>
      </c>
      <c r="B3927" s="1" t="s">
        <v>3152</v>
      </c>
      <c r="C3927" s="5" t="s">
        <v>4145</v>
      </c>
      <c r="D3927" s="1" t="s">
        <v>8374</v>
      </c>
      <c r="E3927" s="5" t="s">
        <v>12800</v>
      </c>
      <c r="F3927" s="6">
        <v>1398</v>
      </c>
    </row>
    <row r="3928" spans="1:6" x14ac:dyDescent="0.25">
      <c r="A3928" s="4" t="s">
        <v>2980</v>
      </c>
      <c r="B3928" s="1" t="s">
        <v>3158</v>
      </c>
      <c r="C3928" s="5" t="s">
        <v>7022</v>
      </c>
      <c r="D3928" s="1" t="s">
        <v>2980</v>
      </c>
      <c r="E3928" s="5" t="s">
        <v>17449</v>
      </c>
      <c r="F3928" s="6">
        <v>9060</v>
      </c>
    </row>
    <row r="3929" spans="1:6" x14ac:dyDescent="0.25">
      <c r="A3929" s="4" t="s">
        <v>613</v>
      </c>
      <c r="B3929" s="1" t="s">
        <v>3155</v>
      </c>
      <c r="C3929" s="5" t="s">
        <v>4291</v>
      </c>
      <c r="D3929" s="1" t="s">
        <v>613</v>
      </c>
      <c r="E3929" s="5" t="s">
        <v>13005</v>
      </c>
      <c r="F3929" s="6">
        <v>1632</v>
      </c>
    </row>
    <row r="3930" spans="1:6" x14ac:dyDescent="0.25">
      <c r="A3930" s="4" t="s">
        <v>613</v>
      </c>
      <c r="B3930" s="1" t="s">
        <v>3155</v>
      </c>
      <c r="C3930" s="5">
        <v>521001</v>
      </c>
      <c r="D3930" s="1" t="s">
        <v>10091</v>
      </c>
      <c r="E3930" s="5" t="s">
        <v>16089</v>
      </c>
      <c r="F3930" s="6">
        <v>5136</v>
      </c>
    </row>
    <row r="3931" spans="1:6" x14ac:dyDescent="0.25">
      <c r="A3931" s="4" t="s">
        <v>746</v>
      </c>
      <c r="B3931" s="1" t="s">
        <v>3146</v>
      </c>
      <c r="C3931" s="5" t="s">
        <v>4460</v>
      </c>
      <c r="D3931" s="1" t="s">
        <v>8653</v>
      </c>
      <c r="E3931" s="5" t="s">
        <v>13225</v>
      </c>
      <c r="F3931" s="6">
        <v>1858</v>
      </c>
    </row>
    <row r="3932" spans="1:6" x14ac:dyDescent="0.25">
      <c r="A3932" s="4" t="s">
        <v>746</v>
      </c>
      <c r="B3932" s="1" t="s">
        <v>3146</v>
      </c>
      <c r="C3932" s="5" t="s">
        <v>3718</v>
      </c>
      <c r="D3932" s="1" t="s">
        <v>746</v>
      </c>
      <c r="E3932" s="5" t="s">
        <v>13381</v>
      </c>
      <c r="F3932" s="6">
        <v>2014</v>
      </c>
    </row>
    <row r="3933" spans="1:6" x14ac:dyDescent="0.25">
      <c r="A3933" s="4" t="s">
        <v>1188</v>
      </c>
      <c r="B3933" s="1" t="s">
        <v>3155</v>
      </c>
      <c r="C3933" s="5" t="s">
        <v>4940</v>
      </c>
      <c r="D3933" s="1" t="s">
        <v>8873</v>
      </c>
      <c r="E3933" s="5" t="s">
        <v>13785</v>
      </c>
      <c r="F3933" s="6">
        <v>2435</v>
      </c>
    </row>
    <row r="3934" spans="1:6" x14ac:dyDescent="0.25">
      <c r="A3934" s="4" t="s">
        <v>1631</v>
      </c>
      <c r="B3934" s="1" t="s">
        <v>3147</v>
      </c>
      <c r="C3934" s="5" t="s">
        <v>5441</v>
      </c>
      <c r="D3934" s="1" t="s">
        <v>1631</v>
      </c>
      <c r="E3934" s="5" t="s">
        <v>14419</v>
      </c>
      <c r="F3934" s="6">
        <v>3099</v>
      </c>
    </row>
    <row r="3935" spans="1:6" x14ac:dyDescent="0.25">
      <c r="A3935" s="4" t="s">
        <v>1631</v>
      </c>
      <c r="B3935" s="1" t="s">
        <v>3147</v>
      </c>
      <c r="C3935" s="5" t="s">
        <v>5445</v>
      </c>
      <c r="D3935" s="1" t="s">
        <v>9681</v>
      </c>
      <c r="E3935" s="5" t="s">
        <v>15561</v>
      </c>
      <c r="F3935" s="6">
        <v>4302</v>
      </c>
    </row>
    <row r="3936" spans="1:6" x14ac:dyDescent="0.25">
      <c r="A3936" s="4" t="s">
        <v>1133</v>
      </c>
      <c r="B3936" s="1" t="s">
        <v>812</v>
      </c>
      <c r="C3936" s="5" t="s">
        <v>4875</v>
      </c>
      <c r="D3936" s="1" t="s">
        <v>1133</v>
      </c>
      <c r="E3936" s="5" t="s">
        <v>13706</v>
      </c>
      <c r="F3936" s="6">
        <v>2353</v>
      </c>
    </row>
    <row r="3937" spans="1:6" x14ac:dyDescent="0.25">
      <c r="A3937" s="4" t="s">
        <v>1750</v>
      </c>
      <c r="B3937" s="1" t="s">
        <v>3152</v>
      </c>
      <c r="C3937" s="5" t="s">
        <v>5539</v>
      </c>
      <c r="D3937" s="1" t="s">
        <v>1750</v>
      </c>
      <c r="E3937" s="5" t="s">
        <v>14565</v>
      </c>
      <c r="F3937" s="6">
        <v>3256</v>
      </c>
    </row>
    <row r="3938" spans="1:6" x14ac:dyDescent="0.25">
      <c r="A3938" s="4" t="s">
        <v>1381</v>
      </c>
      <c r="B3938" s="1" t="s">
        <v>812</v>
      </c>
      <c r="C3938" s="5" t="s">
        <v>5184</v>
      </c>
      <c r="D3938" s="1" t="s">
        <v>1381</v>
      </c>
      <c r="E3938" s="5" t="s">
        <v>14093</v>
      </c>
      <c r="F3938" s="6">
        <v>2750</v>
      </c>
    </row>
    <row r="3939" spans="1:6" x14ac:dyDescent="0.25">
      <c r="A3939" s="4" t="s">
        <v>1381</v>
      </c>
      <c r="B3939" s="1" t="s">
        <v>812</v>
      </c>
      <c r="C3939" s="5">
        <v>847226</v>
      </c>
      <c r="D3939" s="1" t="s">
        <v>10150</v>
      </c>
      <c r="E3939" s="5" t="s">
        <v>16160</v>
      </c>
      <c r="F3939" s="6">
        <v>5273</v>
      </c>
    </row>
    <row r="3940" spans="1:6" x14ac:dyDescent="0.25">
      <c r="A3940" s="4" t="s">
        <v>1069</v>
      </c>
      <c r="B3940" s="1" t="s">
        <v>3159</v>
      </c>
      <c r="C3940" s="5" t="s">
        <v>4810</v>
      </c>
      <c r="D3940" s="1" t="s">
        <v>1069</v>
      </c>
      <c r="E3940" s="5" t="s">
        <v>13637</v>
      </c>
      <c r="F3940" s="6">
        <v>2281</v>
      </c>
    </row>
    <row r="3941" spans="1:6" x14ac:dyDescent="0.25">
      <c r="A3941" s="4" t="s">
        <v>11</v>
      </c>
      <c r="B3941" s="1" t="s">
        <v>3148</v>
      </c>
      <c r="C3941" s="5" t="s">
        <v>3216</v>
      </c>
      <c r="D3941" s="1" t="s">
        <v>11</v>
      </c>
      <c r="E3941" s="5" t="s">
        <v>11615</v>
      </c>
      <c r="F3941" s="6">
        <v>23</v>
      </c>
    </row>
    <row r="3942" spans="1:6" x14ac:dyDescent="0.25">
      <c r="A3942" s="4" t="s">
        <v>855</v>
      </c>
      <c r="B3942" s="1" t="s">
        <v>3149</v>
      </c>
      <c r="C3942" s="5" t="s">
        <v>4593</v>
      </c>
      <c r="D3942" s="1" t="s">
        <v>855</v>
      </c>
      <c r="E3942" s="5" t="s">
        <v>13393</v>
      </c>
      <c r="F3942" s="6">
        <v>2026</v>
      </c>
    </row>
    <row r="3943" spans="1:6" x14ac:dyDescent="0.25">
      <c r="A3943" s="4" t="s">
        <v>52</v>
      </c>
      <c r="B3943" s="1" t="s">
        <v>3146</v>
      </c>
      <c r="C3943" s="5" t="s">
        <v>3287</v>
      </c>
      <c r="D3943" s="1" t="s">
        <v>7416</v>
      </c>
      <c r="E3943" s="5" t="s">
        <v>11691</v>
      </c>
      <c r="F3943" s="6">
        <v>111</v>
      </c>
    </row>
    <row r="3944" spans="1:6" x14ac:dyDescent="0.25">
      <c r="A3944" s="4" t="s">
        <v>925</v>
      </c>
      <c r="B3944" s="1" t="s">
        <v>3154</v>
      </c>
      <c r="C3944" s="5" t="s">
        <v>4673</v>
      </c>
      <c r="D3944" s="1" t="s">
        <v>925</v>
      </c>
      <c r="E3944" s="5" t="s">
        <v>13491</v>
      </c>
      <c r="F3944" s="6">
        <v>2129</v>
      </c>
    </row>
    <row r="3945" spans="1:6" x14ac:dyDescent="0.25">
      <c r="A3945" s="4" t="s">
        <v>61</v>
      </c>
      <c r="B3945" s="1" t="s">
        <v>3146</v>
      </c>
      <c r="C3945" s="5" t="s">
        <v>3299</v>
      </c>
      <c r="D3945" s="1" t="s">
        <v>61</v>
      </c>
      <c r="E3945" s="5" t="s">
        <v>11703</v>
      </c>
      <c r="F3945" s="6">
        <v>123</v>
      </c>
    </row>
    <row r="3946" spans="1:6" x14ac:dyDescent="0.25">
      <c r="A3946" s="4" t="s">
        <v>61</v>
      </c>
      <c r="B3946" s="1" t="s">
        <v>3146</v>
      </c>
      <c r="C3946" s="5" t="s">
        <v>4085</v>
      </c>
      <c r="D3946" s="1" t="s">
        <v>8273</v>
      </c>
      <c r="E3946" s="5" t="s">
        <v>12681</v>
      </c>
      <c r="F3946" s="6">
        <v>1277</v>
      </c>
    </row>
    <row r="3947" spans="1:6" x14ac:dyDescent="0.25">
      <c r="A3947" s="4" t="s">
        <v>61</v>
      </c>
      <c r="B3947" s="1" t="s">
        <v>3146</v>
      </c>
      <c r="C3947" s="5" t="s">
        <v>4594</v>
      </c>
      <c r="D3947" s="1" t="s">
        <v>8744</v>
      </c>
      <c r="E3947" s="5" t="s">
        <v>13394</v>
      </c>
      <c r="F3947" s="6">
        <v>2027</v>
      </c>
    </row>
    <row r="3948" spans="1:6" x14ac:dyDescent="0.25">
      <c r="A3948" s="4" t="s">
        <v>61</v>
      </c>
      <c r="B3948" s="1" t="s">
        <v>3146</v>
      </c>
      <c r="C3948" s="5" t="s">
        <v>4919</v>
      </c>
      <c r="D3948" s="1" t="s">
        <v>8859</v>
      </c>
      <c r="E3948" s="5" t="s">
        <v>13760</v>
      </c>
      <c r="F3948" s="6">
        <v>2409</v>
      </c>
    </row>
    <row r="3949" spans="1:6" x14ac:dyDescent="0.25">
      <c r="A3949" s="4" t="s">
        <v>61</v>
      </c>
      <c r="B3949" s="1" t="s">
        <v>3146</v>
      </c>
      <c r="C3949" s="5" t="s">
        <v>4594</v>
      </c>
      <c r="D3949" s="1" t="s">
        <v>8966</v>
      </c>
      <c r="E3949" s="5" t="s">
        <v>13963</v>
      </c>
      <c r="F3949" s="6">
        <v>2615</v>
      </c>
    </row>
    <row r="3950" spans="1:6" x14ac:dyDescent="0.25">
      <c r="A3950" s="4" t="s">
        <v>61</v>
      </c>
      <c r="B3950" s="1" t="s">
        <v>3146</v>
      </c>
      <c r="C3950" s="5" t="s">
        <v>5791</v>
      </c>
      <c r="D3950" s="1" t="s">
        <v>9317</v>
      </c>
      <c r="E3950" s="5" t="s">
        <v>15007</v>
      </c>
      <c r="F3950" s="6">
        <v>3734</v>
      </c>
    </row>
    <row r="3951" spans="1:6" x14ac:dyDescent="0.25">
      <c r="A3951" s="4" t="s">
        <v>61</v>
      </c>
      <c r="B3951" s="1" t="s">
        <v>3146</v>
      </c>
      <c r="C3951" s="5" t="s">
        <v>5865</v>
      </c>
      <c r="D3951" s="1" t="s">
        <v>9407</v>
      </c>
      <c r="E3951" s="5" t="s">
        <v>15152</v>
      </c>
      <c r="F3951" s="6">
        <v>3883</v>
      </c>
    </row>
    <row r="3952" spans="1:6" x14ac:dyDescent="0.25">
      <c r="A3952" s="4" t="s">
        <v>61</v>
      </c>
      <c r="B3952" s="1" t="s">
        <v>3170</v>
      </c>
      <c r="C3952" s="5">
        <v>625002</v>
      </c>
      <c r="D3952" s="1" t="s">
        <v>9824</v>
      </c>
      <c r="E3952" s="5" t="s">
        <v>15743</v>
      </c>
      <c r="F3952" s="6">
        <v>4523</v>
      </c>
    </row>
    <row r="3953" spans="1:6" x14ac:dyDescent="0.25">
      <c r="A3953" s="4" t="s">
        <v>61</v>
      </c>
      <c r="B3953" s="1" t="s">
        <v>3146</v>
      </c>
      <c r="C3953" s="5" t="s">
        <v>6233</v>
      </c>
      <c r="D3953" s="1" t="s">
        <v>9856</v>
      </c>
      <c r="E3953" s="5" t="s">
        <v>15784</v>
      </c>
      <c r="F3953" s="6">
        <v>4691</v>
      </c>
    </row>
    <row r="3954" spans="1:6" x14ac:dyDescent="0.25">
      <c r="A3954" s="4" t="s">
        <v>61</v>
      </c>
      <c r="B3954" s="1" t="s">
        <v>3146</v>
      </c>
      <c r="C3954" s="5" t="s">
        <v>6423</v>
      </c>
      <c r="D3954" s="1" t="s">
        <v>10171</v>
      </c>
      <c r="E3954" s="5" t="s">
        <v>16187</v>
      </c>
      <c r="F3954" s="6">
        <v>5316</v>
      </c>
    </row>
    <row r="3955" spans="1:6" x14ac:dyDescent="0.25">
      <c r="A3955" s="4" t="s">
        <v>61</v>
      </c>
      <c r="B3955" s="1" t="s">
        <v>3146</v>
      </c>
      <c r="C3955" s="5" t="s">
        <v>6438</v>
      </c>
      <c r="D3955" s="1" t="s">
        <v>10198</v>
      </c>
      <c r="E3955" s="5" t="s">
        <v>16218</v>
      </c>
      <c r="F3955" s="6">
        <v>5413</v>
      </c>
    </row>
    <row r="3956" spans="1:6" x14ac:dyDescent="0.25">
      <c r="A3956" s="4" t="s">
        <v>61</v>
      </c>
      <c r="B3956" s="1" t="s">
        <v>3146</v>
      </c>
      <c r="C3956" s="5" t="s">
        <v>6233</v>
      </c>
      <c r="D3956" s="1" t="s">
        <v>10265</v>
      </c>
      <c r="E3956" s="5" t="s">
        <v>16327</v>
      </c>
      <c r="F3956" s="6">
        <v>5657</v>
      </c>
    </row>
    <row r="3957" spans="1:6" x14ac:dyDescent="0.25">
      <c r="A3957" s="4" t="s">
        <v>2599</v>
      </c>
      <c r="B3957" s="1" t="s">
        <v>3146</v>
      </c>
      <c r="C3957" s="5" t="s">
        <v>6423</v>
      </c>
      <c r="D3957" s="1" t="s">
        <v>10268</v>
      </c>
      <c r="E3957" s="5" t="s">
        <v>16334</v>
      </c>
      <c r="F3957" s="6">
        <v>5675</v>
      </c>
    </row>
    <row r="3958" spans="1:6" x14ac:dyDescent="0.25">
      <c r="A3958" s="4" t="s">
        <v>61</v>
      </c>
      <c r="B3958" s="1" t="s">
        <v>3146</v>
      </c>
      <c r="C3958" s="5" t="s">
        <v>5865</v>
      </c>
      <c r="D3958" s="1" t="s">
        <v>10492</v>
      </c>
      <c r="E3958" s="5" t="s">
        <v>16655</v>
      </c>
      <c r="F3958" s="6">
        <v>6485</v>
      </c>
    </row>
    <row r="3959" spans="1:6" x14ac:dyDescent="0.25">
      <c r="A3959" s="4" t="s">
        <v>61</v>
      </c>
      <c r="B3959" s="1" t="s">
        <v>3146</v>
      </c>
      <c r="C3959" s="5">
        <v>625011</v>
      </c>
      <c r="D3959" s="1" t="s">
        <v>10555</v>
      </c>
      <c r="E3959" s="5" t="s">
        <v>16742</v>
      </c>
      <c r="F3959" s="6">
        <v>6785</v>
      </c>
    </row>
    <row r="3960" spans="1:6" x14ac:dyDescent="0.25">
      <c r="A3960" s="4" t="s">
        <v>61</v>
      </c>
      <c r="B3960" s="1" t="s">
        <v>3146</v>
      </c>
      <c r="C3960" s="5" t="s">
        <v>3299</v>
      </c>
      <c r="D3960" s="1" t="s">
        <v>10768</v>
      </c>
      <c r="E3960" s="5" t="s">
        <v>17023</v>
      </c>
      <c r="F3960" s="6">
        <v>7618</v>
      </c>
    </row>
    <row r="3961" spans="1:6" x14ac:dyDescent="0.25">
      <c r="A3961" s="4" t="s">
        <v>61</v>
      </c>
      <c r="B3961" s="1" t="s">
        <v>3146</v>
      </c>
      <c r="C3961" s="5" t="s">
        <v>3299</v>
      </c>
      <c r="D3961" s="1" t="s">
        <v>11003</v>
      </c>
      <c r="E3961" s="5" t="s">
        <v>17318</v>
      </c>
      <c r="F3961" s="6">
        <v>8711</v>
      </c>
    </row>
    <row r="3962" spans="1:6" x14ac:dyDescent="0.25">
      <c r="A3962" s="4" t="s">
        <v>61</v>
      </c>
      <c r="B3962" s="1" t="s">
        <v>3146</v>
      </c>
      <c r="C3962" s="5" t="s">
        <v>3299</v>
      </c>
      <c r="D3962" s="1" t="s">
        <v>11056</v>
      </c>
      <c r="E3962" s="5" t="s">
        <v>17389</v>
      </c>
      <c r="F3962" s="6">
        <v>8991</v>
      </c>
    </row>
    <row r="3963" spans="1:6" x14ac:dyDescent="0.25">
      <c r="A3963" s="4" t="s">
        <v>61</v>
      </c>
      <c r="B3963" s="1" t="s">
        <v>3146</v>
      </c>
      <c r="C3963" s="5" t="s">
        <v>4919</v>
      </c>
      <c r="D3963" s="1" t="s">
        <v>11059</v>
      </c>
      <c r="E3963" s="5" t="s">
        <v>17393</v>
      </c>
      <c r="F3963" s="6">
        <v>8998</v>
      </c>
    </row>
    <row r="3964" spans="1:6" x14ac:dyDescent="0.25">
      <c r="A3964" s="4" t="s">
        <v>61</v>
      </c>
      <c r="B3964" s="1" t="s">
        <v>3146</v>
      </c>
      <c r="C3964" s="5" t="s">
        <v>7011</v>
      </c>
      <c r="D3964" s="1" t="s">
        <v>11091</v>
      </c>
      <c r="E3964" s="5" t="s">
        <v>17436</v>
      </c>
      <c r="F3964" s="6">
        <v>9046</v>
      </c>
    </row>
    <row r="3965" spans="1:6" x14ac:dyDescent="0.25">
      <c r="A3965" s="4" t="s">
        <v>1470</v>
      </c>
      <c r="B3965" s="1" t="s">
        <v>3163</v>
      </c>
      <c r="C3965" s="5" t="s">
        <v>5284</v>
      </c>
      <c r="D3965" s="1" t="s">
        <v>1470</v>
      </c>
      <c r="E3965" s="5" t="s">
        <v>14240</v>
      </c>
      <c r="F3965" s="6">
        <v>2901</v>
      </c>
    </row>
    <row r="3966" spans="1:6" x14ac:dyDescent="0.25">
      <c r="A3966" s="4" t="s">
        <v>1127</v>
      </c>
      <c r="B3966" s="1" t="s">
        <v>3151</v>
      </c>
      <c r="C3966" s="5" t="s">
        <v>4869</v>
      </c>
      <c r="D3966" s="1" t="s">
        <v>8828</v>
      </c>
      <c r="E3966" s="5" t="s">
        <v>13700</v>
      </c>
      <c r="F3966" s="6">
        <v>2347</v>
      </c>
    </row>
    <row r="3967" spans="1:6" x14ac:dyDescent="0.25">
      <c r="A3967" s="4" t="s">
        <v>428</v>
      </c>
      <c r="B3967" s="1" t="s">
        <v>3151</v>
      </c>
      <c r="C3967" s="5" t="s">
        <v>3958</v>
      </c>
      <c r="D3967" s="1" t="s">
        <v>428</v>
      </c>
      <c r="E3967" s="5" t="s">
        <v>12491</v>
      </c>
      <c r="F3967" s="6">
        <v>1014</v>
      </c>
    </row>
    <row r="3968" spans="1:6" x14ac:dyDescent="0.25">
      <c r="A3968" s="4" t="s">
        <v>428</v>
      </c>
      <c r="B3968" s="1" t="s">
        <v>3151</v>
      </c>
      <c r="C3968" s="5">
        <v>509001</v>
      </c>
      <c r="D3968" s="1" t="s">
        <v>10854</v>
      </c>
      <c r="E3968" s="5" t="s">
        <v>17134</v>
      </c>
      <c r="F3968" s="6">
        <v>8017</v>
      </c>
    </row>
    <row r="3969" spans="1:6" x14ac:dyDescent="0.25">
      <c r="A3969" s="4" t="s">
        <v>1651</v>
      </c>
      <c r="B3969" s="1" t="s">
        <v>3144</v>
      </c>
      <c r="C3969" s="5" t="s">
        <v>5452</v>
      </c>
      <c r="D3969" s="1" t="s">
        <v>1651</v>
      </c>
      <c r="E3969" s="5" t="s">
        <v>14441</v>
      </c>
      <c r="F3969" s="6">
        <v>3126</v>
      </c>
    </row>
    <row r="3970" spans="1:6" x14ac:dyDescent="0.25">
      <c r="A3970" s="4" t="s">
        <v>1788</v>
      </c>
      <c r="B3970" s="1" t="s">
        <v>3152</v>
      </c>
      <c r="C3970" s="5" t="s">
        <v>5568</v>
      </c>
      <c r="D3970" s="1" t="s">
        <v>1788</v>
      </c>
      <c r="E3970" s="5" t="s">
        <v>14608</v>
      </c>
      <c r="F3970" s="6">
        <v>3303</v>
      </c>
    </row>
    <row r="3971" spans="1:6" x14ac:dyDescent="0.25">
      <c r="A3971" s="4" t="s">
        <v>2521</v>
      </c>
      <c r="B3971" s="1" t="s">
        <v>3152</v>
      </c>
      <c r="C3971" s="5" t="s">
        <v>5189</v>
      </c>
      <c r="D3971" s="1" t="s">
        <v>10152</v>
      </c>
      <c r="E3971" s="5" t="s">
        <v>16162</v>
      </c>
      <c r="F3971" s="6">
        <v>5276</v>
      </c>
    </row>
    <row r="3972" spans="1:6" x14ac:dyDescent="0.25">
      <c r="A3972" s="4" t="s">
        <v>2826</v>
      </c>
      <c r="B3972" s="1" t="s">
        <v>3149</v>
      </c>
      <c r="C3972" s="5" t="s">
        <v>6819</v>
      </c>
      <c r="D3972" s="1" t="s">
        <v>10717</v>
      </c>
      <c r="E3972" s="5" t="s">
        <v>16952</v>
      </c>
      <c r="F3972" s="6">
        <v>7391</v>
      </c>
    </row>
    <row r="3973" spans="1:6" x14ac:dyDescent="0.25">
      <c r="A3973" s="4" t="s">
        <v>1181</v>
      </c>
      <c r="B3973" s="1" t="s">
        <v>3154</v>
      </c>
      <c r="C3973" s="5" t="s">
        <v>4932</v>
      </c>
      <c r="D3973" s="1" t="s">
        <v>8870</v>
      </c>
      <c r="E3973" s="5" t="s">
        <v>13777</v>
      </c>
      <c r="F3973" s="6">
        <v>2426</v>
      </c>
    </row>
    <row r="3974" spans="1:6" x14ac:dyDescent="0.25">
      <c r="A3974" s="4" t="s">
        <v>2107</v>
      </c>
      <c r="B3974" s="1" t="s">
        <v>3160</v>
      </c>
      <c r="C3974" s="5" t="s">
        <v>5808</v>
      </c>
      <c r="D3974" s="1" t="s">
        <v>9331</v>
      </c>
      <c r="E3974" s="5" t="s">
        <v>15034</v>
      </c>
      <c r="F3974" s="6">
        <v>3762</v>
      </c>
    </row>
    <row r="3975" spans="1:6" x14ac:dyDescent="0.25">
      <c r="A3975" s="4" t="s">
        <v>776</v>
      </c>
      <c r="B3975" s="1" t="s">
        <v>3158</v>
      </c>
      <c r="C3975" s="5" t="s">
        <v>4500</v>
      </c>
      <c r="D3975" s="1" t="s">
        <v>776</v>
      </c>
      <c r="E3975" s="5" t="s">
        <v>13276</v>
      </c>
      <c r="F3975" s="6">
        <v>1909</v>
      </c>
    </row>
    <row r="3976" spans="1:6" x14ac:dyDescent="0.25">
      <c r="A3976" s="4" t="s">
        <v>776</v>
      </c>
      <c r="B3976" s="1" t="s">
        <v>812</v>
      </c>
      <c r="C3976" s="5" t="s">
        <v>6137</v>
      </c>
      <c r="D3976" s="1" t="s">
        <v>9703</v>
      </c>
      <c r="E3976" s="5" t="s">
        <v>15594</v>
      </c>
      <c r="F3976" s="6">
        <v>4336</v>
      </c>
    </row>
    <row r="3977" spans="1:6" x14ac:dyDescent="0.25">
      <c r="A3977" s="4" t="s">
        <v>776</v>
      </c>
      <c r="B3977" s="1" t="s">
        <v>3158</v>
      </c>
      <c r="C3977" s="5" t="s">
        <v>7068</v>
      </c>
      <c r="D3977" s="1" t="s">
        <v>11168</v>
      </c>
      <c r="E3977" s="5" t="s">
        <v>17538</v>
      </c>
      <c r="F3977" s="6">
        <v>9152</v>
      </c>
    </row>
    <row r="3978" spans="1:6" x14ac:dyDescent="0.25">
      <c r="A3978" s="4" t="s">
        <v>634</v>
      </c>
      <c r="B3978" s="1" t="s">
        <v>3161</v>
      </c>
      <c r="C3978" s="5" t="s">
        <v>4313</v>
      </c>
      <c r="D3978" s="1" t="s">
        <v>8538</v>
      </c>
      <c r="E3978" s="5" t="s">
        <v>13028</v>
      </c>
      <c r="F3978" s="6">
        <v>1655</v>
      </c>
    </row>
    <row r="3979" spans="1:6" x14ac:dyDescent="0.25">
      <c r="A3979" s="4" t="s">
        <v>1076</v>
      </c>
      <c r="B3979" s="1" t="s">
        <v>3152</v>
      </c>
      <c r="C3979" s="5" t="s">
        <v>4819</v>
      </c>
      <c r="D3979" s="1" t="s">
        <v>1076</v>
      </c>
      <c r="E3979" s="5" t="s">
        <v>13646</v>
      </c>
      <c r="F3979" s="6">
        <v>2292</v>
      </c>
    </row>
    <row r="3980" spans="1:6" x14ac:dyDescent="0.25">
      <c r="A3980" s="4" t="s">
        <v>2228</v>
      </c>
      <c r="B3980" s="1" t="s">
        <v>199</v>
      </c>
      <c r="C3980" s="5" t="s">
        <v>5952</v>
      </c>
      <c r="D3980" s="1" t="s">
        <v>2228</v>
      </c>
      <c r="E3980" s="5" t="s">
        <v>15319</v>
      </c>
      <c r="F3980" s="6">
        <v>4056</v>
      </c>
    </row>
    <row r="3981" spans="1:6" x14ac:dyDescent="0.25">
      <c r="A3981" s="4" t="s">
        <v>2544</v>
      </c>
      <c r="B3981" s="1" t="s">
        <v>3147</v>
      </c>
      <c r="C3981" s="5" t="s">
        <v>6449</v>
      </c>
      <c r="D3981" s="1" t="s">
        <v>2544</v>
      </c>
      <c r="E3981" s="5" t="s">
        <v>16240</v>
      </c>
      <c r="F3981" s="6">
        <v>5468</v>
      </c>
    </row>
    <row r="3982" spans="1:6" x14ac:dyDescent="0.25">
      <c r="A3982" s="4" t="s">
        <v>660</v>
      </c>
      <c r="B3982" s="1" t="s">
        <v>3154</v>
      </c>
      <c r="C3982" s="5" t="s">
        <v>4356</v>
      </c>
      <c r="D3982" s="1" t="s">
        <v>660</v>
      </c>
      <c r="E3982" s="5" t="s">
        <v>13096</v>
      </c>
      <c r="F3982" s="6">
        <v>1729</v>
      </c>
    </row>
    <row r="3983" spans="1:6" x14ac:dyDescent="0.25">
      <c r="A3983" s="4" t="s">
        <v>660</v>
      </c>
      <c r="B3983" s="1" t="s">
        <v>3154</v>
      </c>
      <c r="C3983" s="5" t="s">
        <v>5534</v>
      </c>
      <c r="D3983" s="1" t="s">
        <v>9184</v>
      </c>
      <c r="E3983" s="5" t="s">
        <v>14558</v>
      </c>
      <c r="F3983" s="6">
        <v>3249</v>
      </c>
    </row>
    <row r="3984" spans="1:6" x14ac:dyDescent="0.25">
      <c r="A3984" s="4" t="s">
        <v>660</v>
      </c>
      <c r="B3984" s="1" t="s">
        <v>3154</v>
      </c>
      <c r="C3984" s="5" t="s">
        <v>6010</v>
      </c>
      <c r="D3984" s="1" t="s">
        <v>9573</v>
      </c>
      <c r="E3984" s="5" t="s">
        <v>15407</v>
      </c>
      <c r="F3984" s="6">
        <v>4144</v>
      </c>
    </row>
    <row r="3985" spans="1:6" x14ac:dyDescent="0.25">
      <c r="A3985" s="4" t="s">
        <v>1779</v>
      </c>
      <c r="B3985" s="1" t="s">
        <v>3152</v>
      </c>
      <c r="C3985" s="5" t="s">
        <v>5559</v>
      </c>
      <c r="D3985" s="1" t="s">
        <v>1779</v>
      </c>
      <c r="E3985" s="5" t="s">
        <v>14598</v>
      </c>
      <c r="F3985" s="6">
        <v>3293</v>
      </c>
    </row>
    <row r="3986" spans="1:6" x14ac:dyDescent="0.25">
      <c r="A3986" s="4" t="s">
        <v>2522</v>
      </c>
      <c r="B3986" s="1" t="s">
        <v>3147</v>
      </c>
      <c r="C3986" s="5" t="s">
        <v>3400</v>
      </c>
      <c r="D3986" s="1" t="s">
        <v>10158</v>
      </c>
      <c r="E3986" s="5" t="s">
        <v>16169</v>
      </c>
      <c r="F3986" s="6">
        <v>5289</v>
      </c>
    </row>
    <row r="3987" spans="1:6" x14ac:dyDescent="0.25">
      <c r="A3987" s="4" t="s">
        <v>2446</v>
      </c>
      <c r="B3987" s="1" t="s">
        <v>3153</v>
      </c>
      <c r="C3987" s="5" t="s">
        <v>6321</v>
      </c>
      <c r="D3987" s="1" t="s">
        <v>2446</v>
      </c>
      <c r="E3987" s="5" t="s">
        <v>15934</v>
      </c>
      <c r="F3987" s="6">
        <v>4852</v>
      </c>
    </row>
    <row r="3988" spans="1:6" x14ac:dyDescent="0.25">
      <c r="A3988" s="4" t="s">
        <v>528</v>
      </c>
      <c r="B3988" s="1" t="s">
        <v>3152</v>
      </c>
      <c r="C3988" s="5" t="s">
        <v>4165</v>
      </c>
      <c r="D3988" s="1" t="s">
        <v>8399</v>
      </c>
      <c r="E3988" s="5" t="s">
        <v>12835</v>
      </c>
      <c r="F3988" s="6">
        <v>1435</v>
      </c>
    </row>
    <row r="3989" spans="1:6" x14ac:dyDescent="0.25">
      <c r="A3989" s="4" t="s">
        <v>1870</v>
      </c>
      <c r="B3989" s="1" t="s">
        <v>3156</v>
      </c>
      <c r="C3989" s="5">
        <v>335002</v>
      </c>
      <c r="D3989" s="1" t="s">
        <v>1870</v>
      </c>
      <c r="E3989" s="5" t="s">
        <v>14701</v>
      </c>
      <c r="F3989" s="6">
        <v>3406</v>
      </c>
    </row>
    <row r="3990" spans="1:6" x14ac:dyDescent="0.25">
      <c r="A3990" s="4" t="s">
        <v>1301</v>
      </c>
      <c r="B3990" s="1" t="s">
        <v>3158</v>
      </c>
      <c r="C3990" s="5" t="s">
        <v>5088</v>
      </c>
      <c r="D3990" s="1" t="s">
        <v>1301</v>
      </c>
      <c r="E3990" s="5" t="s">
        <v>13972</v>
      </c>
      <c r="F3990" s="6">
        <v>2624</v>
      </c>
    </row>
    <row r="3991" spans="1:6" x14ac:dyDescent="0.25">
      <c r="A3991" s="4" t="s">
        <v>404</v>
      </c>
      <c r="B3991" s="1" t="s">
        <v>3147</v>
      </c>
      <c r="C3991" s="5" t="s">
        <v>3921</v>
      </c>
      <c r="D3991" s="1" t="s">
        <v>404</v>
      </c>
      <c r="E3991" s="5" t="s">
        <v>12441</v>
      </c>
      <c r="F3991" s="6">
        <v>957</v>
      </c>
    </row>
    <row r="3992" spans="1:6" x14ac:dyDescent="0.25">
      <c r="A3992" s="4" t="s">
        <v>3140</v>
      </c>
      <c r="B3992" s="1" t="s">
        <v>3156</v>
      </c>
      <c r="C3992" s="5" t="s">
        <v>7316</v>
      </c>
      <c r="D3992" s="1" t="s">
        <v>3140</v>
      </c>
      <c r="E3992" s="5" t="s">
        <v>18055</v>
      </c>
      <c r="F3992" s="6">
        <v>9689</v>
      </c>
    </row>
    <row r="3993" spans="1:6" x14ac:dyDescent="0.25">
      <c r="A3993" s="4" t="s">
        <v>856</v>
      </c>
      <c r="B3993" s="1" t="s">
        <v>3153</v>
      </c>
      <c r="C3993" s="5" t="s">
        <v>4595</v>
      </c>
      <c r="D3993" s="1" t="s">
        <v>856</v>
      </c>
      <c r="E3993" s="5" t="s">
        <v>13396</v>
      </c>
      <c r="F3993" s="6">
        <v>2029</v>
      </c>
    </row>
    <row r="3994" spans="1:6" x14ac:dyDescent="0.25">
      <c r="A3994" s="4" t="s">
        <v>1363</v>
      </c>
      <c r="B3994" s="1" t="s">
        <v>3158</v>
      </c>
      <c r="C3994" s="5" t="s">
        <v>5159</v>
      </c>
      <c r="D3994" s="1" t="s">
        <v>9014</v>
      </c>
      <c r="E3994" s="5" t="s">
        <v>14064</v>
      </c>
      <c r="F3994" s="6">
        <v>2719</v>
      </c>
    </row>
    <row r="3995" spans="1:6" x14ac:dyDescent="0.25">
      <c r="A3995" s="4" t="s">
        <v>1363</v>
      </c>
      <c r="B3995" s="1" t="s">
        <v>3158</v>
      </c>
      <c r="C3995" s="5" t="s">
        <v>5159</v>
      </c>
      <c r="D3995" s="1" t="s">
        <v>9962</v>
      </c>
      <c r="E3995" s="5" t="s">
        <v>15918</v>
      </c>
      <c r="F3995" s="6">
        <v>4836</v>
      </c>
    </row>
    <row r="3996" spans="1:6" x14ac:dyDescent="0.25">
      <c r="A3996" s="4" t="s">
        <v>1363</v>
      </c>
      <c r="B3996" s="1" t="s">
        <v>3158</v>
      </c>
      <c r="C3996" s="5">
        <v>205001</v>
      </c>
      <c r="D3996" s="1" t="s">
        <v>10866</v>
      </c>
      <c r="E3996" s="5" t="s">
        <v>17148</v>
      </c>
      <c r="F3996" s="6">
        <v>8052</v>
      </c>
    </row>
    <row r="3997" spans="1:6" x14ac:dyDescent="0.25">
      <c r="A3997" s="4" t="s">
        <v>2176</v>
      </c>
      <c r="B3997" s="1" t="s">
        <v>3158</v>
      </c>
      <c r="C3997" s="5" t="s">
        <v>5882</v>
      </c>
      <c r="D3997" s="1" t="s">
        <v>9434</v>
      </c>
      <c r="E3997" s="5" t="s">
        <v>15191</v>
      </c>
      <c r="F3997" s="6">
        <v>3925</v>
      </c>
    </row>
    <row r="3998" spans="1:6" x14ac:dyDescent="0.25">
      <c r="A3998" s="4" t="s">
        <v>2721</v>
      </c>
      <c r="B3998" s="1" t="s">
        <v>812</v>
      </c>
      <c r="C3998" s="5">
        <v>841239</v>
      </c>
      <c r="D3998" s="1" t="s">
        <v>2721</v>
      </c>
      <c r="E3998" s="5" t="s">
        <v>16634</v>
      </c>
      <c r="F3998" s="6">
        <v>6437</v>
      </c>
    </row>
    <row r="3999" spans="1:6" x14ac:dyDescent="0.25">
      <c r="A3999" s="4" t="s">
        <v>1540</v>
      </c>
      <c r="B3999" s="1" t="s">
        <v>3144</v>
      </c>
      <c r="C3999" s="5" t="s">
        <v>5359</v>
      </c>
      <c r="D3999" s="1" t="s">
        <v>9129</v>
      </c>
      <c r="E3999" s="5" t="s">
        <v>14321</v>
      </c>
      <c r="F3999" s="6">
        <v>2983</v>
      </c>
    </row>
    <row r="4000" spans="1:6" x14ac:dyDescent="0.25">
      <c r="A4000" s="4" t="s">
        <v>1872</v>
      </c>
      <c r="B4000" s="1" t="s">
        <v>3152</v>
      </c>
      <c r="C4000" s="5" t="s">
        <v>5634</v>
      </c>
      <c r="D4000" s="1" t="s">
        <v>1872</v>
      </c>
      <c r="E4000" s="5" t="s">
        <v>14704</v>
      </c>
      <c r="F4000" s="6">
        <v>3409</v>
      </c>
    </row>
    <row r="4001" spans="1:6" x14ac:dyDescent="0.25">
      <c r="A4001" s="4" t="s">
        <v>1100</v>
      </c>
      <c r="B4001" s="1" t="s">
        <v>3152</v>
      </c>
      <c r="C4001" s="5">
        <v>143601</v>
      </c>
      <c r="D4001" s="1" t="s">
        <v>1100</v>
      </c>
      <c r="E4001" s="5" t="s">
        <v>13671</v>
      </c>
      <c r="F4001" s="6">
        <v>2317</v>
      </c>
    </row>
    <row r="4002" spans="1:6" x14ac:dyDescent="0.25">
      <c r="A4002" s="4" t="s">
        <v>1375</v>
      </c>
      <c r="B4002" s="1" t="s">
        <v>1147</v>
      </c>
      <c r="C4002" s="5" t="s">
        <v>5176</v>
      </c>
      <c r="D4002" s="1" t="s">
        <v>1375</v>
      </c>
      <c r="E4002" s="5" t="s">
        <v>14084</v>
      </c>
      <c r="F4002" s="6">
        <v>2739</v>
      </c>
    </row>
    <row r="4003" spans="1:6" x14ac:dyDescent="0.25">
      <c r="A4003" s="4" t="s">
        <v>2019</v>
      </c>
      <c r="B4003" s="1" t="s">
        <v>3147</v>
      </c>
      <c r="C4003" s="5" t="s">
        <v>5417</v>
      </c>
      <c r="D4003" s="1" t="s">
        <v>2019</v>
      </c>
      <c r="E4003" s="5" t="s">
        <v>14858</v>
      </c>
      <c r="F4003" s="6">
        <v>3573</v>
      </c>
    </row>
    <row r="4004" spans="1:6" x14ac:dyDescent="0.25">
      <c r="A4004" s="4" t="s">
        <v>1497</v>
      </c>
      <c r="B4004" s="1" t="s">
        <v>3152</v>
      </c>
      <c r="C4004" s="5" t="s">
        <v>5312</v>
      </c>
      <c r="D4004" s="1" t="s">
        <v>9112</v>
      </c>
      <c r="E4004" s="5" t="s">
        <v>14270</v>
      </c>
      <c r="F4004" s="6">
        <v>2931</v>
      </c>
    </row>
    <row r="4005" spans="1:6" x14ac:dyDescent="0.25">
      <c r="A4005" s="4" t="s">
        <v>1497</v>
      </c>
      <c r="B4005" s="1" t="s">
        <v>3154</v>
      </c>
      <c r="C4005" s="5" t="s">
        <v>3473</v>
      </c>
      <c r="D4005" s="1" t="s">
        <v>1497</v>
      </c>
      <c r="E4005" s="5" t="s">
        <v>14898</v>
      </c>
      <c r="F4005" s="6">
        <v>3616</v>
      </c>
    </row>
    <row r="4006" spans="1:6" x14ac:dyDescent="0.25">
      <c r="A4006" s="4" t="s">
        <v>2728</v>
      </c>
      <c r="B4006" s="1" t="s">
        <v>3164</v>
      </c>
      <c r="C4006" s="5" t="s">
        <v>6670</v>
      </c>
      <c r="D4006" s="1" t="s">
        <v>2728</v>
      </c>
      <c r="E4006" s="5" t="s">
        <v>16658</v>
      </c>
      <c r="F4006" s="6">
        <v>6496</v>
      </c>
    </row>
    <row r="4007" spans="1:6" x14ac:dyDescent="0.25">
      <c r="A4007" s="4" t="s">
        <v>1847</v>
      </c>
      <c r="B4007" s="1" t="s">
        <v>3152</v>
      </c>
      <c r="C4007" s="5" t="s">
        <v>5618</v>
      </c>
      <c r="D4007" s="1" t="s">
        <v>1847</v>
      </c>
      <c r="E4007" s="5" t="s">
        <v>14677</v>
      </c>
      <c r="F4007" s="6">
        <v>3379</v>
      </c>
    </row>
    <row r="4008" spans="1:6" x14ac:dyDescent="0.25">
      <c r="A4008" s="4" t="s">
        <v>1141</v>
      </c>
      <c r="B4008" s="1" t="s">
        <v>3152</v>
      </c>
      <c r="C4008" s="5" t="s">
        <v>4882</v>
      </c>
      <c r="D4008" s="1" t="s">
        <v>1141</v>
      </c>
      <c r="E4008" s="5" t="s">
        <v>13715</v>
      </c>
      <c r="F4008" s="6">
        <v>2362</v>
      </c>
    </row>
    <row r="4009" spans="1:6" x14ac:dyDescent="0.25">
      <c r="A4009" s="4" t="s">
        <v>2136</v>
      </c>
      <c r="B4009" s="1" t="s">
        <v>3156</v>
      </c>
      <c r="C4009" s="5" t="s">
        <v>5838</v>
      </c>
      <c r="D4009" s="1" t="s">
        <v>2136</v>
      </c>
      <c r="E4009" s="5" t="s">
        <v>15100</v>
      </c>
      <c r="F4009" s="6">
        <v>3829</v>
      </c>
    </row>
    <row r="4010" spans="1:6" x14ac:dyDescent="0.25">
      <c r="A4010" s="4" t="s">
        <v>2958</v>
      </c>
      <c r="B4010" s="1" t="s">
        <v>3151</v>
      </c>
      <c r="C4010" s="5">
        <v>509208</v>
      </c>
      <c r="D4010" s="1" t="s">
        <v>2958</v>
      </c>
      <c r="E4010" s="5" t="s">
        <v>17376</v>
      </c>
      <c r="F4010" s="6">
        <v>8926</v>
      </c>
    </row>
    <row r="4011" spans="1:6" x14ac:dyDescent="0.25">
      <c r="A4011" s="4" t="s">
        <v>595</v>
      </c>
      <c r="B4011" s="1" t="s">
        <v>3150</v>
      </c>
      <c r="C4011" s="5" t="s">
        <v>4246</v>
      </c>
      <c r="D4011" s="1" t="s">
        <v>8478</v>
      </c>
      <c r="E4011" s="5" t="s">
        <v>12938</v>
      </c>
      <c r="F4011" s="6">
        <v>1546</v>
      </c>
    </row>
    <row r="4012" spans="1:6" x14ac:dyDescent="0.25">
      <c r="A4012" s="4" t="s">
        <v>2058</v>
      </c>
      <c r="B4012" s="1" t="s">
        <v>3152</v>
      </c>
      <c r="C4012" s="5" t="s">
        <v>5733</v>
      </c>
      <c r="D4012" s="1" t="s">
        <v>2058</v>
      </c>
      <c r="E4012" s="5" t="s">
        <v>14900</v>
      </c>
      <c r="F4012" s="6">
        <v>3618</v>
      </c>
    </row>
    <row r="4013" spans="1:6" x14ac:dyDescent="0.25">
      <c r="A4013" s="4" t="s">
        <v>414</v>
      </c>
      <c r="B4013" s="1" t="s">
        <v>3150</v>
      </c>
      <c r="C4013" s="5">
        <v>676551</v>
      </c>
      <c r="D4013" s="1" t="s">
        <v>8088</v>
      </c>
      <c r="E4013" s="5" t="s">
        <v>12460</v>
      </c>
      <c r="F4013" s="6">
        <v>977</v>
      </c>
    </row>
    <row r="4014" spans="1:6" x14ac:dyDescent="0.25">
      <c r="A4014" s="4" t="s">
        <v>414</v>
      </c>
      <c r="B4014" s="1" t="s">
        <v>3150</v>
      </c>
      <c r="C4014" s="5" t="s">
        <v>4247</v>
      </c>
      <c r="D4014" s="1" t="s">
        <v>8479</v>
      </c>
      <c r="E4014" s="5" t="s">
        <v>12939</v>
      </c>
      <c r="F4014" s="6">
        <v>1547</v>
      </c>
    </row>
    <row r="4015" spans="1:6" x14ac:dyDescent="0.25">
      <c r="A4015" s="4" t="s">
        <v>414</v>
      </c>
      <c r="B4015" s="1" t="s">
        <v>3150</v>
      </c>
      <c r="C4015" s="5" t="s">
        <v>7009</v>
      </c>
      <c r="D4015" s="1" t="s">
        <v>11089</v>
      </c>
      <c r="E4015" s="5" t="s">
        <v>17433</v>
      </c>
      <c r="F4015" s="6">
        <v>9043</v>
      </c>
    </row>
    <row r="4016" spans="1:6" x14ac:dyDescent="0.25">
      <c r="A4016" s="4" t="s">
        <v>2475</v>
      </c>
      <c r="B4016" s="1" t="s">
        <v>3148</v>
      </c>
      <c r="C4016" s="5">
        <v>735221</v>
      </c>
      <c r="D4016" s="1" t="s">
        <v>10028</v>
      </c>
      <c r="E4016" s="5" t="s">
        <v>16009</v>
      </c>
      <c r="F4016" s="6">
        <v>4958</v>
      </c>
    </row>
    <row r="4017" spans="1:6" x14ac:dyDescent="0.25">
      <c r="A4017" s="4" t="s">
        <v>540</v>
      </c>
      <c r="B4017" s="1" t="s">
        <v>3148</v>
      </c>
      <c r="C4017" s="5" t="s">
        <v>4184</v>
      </c>
      <c r="D4017" s="1" t="s">
        <v>8428</v>
      </c>
      <c r="E4017" s="5" t="s">
        <v>12868</v>
      </c>
      <c r="F4017" s="6">
        <v>1469</v>
      </c>
    </row>
    <row r="4018" spans="1:6" x14ac:dyDescent="0.25">
      <c r="A4018" s="4" t="s">
        <v>540</v>
      </c>
      <c r="B4018" s="1" t="s">
        <v>3148</v>
      </c>
      <c r="C4018" s="5" t="s">
        <v>6586</v>
      </c>
      <c r="D4018" s="1" t="s">
        <v>10370</v>
      </c>
      <c r="E4018" s="5" t="s">
        <v>16490</v>
      </c>
      <c r="F4018" s="6">
        <v>6041</v>
      </c>
    </row>
    <row r="4019" spans="1:6" x14ac:dyDescent="0.25">
      <c r="A4019" s="4" t="s">
        <v>1261</v>
      </c>
      <c r="B4019" s="1" t="s">
        <v>3144</v>
      </c>
      <c r="C4019" s="5" t="s">
        <v>5036</v>
      </c>
      <c r="D4019" s="1" t="s">
        <v>1261</v>
      </c>
      <c r="E4019" s="5" t="s">
        <v>13905</v>
      </c>
      <c r="F4019" s="6">
        <v>2556</v>
      </c>
    </row>
    <row r="4020" spans="1:6" x14ac:dyDescent="0.25">
      <c r="A4020" s="4" t="s">
        <v>1659</v>
      </c>
      <c r="B4020" s="1" t="s">
        <v>3153</v>
      </c>
      <c r="C4020" s="5" t="s">
        <v>3891</v>
      </c>
      <c r="D4020" s="1" t="s">
        <v>1659</v>
      </c>
      <c r="E4020" s="5" t="s">
        <v>14449</v>
      </c>
      <c r="F4020" s="6">
        <v>3134</v>
      </c>
    </row>
    <row r="4021" spans="1:6" x14ac:dyDescent="0.25">
      <c r="A4021" s="4" t="s">
        <v>3012</v>
      </c>
      <c r="B4021" s="1" t="s">
        <v>3155</v>
      </c>
      <c r="C4021" s="5" t="s">
        <v>7083</v>
      </c>
      <c r="D4021" s="1" t="s">
        <v>3012</v>
      </c>
      <c r="E4021" s="5" t="s">
        <v>17557</v>
      </c>
      <c r="F4021" s="6">
        <v>9171</v>
      </c>
    </row>
    <row r="4022" spans="1:6" x14ac:dyDescent="0.25">
      <c r="A4022" s="4" t="s">
        <v>1980</v>
      </c>
      <c r="B4022" s="1" t="s">
        <v>3147</v>
      </c>
      <c r="C4022" s="5" t="s">
        <v>4336</v>
      </c>
      <c r="D4022" s="1" t="s">
        <v>1980</v>
      </c>
      <c r="E4022" s="5" t="s">
        <v>14817</v>
      </c>
      <c r="F4022" s="6">
        <v>3529</v>
      </c>
    </row>
    <row r="4023" spans="1:6" x14ac:dyDescent="0.25">
      <c r="A4023" s="4" t="s">
        <v>2994</v>
      </c>
      <c r="B4023" s="1" t="s">
        <v>3160</v>
      </c>
      <c r="C4023" s="5" t="s">
        <v>7052</v>
      </c>
      <c r="D4023" s="1" t="s">
        <v>2994</v>
      </c>
      <c r="E4023" s="5" t="s">
        <v>17509</v>
      </c>
      <c r="F4023" s="6">
        <v>9121</v>
      </c>
    </row>
    <row r="4024" spans="1:6" x14ac:dyDescent="0.25">
      <c r="A4024" s="4" t="s">
        <v>2994</v>
      </c>
      <c r="B4024" s="1" t="s">
        <v>3160</v>
      </c>
      <c r="C4024" s="5" t="s">
        <v>7135</v>
      </c>
      <c r="D4024" s="1" t="s">
        <v>11246</v>
      </c>
      <c r="E4024" s="5" t="s">
        <v>17645</v>
      </c>
      <c r="F4024" s="6">
        <v>9263</v>
      </c>
    </row>
    <row r="4025" spans="1:6" x14ac:dyDescent="0.25">
      <c r="A4025" s="4" t="s">
        <v>1320</v>
      </c>
      <c r="B4025" s="1" t="s">
        <v>3144</v>
      </c>
      <c r="C4025" s="5" t="s">
        <v>5105</v>
      </c>
      <c r="D4025" s="1" t="s">
        <v>1320</v>
      </c>
      <c r="E4025" s="5" t="s">
        <v>13993</v>
      </c>
      <c r="F4025" s="6">
        <v>2647</v>
      </c>
    </row>
    <row r="4026" spans="1:6" x14ac:dyDescent="0.25">
      <c r="A4026" s="4" t="s">
        <v>1320</v>
      </c>
      <c r="B4026" s="1" t="s">
        <v>3144</v>
      </c>
      <c r="C4026" s="5" t="s">
        <v>5842</v>
      </c>
      <c r="D4026" s="1" t="s">
        <v>9378</v>
      </c>
      <c r="E4026" s="5" t="s">
        <v>15107</v>
      </c>
      <c r="F4026" s="6">
        <v>3836</v>
      </c>
    </row>
    <row r="4027" spans="1:6" x14ac:dyDescent="0.25">
      <c r="A4027" s="4" t="s">
        <v>1525</v>
      </c>
      <c r="B4027" s="1" t="s">
        <v>3152</v>
      </c>
      <c r="C4027" s="5" t="s">
        <v>5345</v>
      </c>
      <c r="D4027" s="1" t="s">
        <v>1525</v>
      </c>
      <c r="E4027" s="5" t="s">
        <v>14304</v>
      </c>
      <c r="F4027" s="6">
        <v>2966</v>
      </c>
    </row>
    <row r="4028" spans="1:6" x14ac:dyDescent="0.25">
      <c r="A4028" s="4" t="s">
        <v>1727</v>
      </c>
      <c r="B4028" s="1" t="s">
        <v>3154</v>
      </c>
      <c r="C4028" s="5" t="s">
        <v>3672</v>
      </c>
      <c r="D4028" s="1" t="s">
        <v>9166</v>
      </c>
      <c r="E4028" s="5" t="s">
        <v>14526</v>
      </c>
      <c r="F4028" s="6">
        <v>3214</v>
      </c>
    </row>
    <row r="4029" spans="1:6" x14ac:dyDescent="0.25">
      <c r="A4029" s="4" t="s">
        <v>1614</v>
      </c>
      <c r="B4029" s="1" t="s">
        <v>3152</v>
      </c>
      <c r="C4029" s="5" t="s">
        <v>5429</v>
      </c>
      <c r="D4029" s="1" t="s">
        <v>1614</v>
      </c>
      <c r="E4029" s="5" t="s">
        <v>14401</v>
      </c>
      <c r="F4029" s="6">
        <v>3074</v>
      </c>
    </row>
    <row r="4030" spans="1:6" x14ac:dyDescent="0.25">
      <c r="A4030" s="4" t="s">
        <v>498</v>
      </c>
      <c r="B4030" s="1" t="s">
        <v>3152</v>
      </c>
      <c r="C4030" s="5" t="s">
        <v>4126</v>
      </c>
      <c r="D4030" s="1" t="s">
        <v>8328</v>
      </c>
      <c r="E4030" s="5" t="s">
        <v>12747</v>
      </c>
      <c r="F4030" s="6">
        <v>1344</v>
      </c>
    </row>
    <row r="4031" spans="1:6" x14ac:dyDescent="0.25">
      <c r="A4031" s="4" t="s">
        <v>2454</v>
      </c>
      <c r="B4031" s="1" t="s">
        <v>3156</v>
      </c>
      <c r="C4031" s="5" t="s">
        <v>6331</v>
      </c>
      <c r="D4031" s="1" t="s">
        <v>2454</v>
      </c>
      <c r="E4031" s="5" t="s">
        <v>15955</v>
      </c>
      <c r="F4031" s="6">
        <v>4874</v>
      </c>
    </row>
    <row r="4032" spans="1:6" x14ac:dyDescent="0.25">
      <c r="A4032" s="4" t="s">
        <v>2025</v>
      </c>
      <c r="B4032" s="1" t="s">
        <v>3163</v>
      </c>
      <c r="C4032" s="5" t="s">
        <v>5719</v>
      </c>
      <c r="D4032" s="1" t="s">
        <v>2025</v>
      </c>
      <c r="E4032" s="5" t="s">
        <v>14864</v>
      </c>
      <c r="F4032" s="6">
        <v>3580</v>
      </c>
    </row>
    <row r="4033" spans="1:6" x14ac:dyDescent="0.25">
      <c r="A4033" s="4" t="s">
        <v>1016</v>
      </c>
      <c r="B4033" s="1" t="s">
        <v>3152</v>
      </c>
      <c r="C4033" s="5">
        <v>144701</v>
      </c>
      <c r="D4033" s="1" t="s">
        <v>1016</v>
      </c>
      <c r="E4033" s="5" t="s">
        <v>13583</v>
      </c>
      <c r="F4033" s="6">
        <v>2224</v>
      </c>
    </row>
    <row r="4034" spans="1:6" x14ac:dyDescent="0.25">
      <c r="A4034" s="4" t="s">
        <v>1663</v>
      </c>
      <c r="B4034" s="1" t="s">
        <v>3152</v>
      </c>
      <c r="C4034" s="5" t="s">
        <v>4754</v>
      </c>
      <c r="D4034" s="1" t="s">
        <v>9152</v>
      </c>
      <c r="E4034" s="5" t="s">
        <v>14453</v>
      </c>
      <c r="F4034" s="6">
        <v>3138</v>
      </c>
    </row>
    <row r="4035" spans="1:6" x14ac:dyDescent="0.25">
      <c r="A4035" s="4" t="s">
        <v>2981</v>
      </c>
      <c r="B4035" s="1" t="s">
        <v>3149</v>
      </c>
      <c r="C4035" s="5" t="s">
        <v>6313</v>
      </c>
      <c r="D4035" s="1" t="s">
        <v>2981</v>
      </c>
      <c r="E4035" s="5" t="s">
        <v>17450</v>
      </c>
      <c r="F4035" s="6">
        <v>9061</v>
      </c>
    </row>
    <row r="4036" spans="1:6" x14ac:dyDescent="0.25">
      <c r="A4036" s="4" t="s">
        <v>3062</v>
      </c>
      <c r="B4036" s="1" t="s">
        <v>3144</v>
      </c>
      <c r="C4036" s="5" t="s">
        <v>7180</v>
      </c>
      <c r="D4036" s="1" t="s">
        <v>3062</v>
      </c>
      <c r="E4036" s="5" t="s">
        <v>17726</v>
      </c>
      <c r="F4036" s="6">
        <v>9348</v>
      </c>
    </row>
    <row r="4037" spans="1:6" x14ac:dyDescent="0.25">
      <c r="A4037" s="4" t="s">
        <v>2061</v>
      </c>
      <c r="B4037" s="1" t="s">
        <v>3150</v>
      </c>
      <c r="C4037" s="5" t="s">
        <v>5734</v>
      </c>
      <c r="D4037" s="1" t="s">
        <v>2061</v>
      </c>
      <c r="E4037" s="5" t="s">
        <v>14903</v>
      </c>
      <c r="F4037" s="6">
        <v>3621</v>
      </c>
    </row>
    <row r="4038" spans="1:6" x14ac:dyDescent="0.25">
      <c r="A4038" s="4" t="s">
        <v>1101</v>
      </c>
      <c r="B4038" s="1" t="s">
        <v>3165</v>
      </c>
      <c r="C4038" s="5" t="s">
        <v>4843</v>
      </c>
      <c r="D4038" s="1" t="s">
        <v>1101</v>
      </c>
      <c r="E4038" s="5" t="s">
        <v>13672</v>
      </c>
      <c r="F4038" s="6">
        <v>2318</v>
      </c>
    </row>
    <row r="4039" spans="1:6" x14ac:dyDescent="0.25">
      <c r="A4039" s="4" t="s">
        <v>2927</v>
      </c>
      <c r="B4039" s="1" t="s">
        <v>3146</v>
      </c>
      <c r="C4039" s="5" t="s">
        <v>6945</v>
      </c>
      <c r="D4039" s="1" t="s">
        <v>2927</v>
      </c>
      <c r="E4039" s="5" t="s">
        <v>17287</v>
      </c>
      <c r="F4039" s="6">
        <v>8490</v>
      </c>
    </row>
    <row r="4040" spans="1:6" x14ac:dyDescent="0.25">
      <c r="A4040" s="4" t="s">
        <v>1733</v>
      </c>
      <c r="B4040" s="1" t="s">
        <v>3150</v>
      </c>
      <c r="C4040" s="5" t="s">
        <v>5518</v>
      </c>
      <c r="D4040" s="1" t="s">
        <v>1733</v>
      </c>
      <c r="E4040" s="5" t="s">
        <v>14537</v>
      </c>
      <c r="F4040" s="6">
        <v>3225</v>
      </c>
    </row>
    <row r="4041" spans="1:6" x14ac:dyDescent="0.25">
      <c r="A4041" s="4" t="s">
        <v>2640</v>
      </c>
      <c r="B4041" s="1" t="s">
        <v>3146</v>
      </c>
      <c r="C4041" s="5" t="s">
        <v>6558</v>
      </c>
      <c r="D4041" s="1" t="s">
        <v>2640</v>
      </c>
      <c r="E4041" s="5" t="s">
        <v>16423</v>
      </c>
      <c r="F4041" s="6">
        <v>5880</v>
      </c>
    </row>
    <row r="4042" spans="1:6" x14ac:dyDescent="0.25">
      <c r="A4042" s="4" t="s">
        <v>2853</v>
      </c>
      <c r="B4042" s="1" t="s">
        <v>3153</v>
      </c>
      <c r="C4042" s="5" t="s">
        <v>6854</v>
      </c>
      <c r="D4042" s="1" t="s">
        <v>2853</v>
      </c>
      <c r="E4042" s="5" t="s">
        <v>17022</v>
      </c>
      <c r="F4042" s="6">
        <v>7615</v>
      </c>
    </row>
    <row r="4043" spans="1:6" x14ac:dyDescent="0.25">
      <c r="A4043" s="4" t="s">
        <v>1135</v>
      </c>
      <c r="B4043" s="1" t="s">
        <v>3152</v>
      </c>
      <c r="C4043" s="5" t="s">
        <v>4877</v>
      </c>
      <c r="D4043" s="1" t="s">
        <v>1135</v>
      </c>
      <c r="E4043" s="5" t="s">
        <v>13709</v>
      </c>
      <c r="F4043" s="6">
        <v>2356</v>
      </c>
    </row>
    <row r="4044" spans="1:6" x14ac:dyDescent="0.25">
      <c r="A4044" s="4" t="s">
        <v>1053</v>
      </c>
      <c r="B4044" s="1" t="s">
        <v>3158</v>
      </c>
      <c r="C4044" s="5" t="s">
        <v>4794</v>
      </c>
      <c r="D4044" s="1" t="s">
        <v>8814</v>
      </c>
      <c r="E4044" s="5" t="s">
        <v>13621</v>
      </c>
      <c r="F4044" s="6">
        <v>2263</v>
      </c>
    </row>
    <row r="4045" spans="1:6" x14ac:dyDescent="0.25">
      <c r="A4045" s="4" t="s">
        <v>290</v>
      </c>
      <c r="B4045" s="1" t="s">
        <v>3147</v>
      </c>
      <c r="C4045" s="5" t="s">
        <v>3762</v>
      </c>
      <c r="D4045" s="1" t="s">
        <v>7940</v>
      </c>
      <c r="E4045" s="5" t="s">
        <v>12255</v>
      </c>
      <c r="F4045" s="6">
        <v>747</v>
      </c>
    </row>
    <row r="4046" spans="1:6" x14ac:dyDescent="0.25">
      <c r="A4046" s="4" t="s">
        <v>1803</v>
      </c>
      <c r="B4046" s="1" t="s">
        <v>3152</v>
      </c>
      <c r="C4046" s="5" t="s">
        <v>4151</v>
      </c>
      <c r="D4046" s="1" t="s">
        <v>1803</v>
      </c>
      <c r="E4046" s="5" t="s">
        <v>14624</v>
      </c>
      <c r="F4046" s="6">
        <v>3320</v>
      </c>
    </row>
    <row r="4047" spans="1:6" x14ac:dyDescent="0.25">
      <c r="A4047" s="4" t="s">
        <v>3055</v>
      </c>
      <c r="B4047" s="1" t="s">
        <v>3153</v>
      </c>
      <c r="C4047" s="5" t="s">
        <v>7168</v>
      </c>
      <c r="D4047" s="1" t="s">
        <v>11297</v>
      </c>
      <c r="E4047" s="5" t="s">
        <v>17710</v>
      </c>
      <c r="F4047" s="6">
        <v>9331</v>
      </c>
    </row>
    <row r="4048" spans="1:6" x14ac:dyDescent="0.25">
      <c r="A4048" s="4" t="s">
        <v>288</v>
      </c>
      <c r="B4048" s="1" t="s">
        <v>3151</v>
      </c>
      <c r="C4048" s="5" t="s">
        <v>3759</v>
      </c>
      <c r="D4048" s="1" t="s">
        <v>7938</v>
      </c>
      <c r="E4048" s="5" t="s">
        <v>12252</v>
      </c>
      <c r="F4048" s="6">
        <v>743</v>
      </c>
    </row>
    <row r="4049" spans="1:6" x14ac:dyDescent="0.25">
      <c r="A4049" s="4" t="s">
        <v>288</v>
      </c>
      <c r="B4049" s="1" t="s">
        <v>3151</v>
      </c>
      <c r="C4049" s="5" t="s">
        <v>3759</v>
      </c>
      <c r="D4049" s="1" t="s">
        <v>10223</v>
      </c>
      <c r="E4049" s="5" t="s">
        <v>16257</v>
      </c>
      <c r="F4049" s="6">
        <v>5502</v>
      </c>
    </row>
    <row r="4050" spans="1:6" x14ac:dyDescent="0.25">
      <c r="A4050" s="4" t="s">
        <v>2841</v>
      </c>
      <c r="B4050" s="1" t="s">
        <v>3160</v>
      </c>
      <c r="C4050" s="5" t="s">
        <v>5055</v>
      </c>
      <c r="D4050" s="1" t="s">
        <v>2841</v>
      </c>
      <c r="E4050" s="5" t="s">
        <v>16988</v>
      </c>
      <c r="F4050" s="6">
        <v>7510</v>
      </c>
    </row>
    <row r="4051" spans="1:6" x14ac:dyDescent="0.25">
      <c r="A4051" s="4" t="s">
        <v>1768</v>
      </c>
      <c r="B4051" s="1" t="s">
        <v>3152</v>
      </c>
      <c r="C4051" s="5" t="s">
        <v>5552</v>
      </c>
      <c r="D4051" s="1" t="s">
        <v>1768</v>
      </c>
      <c r="E4051" s="5" t="s">
        <v>14585</v>
      </c>
      <c r="F4051" s="6">
        <v>3277</v>
      </c>
    </row>
    <row r="4052" spans="1:6" x14ac:dyDescent="0.25">
      <c r="A4052" s="4" t="s">
        <v>1914</v>
      </c>
      <c r="B4052" s="1" t="s">
        <v>3153</v>
      </c>
      <c r="C4052" s="5" t="s">
        <v>3892</v>
      </c>
      <c r="D4052" s="1" t="s">
        <v>1914</v>
      </c>
      <c r="E4052" s="5" t="s">
        <v>14747</v>
      </c>
      <c r="F4052" s="6">
        <v>3458</v>
      </c>
    </row>
    <row r="4053" spans="1:6" x14ac:dyDescent="0.25">
      <c r="A4053" s="4" t="s">
        <v>1915</v>
      </c>
      <c r="B4053" s="1" t="s">
        <v>3153</v>
      </c>
      <c r="C4053" s="5" t="s">
        <v>3892</v>
      </c>
      <c r="D4053" s="1" t="s">
        <v>1915</v>
      </c>
      <c r="E4053" s="5" t="s">
        <v>14748</v>
      </c>
      <c r="F4053" s="6">
        <v>3459</v>
      </c>
    </row>
    <row r="4054" spans="1:6" x14ac:dyDescent="0.25">
      <c r="A4054" s="4" t="s">
        <v>1103</v>
      </c>
      <c r="B4054" s="1" t="s">
        <v>3155</v>
      </c>
      <c r="C4054" s="5" t="s">
        <v>4845</v>
      </c>
      <c r="D4054" s="1" t="s">
        <v>1103</v>
      </c>
      <c r="E4054" s="5" t="s">
        <v>13674</v>
      </c>
      <c r="F4054" s="6">
        <v>2320</v>
      </c>
    </row>
    <row r="4055" spans="1:6" x14ac:dyDescent="0.25">
      <c r="A4055" s="4" t="s">
        <v>280</v>
      </c>
      <c r="B4055" s="1" t="s">
        <v>3165</v>
      </c>
      <c r="C4055" s="5" t="s">
        <v>3749</v>
      </c>
      <c r="D4055" s="1" t="s">
        <v>7930</v>
      </c>
      <c r="E4055" s="5" t="s">
        <v>12240</v>
      </c>
      <c r="F4055" s="6">
        <v>727</v>
      </c>
    </row>
    <row r="4056" spans="1:6" x14ac:dyDescent="0.25">
      <c r="A4056" s="4" t="s">
        <v>857</v>
      </c>
      <c r="B4056" s="1" t="s">
        <v>3154</v>
      </c>
      <c r="C4056" s="5" t="s">
        <v>4596</v>
      </c>
      <c r="D4056" s="1" t="s">
        <v>857</v>
      </c>
      <c r="E4056" s="5" t="s">
        <v>13397</v>
      </c>
      <c r="F4056" s="6">
        <v>2030</v>
      </c>
    </row>
    <row r="4057" spans="1:6" x14ac:dyDescent="0.25">
      <c r="A4057" s="4" t="s">
        <v>2212</v>
      </c>
      <c r="B4057" s="1" t="s">
        <v>3153</v>
      </c>
      <c r="C4057" s="5" t="s">
        <v>5930</v>
      </c>
      <c r="D4057" s="1" t="s">
        <v>2212</v>
      </c>
      <c r="E4057" s="5" t="s">
        <v>15284</v>
      </c>
      <c r="F4057" s="6">
        <v>4019</v>
      </c>
    </row>
    <row r="4058" spans="1:6" x14ac:dyDescent="0.25">
      <c r="A4058" s="4" t="s">
        <v>1359</v>
      </c>
      <c r="B4058" s="1" t="s">
        <v>3153</v>
      </c>
      <c r="C4058" s="5" t="s">
        <v>5155</v>
      </c>
      <c r="D4058" s="1" t="s">
        <v>1359</v>
      </c>
      <c r="E4058" s="5" t="s">
        <v>14058</v>
      </c>
      <c r="F4058" s="6">
        <v>2713</v>
      </c>
    </row>
    <row r="4059" spans="1:6" x14ac:dyDescent="0.25">
      <c r="A4059" s="4" t="s">
        <v>221</v>
      </c>
      <c r="B4059" s="1" t="s">
        <v>3153</v>
      </c>
      <c r="C4059" s="5" t="s">
        <v>3600</v>
      </c>
      <c r="D4059" s="1" t="s">
        <v>7738</v>
      </c>
      <c r="E4059" s="5" t="s">
        <v>12037</v>
      </c>
      <c r="F4059" s="6">
        <v>470</v>
      </c>
    </row>
    <row r="4060" spans="1:6" x14ac:dyDescent="0.25">
      <c r="A4060" s="4" t="s">
        <v>221</v>
      </c>
      <c r="B4060" s="1" t="s">
        <v>3153</v>
      </c>
      <c r="C4060" s="5">
        <v>458990</v>
      </c>
      <c r="D4060" s="1" t="s">
        <v>10225</v>
      </c>
      <c r="E4060" s="5" t="s">
        <v>16259</v>
      </c>
      <c r="F4060" s="6">
        <v>5504</v>
      </c>
    </row>
    <row r="4061" spans="1:6" x14ac:dyDescent="0.25">
      <c r="A4061" s="4" t="s">
        <v>221</v>
      </c>
      <c r="B4061" s="1" t="s">
        <v>3153</v>
      </c>
      <c r="C4061" s="5">
        <v>458001</v>
      </c>
      <c r="D4061" s="1" t="s">
        <v>11020</v>
      </c>
      <c r="E4061" s="5" t="s">
        <v>17340</v>
      </c>
      <c r="F4061" s="6">
        <v>8816</v>
      </c>
    </row>
    <row r="4062" spans="1:6" x14ac:dyDescent="0.25">
      <c r="A4062" s="4" t="s">
        <v>858</v>
      </c>
      <c r="B4062" s="1" t="s">
        <v>3147</v>
      </c>
      <c r="C4062" s="5" t="s">
        <v>4597</v>
      </c>
      <c r="D4062" s="1" t="s">
        <v>8746</v>
      </c>
      <c r="E4062" s="5" t="s">
        <v>13398</v>
      </c>
      <c r="F4062" s="6">
        <v>2031</v>
      </c>
    </row>
    <row r="4063" spans="1:6" x14ac:dyDescent="0.25">
      <c r="A4063" s="4" t="s">
        <v>1265</v>
      </c>
      <c r="B4063" s="1" t="s">
        <v>3149</v>
      </c>
      <c r="C4063" s="5" t="s">
        <v>5041</v>
      </c>
      <c r="D4063" s="1" t="s">
        <v>1265</v>
      </c>
      <c r="E4063" s="5" t="s">
        <v>13915</v>
      </c>
      <c r="F4063" s="6">
        <v>2567</v>
      </c>
    </row>
    <row r="4064" spans="1:6" x14ac:dyDescent="0.25">
      <c r="A4064" s="4" t="s">
        <v>2319</v>
      </c>
      <c r="B4064" s="1" t="s">
        <v>3161</v>
      </c>
      <c r="C4064" s="5" t="s">
        <v>6091</v>
      </c>
      <c r="D4064" s="1" t="s">
        <v>9657</v>
      </c>
      <c r="E4064" s="5" t="s">
        <v>15529</v>
      </c>
      <c r="F4064" s="6">
        <v>4267</v>
      </c>
    </row>
    <row r="4065" spans="1:6" x14ac:dyDescent="0.25">
      <c r="A4065" s="4" t="s">
        <v>240</v>
      </c>
      <c r="B4065" s="1" t="s">
        <v>3154</v>
      </c>
      <c r="C4065" s="5" t="s">
        <v>3663</v>
      </c>
      <c r="D4065" s="1" t="s">
        <v>7823</v>
      </c>
      <c r="E4065" s="5" t="s">
        <v>12126</v>
      </c>
      <c r="F4065" s="6">
        <v>589</v>
      </c>
    </row>
    <row r="4066" spans="1:6" x14ac:dyDescent="0.25">
      <c r="A4066" s="4" t="s">
        <v>240</v>
      </c>
      <c r="B4066" s="1" t="s">
        <v>3154</v>
      </c>
      <c r="C4066" s="5" t="s">
        <v>7085</v>
      </c>
      <c r="D4066" s="1" t="s">
        <v>11184</v>
      </c>
      <c r="E4066" s="5" t="s">
        <v>17563</v>
      </c>
      <c r="F4066" s="6">
        <v>9177</v>
      </c>
    </row>
    <row r="4067" spans="1:6" x14ac:dyDescent="0.25">
      <c r="A4067" s="4" t="s">
        <v>1357</v>
      </c>
      <c r="B4067" s="1" t="s">
        <v>3155</v>
      </c>
      <c r="C4067" s="5" t="s">
        <v>5151</v>
      </c>
      <c r="D4067" s="1" t="s">
        <v>1357</v>
      </c>
      <c r="E4067" s="5" t="s">
        <v>14050</v>
      </c>
      <c r="F4067" s="6">
        <v>2704</v>
      </c>
    </row>
    <row r="4068" spans="1:6" x14ac:dyDescent="0.25">
      <c r="A4068" s="4" t="s">
        <v>859</v>
      </c>
      <c r="B4068" s="1" t="s">
        <v>3164</v>
      </c>
      <c r="C4068" s="5" t="s">
        <v>4598</v>
      </c>
      <c r="D4068" s="1" t="s">
        <v>859</v>
      </c>
      <c r="E4068" s="5" t="s">
        <v>13399</v>
      </c>
      <c r="F4068" s="6">
        <v>2032</v>
      </c>
    </row>
    <row r="4069" spans="1:6" x14ac:dyDescent="0.25">
      <c r="A4069" s="4" t="s">
        <v>47</v>
      </c>
      <c r="B4069" s="1" t="s">
        <v>3149</v>
      </c>
      <c r="C4069" s="5" t="s">
        <v>3278</v>
      </c>
      <c r="D4069" s="1" t="s">
        <v>7406</v>
      </c>
      <c r="E4069" s="5" t="s">
        <v>11681</v>
      </c>
      <c r="F4069" s="6">
        <v>94</v>
      </c>
    </row>
    <row r="4070" spans="1:6" x14ac:dyDescent="0.25">
      <c r="A4070" s="4" t="s">
        <v>47</v>
      </c>
      <c r="B4070" s="1" t="s">
        <v>3149</v>
      </c>
      <c r="C4070" s="5" t="s">
        <v>4078</v>
      </c>
      <c r="D4070" s="1" t="s">
        <v>8265</v>
      </c>
      <c r="E4070" s="5" t="s">
        <v>12673</v>
      </c>
      <c r="F4070" s="6">
        <v>1269</v>
      </c>
    </row>
    <row r="4071" spans="1:6" x14ac:dyDescent="0.25">
      <c r="A4071" s="4" t="s">
        <v>47</v>
      </c>
      <c r="B4071" s="1" t="s">
        <v>3149</v>
      </c>
      <c r="C4071" s="5" t="s">
        <v>4259</v>
      </c>
      <c r="D4071" s="1" t="s">
        <v>8498</v>
      </c>
      <c r="E4071" s="5" t="s">
        <v>12962</v>
      </c>
      <c r="F4071" s="6">
        <v>1571</v>
      </c>
    </row>
    <row r="4072" spans="1:6" x14ac:dyDescent="0.25">
      <c r="A4072" s="4" t="s">
        <v>47</v>
      </c>
      <c r="B4072" s="1" t="s">
        <v>3149</v>
      </c>
      <c r="C4072" s="5" t="s">
        <v>3278</v>
      </c>
      <c r="D4072" s="1" t="s">
        <v>9294</v>
      </c>
      <c r="E4072" s="5" t="s">
        <v>14976</v>
      </c>
      <c r="F4072" s="6">
        <v>3699</v>
      </c>
    </row>
    <row r="4073" spans="1:6" x14ac:dyDescent="0.25">
      <c r="A4073" s="4" t="s">
        <v>47</v>
      </c>
      <c r="B4073" s="1" t="s">
        <v>3149</v>
      </c>
      <c r="C4073" s="5" t="s">
        <v>5924</v>
      </c>
      <c r="D4073" s="1" t="s">
        <v>9495</v>
      </c>
      <c r="E4073" s="5" t="s">
        <v>15277</v>
      </c>
      <c r="F4073" s="6">
        <v>4012</v>
      </c>
    </row>
    <row r="4074" spans="1:6" x14ac:dyDescent="0.25">
      <c r="A4074" s="4" t="s">
        <v>47</v>
      </c>
      <c r="B4074" s="1" t="s">
        <v>3149</v>
      </c>
      <c r="C4074" s="5" t="s">
        <v>6405</v>
      </c>
      <c r="D4074" s="1" t="s">
        <v>10140</v>
      </c>
      <c r="E4074" s="5" t="s">
        <v>16147</v>
      </c>
      <c r="F4074" s="6">
        <v>5247</v>
      </c>
    </row>
    <row r="4075" spans="1:6" x14ac:dyDescent="0.25">
      <c r="A4075" s="4" t="s">
        <v>47</v>
      </c>
      <c r="B4075" s="1" t="s">
        <v>3149</v>
      </c>
      <c r="C4075" s="5" t="s">
        <v>4259</v>
      </c>
      <c r="D4075" s="1" t="s">
        <v>10142</v>
      </c>
      <c r="E4075" s="5" t="s">
        <v>16149</v>
      </c>
      <c r="F4075" s="6">
        <v>5251</v>
      </c>
    </row>
    <row r="4076" spans="1:6" x14ac:dyDescent="0.25">
      <c r="A4076" s="4" t="s">
        <v>47</v>
      </c>
      <c r="B4076" s="1" t="s">
        <v>3149</v>
      </c>
      <c r="C4076" s="5" t="s">
        <v>3278</v>
      </c>
      <c r="D4076" s="1" t="s">
        <v>10185</v>
      </c>
      <c r="E4076" s="5" t="s">
        <v>16202</v>
      </c>
      <c r="F4076" s="6">
        <v>5355</v>
      </c>
    </row>
    <row r="4077" spans="1:6" x14ac:dyDescent="0.25">
      <c r="A4077" s="4" t="s">
        <v>47</v>
      </c>
      <c r="B4077" s="1" t="s">
        <v>3149</v>
      </c>
      <c r="C4077" s="5" t="s">
        <v>6594</v>
      </c>
      <c r="D4077" s="1" t="s">
        <v>10377</v>
      </c>
      <c r="E4077" s="5" t="s">
        <v>16504</v>
      </c>
      <c r="F4077" s="6">
        <v>6079</v>
      </c>
    </row>
    <row r="4078" spans="1:6" x14ac:dyDescent="0.25">
      <c r="A4078" s="4" t="s">
        <v>47</v>
      </c>
      <c r="B4078" s="1" t="s">
        <v>3149</v>
      </c>
      <c r="C4078" s="5" t="s">
        <v>6990</v>
      </c>
      <c r="D4078" s="1" t="s">
        <v>11061</v>
      </c>
      <c r="E4078" s="5" t="s">
        <v>17397</v>
      </c>
      <c r="F4078" s="6">
        <v>9004</v>
      </c>
    </row>
    <row r="4079" spans="1:6" x14ac:dyDescent="0.25">
      <c r="A4079" s="4" t="s">
        <v>1355</v>
      </c>
      <c r="B4079" s="1" t="s">
        <v>3144</v>
      </c>
      <c r="C4079" s="5" t="s">
        <v>5149</v>
      </c>
      <c r="D4079" s="1" t="s">
        <v>1355</v>
      </c>
      <c r="E4079" s="5" t="s">
        <v>14047</v>
      </c>
      <c r="F4079" s="6">
        <v>2701</v>
      </c>
    </row>
    <row r="4080" spans="1:6" x14ac:dyDescent="0.25">
      <c r="A4080" s="4" t="s">
        <v>985</v>
      </c>
      <c r="B4080" s="1" t="s">
        <v>3153</v>
      </c>
      <c r="C4080" s="5" t="s">
        <v>4731</v>
      </c>
      <c r="D4080" s="1" t="s">
        <v>8799</v>
      </c>
      <c r="E4080" s="5" t="s">
        <v>13552</v>
      </c>
      <c r="F4080" s="6">
        <v>2192</v>
      </c>
    </row>
    <row r="4081" spans="1:6" x14ac:dyDescent="0.25">
      <c r="A4081" s="4" t="s">
        <v>1716</v>
      </c>
      <c r="B4081" s="1" t="s">
        <v>3147</v>
      </c>
      <c r="C4081" s="5" t="s">
        <v>5497</v>
      </c>
      <c r="D4081" s="1" t="s">
        <v>1716</v>
      </c>
      <c r="E4081" s="5" t="s">
        <v>14511</v>
      </c>
      <c r="F4081" s="6">
        <v>3198</v>
      </c>
    </row>
    <row r="4082" spans="1:6" x14ac:dyDescent="0.25">
      <c r="A4082" s="4" t="s">
        <v>2907</v>
      </c>
      <c r="B4082" s="1" t="s">
        <v>3144</v>
      </c>
      <c r="C4082" s="5">
        <v>444403</v>
      </c>
      <c r="D4082" s="1" t="s">
        <v>2907</v>
      </c>
      <c r="E4082" s="5" t="s">
        <v>17229</v>
      </c>
      <c r="F4082" s="6">
        <v>8256</v>
      </c>
    </row>
    <row r="4083" spans="1:6" x14ac:dyDescent="0.25">
      <c r="A4083" s="4" t="s">
        <v>601</v>
      </c>
      <c r="B4083" s="1" t="s">
        <v>3149</v>
      </c>
      <c r="C4083" s="5" t="s">
        <v>4260</v>
      </c>
      <c r="D4083" s="1" t="s">
        <v>8499</v>
      </c>
      <c r="E4083" s="5" t="s">
        <v>12963</v>
      </c>
      <c r="F4083" s="6">
        <v>1572</v>
      </c>
    </row>
    <row r="4084" spans="1:6" x14ac:dyDescent="0.25">
      <c r="A4084" s="4" t="s">
        <v>709</v>
      </c>
      <c r="B4084" s="1" t="s">
        <v>3144</v>
      </c>
      <c r="C4084" s="5">
        <v>412307</v>
      </c>
      <c r="D4084" s="1" t="s">
        <v>8636</v>
      </c>
      <c r="E4084" s="5" t="s">
        <v>13178</v>
      </c>
      <c r="F4084" s="6">
        <v>1811</v>
      </c>
    </row>
    <row r="4085" spans="1:6" x14ac:dyDescent="0.25">
      <c r="A4085" s="4" t="s">
        <v>163</v>
      </c>
      <c r="B4085" s="1" t="s">
        <v>3150</v>
      </c>
      <c r="C4085" s="5" t="s">
        <v>3457</v>
      </c>
      <c r="D4085" s="1" t="s">
        <v>7588</v>
      </c>
      <c r="E4085" s="5" t="s">
        <v>11876</v>
      </c>
      <c r="F4085" s="6">
        <v>308</v>
      </c>
    </row>
    <row r="4086" spans="1:6" x14ac:dyDescent="0.25">
      <c r="A4086" s="4" t="s">
        <v>3117</v>
      </c>
      <c r="B4086" s="1" t="s">
        <v>3158</v>
      </c>
      <c r="C4086" s="5" t="s">
        <v>5820</v>
      </c>
      <c r="D4086" s="1" t="s">
        <v>3117</v>
      </c>
      <c r="E4086" s="5" t="s">
        <v>17988</v>
      </c>
      <c r="F4086" s="6">
        <v>9620</v>
      </c>
    </row>
    <row r="4087" spans="1:6" x14ac:dyDescent="0.25">
      <c r="A4087" s="4" t="s">
        <v>1556</v>
      </c>
      <c r="B4087" s="1" t="s">
        <v>3147</v>
      </c>
      <c r="C4087" s="5" t="s">
        <v>5376</v>
      </c>
      <c r="D4087" s="1" t="s">
        <v>1556</v>
      </c>
      <c r="E4087" s="5" t="s">
        <v>14339</v>
      </c>
      <c r="F4087" s="6">
        <v>3001</v>
      </c>
    </row>
    <row r="4088" spans="1:6" x14ac:dyDescent="0.25">
      <c r="A4088" s="4" t="s">
        <v>2250</v>
      </c>
      <c r="B4088" s="1" t="s">
        <v>3158</v>
      </c>
      <c r="C4088" s="5" t="s">
        <v>5982</v>
      </c>
      <c r="D4088" s="1" t="s">
        <v>2250</v>
      </c>
      <c r="E4088" s="5" t="s">
        <v>15355</v>
      </c>
      <c r="F4088" s="6">
        <v>4092</v>
      </c>
    </row>
    <row r="4089" spans="1:6" x14ac:dyDescent="0.25">
      <c r="A4089" s="4" t="s">
        <v>1989</v>
      </c>
      <c r="B4089" s="1" t="s">
        <v>3152</v>
      </c>
      <c r="C4089" s="5" t="s">
        <v>5702</v>
      </c>
      <c r="D4089" s="1" t="s">
        <v>1989</v>
      </c>
      <c r="E4089" s="5" t="s">
        <v>14826</v>
      </c>
      <c r="F4089" s="6">
        <v>3538</v>
      </c>
    </row>
    <row r="4090" spans="1:6" x14ac:dyDescent="0.25">
      <c r="A4090" s="4" t="s">
        <v>2358</v>
      </c>
      <c r="B4090" s="1" t="s">
        <v>3144</v>
      </c>
      <c r="C4090" s="5" t="s">
        <v>6153</v>
      </c>
      <c r="D4090" s="1" t="s">
        <v>2358</v>
      </c>
      <c r="E4090" s="5" t="s">
        <v>15632</v>
      </c>
      <c r="F4090" s="6">
        <v>4374</v>
      </c>
    </row>
    <row r="4091" spans="1:6" x14ac:dyDescent="0.25">
      <c r="A4091" s="4" t="s">
        <v>2441</v>
      </c>
      <c r="B4091" s="1" t="s">
        <v>3150</v>
      </c>
      <c r="C4091" s="5" t="s">
        <v>6312</v>
      </c>
      <c r="D4091" s="1" t="s">
        <v>9965</v>
      </c>
      <c r="E4091" s="5" t="s">
        <v>15922</v>
      </c>
      <c r="F4091" s="6">
        <v>4840</v>
      </c>
    </row>
    <row r="4092" spans="1:6" x14ac:dyDescent="0.25">
      <c r="A4092" s="4" t="s">
        <v>3107</v>
      </c>
      <c r="B4092" s="1" t="s">
        <v>3146</v>
      </c>
      <c r="C4092" s="5" t="s">
        <v>7269</v>
      </c>
      <c r="D4092" s="1" t="s">
        <v>3107</v>
      </c>
      <c r="E4092" s="5" t="s">
        <v>17949</v>
      </c>
      <c r="F4092" s="6">
        <v>9580</v>
      </c>
    </row>
    <row r="4093" spans="1:6" x14ac:dyDescent="0.25">
      <c r="A4093" s="4" t="s">
        <v>585</v>
      </c>
      <c r="B4093" s="1" t="s">
        <v>3150</v>
      </c>
      <c r="C4093" s="5" t="s">
        <v>4236</v>
      </c>
      <c r="D4093" s="1" t="s">
        <v>585</v>
      </c>
      <c r="E4093" s="5" t="s">
        <v>12927</v>
      </c>
      <c r="F4093" s="6">
        <v>1535</v>
      </c>
    </row>
    <row r="4094" spans="1:6" x14ac:dyDescent="0.25">
      <c r="A4094" s="4" t="s">
        <v>3010</v>
      </c>
      <c r="B4094" s="1" t="s">
        <v>3156</v>
      </c>
      <c r="C4094" s="5" t="s">
        <v>7076</v>
      </c>
      <c r="D4094" s="1" t="s">
        <v>3010</v>
      </c>
      <c r="E4094" s="5" t="s">
        <v>17547</v>
      </c>
      <c r="F4094" s="6">
        <v>9161</v>
      </c>
    </row>
    <row r="4095" spans="1:6" x14ac:dyDescent="0.25">
      <c r="A4095" s="4" t="s">
        <v>2126</v>
      </c>
      <c r="B4095" s="1" t="s">
        <v>3158</v>
      </c>
      <c r="C4095" s="5" t="s">
        <v>5833</v>
      </c>
      <c r="D4095" s="1" t="s">
        <v>2126</v>
      </c>
      <c r="E4095" s="5" t="s">
        <v>15083</v>
      </c>
      <c r="F4095" s="6">
        <v>3811</v>
      </c>
    </row>
    <row r="4096" spans="1:6" x14ac:dyDescent="0.25">
      <c r="A4096" s="4" t="s">
        <v>3128</v>
      </c>
      <c r="B4096" s="1" t="s">
        <v>3152</v>
      </c>
      <c r="C4096" s="5" t="s">
        <v>7304</v>
      </c>
      <c r="D4096" s="1" t="s">
        <v>11552</v>
      </c>
      <c r="E4096" s="5" t="s">
        <v>18022</v>
      </c>
      <c r="F4096" s="6">
        <v>9654</v>
      </c>
    </row>
    <row r="4097" spans="1:6" x14ac:dyDescent="0.25">
      <c r="A4097" s="4" t="s">
        <v>926</v>
      </c>
      <c r="B4097" s="1" t="s">
        <v>3147</v>
      </c>
      <c r="C4097" s="5" t="s">
        <v>4674</v>
      </c>
      <c r="D4097" s="1" t="s">
        <v>8784</v>
      </c>
      <c r="E4097" s="5" t="s">
        <v>13492</v>
      </c>
      <c r="F4097" s="6">
        <v>2130</v>
      </c>
    </row>
    <row r="4098" spans="1:6" x14ac:dyDescent="0.25">
      <c r="A4098" s="4" t="s">
        <v>258</v>
      </c>
      <c r="B4098" s="1" t="s">
        <v>3152</v>
      </c>
      <c r="C4098" s="5">
        <v>151505</v>
      </c>
      <c r="D4098" s="1" t="s">
        <v>7867</v>
      </c>
      <c r="E4098" s="5" t="s">
        <v>12172</v>
      </c>
      <c r="F4098" s="6">
        <v>646</v>
      </c>
    </row>
    <row r="4099" spans="1:6" x14ac:dyDescent="0.25">
      <c r="A4099" s="4" t="s">
        <v>1507</v>
      </c>
      <c r="B4099" s="1" t="s">
        <v>3151</v>
      </c>
      <c r="C4099" s="5" t="s">
        <v>5326</v>
      </c>
      <c r="D4099" s="1" t="s">
        <v>1507</v>
      </c>
      <c r="E4099" s="5" t="s">
        <v>14285</v>
      </c>
      <c r="F4099" s="6">
        <v>2947</v>
      </c>
    </row>
    <row r="4100" spans="1:6" x14ac:dyDescent="0.25">
      <c r="A4100" s="4" t="s">
        <v>2723</v>
      </c>
      <c r="B4100" s="1" t="s">
        <v>3151</v>
      </c>
      <c r="C4100" s="5">
        <v>507117</v>
      </c>
      <c r="D4100" s="1" t="s">
        <v>2723</v>
      </c>
      <c r="E4100" s="5" t="s">
        <v>16644</v>
      </c>
      <c r="F4100" s="6">
        <v>6462</v>
      </c>
    </row>
    <row r="4101" spans="1:6" x14ac:dyDescent="0.25">
      <c r="A4101" s="4" t="s">
        <v>2595</v>
      </c>
      <c r="B4101" s="1" t="s">
        <v>3149</v>
      </c>
      <c r="C4101" s="5" t="s">
        <v>6506</v>
      </c>
      <c r="D4101" s="1" t="s">
        <v>2595</v>
      </c>
      <c r="E4101" s="5" t="s">
        <v>16328</v>
      </c>
      <c r="F4101" s="6">
        <v>5661</v>
      </c>
    </row>
    <row r="4102" spans="1:6" x14ac:dyDescent="0.25">
      <c r="A4102" s="4" t="s">
        <v>109</v>
      </c>
      <c r="B4102" s="1" t="s">
        <v>1147</v>
      </c>
      <c r="C4102" s="5" t="s">
        <v>3368</v>
      </c>
      <c r="D4102" s="1" t="s">
        <v>7493</v>
      </c>
      <c r="E4102" s="5" t="s">
        <v>11777</v>
      </c>
      <c r="F4102" s="6">
        <v>202</v>
      </c>
    </row>
    <row r="4103" spans="1:6" x14ac:dyDescent="0.25">
      <c r="A4103" s="4" t="s">
        <v>109</v>
      </c>
      <c r="B4103" s="1" t="s">
        <v>1147</v>
      </c>
      <c r="C4103" s="5" t="s">
        <v>3368</v>
      </c>
      <c r="D4103" s="1" t="s">
        <v>8216</v>
      </c>
      <c r="E4103" s="5" t="s">
        <v>12621</v>
      </c>
      <c r="F4103" s="6">
        <v>1215</v>
      </c>
    </row>
    <row r="4104" spans="1:6" x14ac:dyDescent="0.25">
      <c r="A4104" s="4" t="s">
        <v>745</v>
      </c>
      <c r="B4104" s="1" t="s">
        <v>3146</v>
      </c>
      <c r="C4104" s="5" t="s">
        <v>4459</v>
      </c>
      <c r="D4104" s="1" t="s">
        <v>8652</v>
      </c>
      <c r="E4104" s="5" t="s">
        <v>13224</v>
      </c>
      <c r="F4104" s="6">
        <v>1857</v>
      </c>
    </row>
    <row r="4105" spans="1:6" x14ac:dyDescent="0.25">
      <c r="A4105" s="4" t="s">
        <v>903</v>
      </c>
      <c r="B4105" s="1" t="s">
        <v>1147</v>
      </c>
      <c r="C4105" s="5" t="s">
        <v>4651</v>
      </c>
      <c r="D4105" s="1" t="s">
        <v>903</v>
      </c>
      <c r="E4105" s="5" t="s">
        <v>13469</v>
      </c>
      <c r="F4105" s="6">
        <v>2106</v>
      </c>
    </row>
    <row r="4106" spans="1:6" x14ac:dyDescent="0.25">
      <c r="A4106" s="4" t="s">
        <v>1698</v>
      </c>
      <c r="B4106" s="1" t="s">
        <v>3158</v>
      </c>
      <c r="C4106" s="5" t="s">
        <v>3303</v>
      </c>
      <c r="D4106" s="1" t="s">
        <v>1698</v>
      </c>
      <c r="E4106" s="5" t="s">
        <v>14492</v>
      </c>
      <c r="F4106" s="6">
        <v>3177</v>
      </c>
    </row>
    <row r="4107" spans="1:6" x14ac:dyDescent="0.25">
      <c r="A4107" s="4" t="s">
        <v>19</v>
      </c>
      <c r="B4107" s="1" t="s">
        <v>1147</v>
      </c>
      <c r="C4107" s="5" t="s">
        <v>3230</v>
      </c>
      <c r="D4107" s="1" t="s">
        <v>7357</v>
      </c>
      <c r="E4107" s="5" t="s">
        <v>11629</v>
      </c>
      <c r="F4107" s="6">
        <v>37</v>
      </c>
    </row>
    <row r="4108" spans="1:6" x14ac:dyDescent="0.25">
      <c r="A4108" s="4" t="s">
        <v>19</v>
      </c>
      <c r="B4108" s="1" t="s">
        <v>1147</v>
      </c>
      <c r="C4108" s="5" t="s">
        <v>3230</v>
      </c>
      <c r="D4108" s="1" t="s">
        <v>7648</v>
      </c>
      <c r="E4108" s="5" t="s">
        <v>11937</v>
      </c>
      <c r="F4108" s="6">
        <v>370</v>
      </c>
    </row>
    <row r="4109" spans="1:6" x14ac:dyDescent="0.25">
      <c r="A4109" s="4" t="s">
        <v>2554</v>
      </c>
      <c r="B4109" s="1" t="s">
        <v>3164</v>
      </c>
      <c r="C4109" s="5" t="s">
        <v>6461</v>
      </c>
      <c r="D4109" s="1" t="s">
        <v>2554</v>
      </c>
      <c r="E4109" s="5" t="s">
        <v>16267</v>
      </c>
      <c r="F4109" s="6">
        <v>5526</v>
      </c>
    </row>
    <row r="4110" spans="1:6" x14ac:dyDescent="0.25">
      <c r="A4110" s="4" t="s">
        <v>3005</v>
      </c>
      <c r="B4110" s="1" t="s">
        <v>3158</v>
      </c>
      <c r="C4110" s="5" t="s">
        <v>7067</v>
      </c>
      <c r="D4110" s="1" t="s">
        <v>11167</v>
      </c>
      <c r="E4110" s="5" t="s">
        <v>17537</v>
      </c>
      <c r="F4110" s="6">
        <v>9151</v>
      </c>
    </row>
    <row r="4111" spans="1:6" x14ac:dyDescent="0.25">
      <c r="A4111" s="4" t="s">
        <v>1157</v>
      </c>
      <c r="B4111" s="1" t="s">
        <v>3155</v>
      </c>
      <c r="C4111" s="5" t="s">
        <v>4897</v>
      </c>
      <c r="D4111" s="1" t="s">
        <v>1157</v>
      </c>
      <c r="E4111" s="5" t="s">
        <v>13733</v>
      </c>
      <c r="F4111" s="6">
        <v>2381</v>
      </c>
    </row>
    <row r="4112" spans="1:6" x14ac:dyDescent="0.25">
      <c r="A4112" s="4" t="s">
        <v>2941</v>
      </c>
      <c r="B4112" s="1" t="s">
        <v>3161</v>
      </c>
      <c r="C4112" s="5">
        <v>495551</v>
      </c>
      <c r="D4112" s="1" t="s">
        <v>2941</v>
      </c>
      <c r="E4112" s="5" t="s">
        <v>17324</v>
      </c>
      <c r="F4112" s="6">
        <v>8727</v>
      </c>
    </row>
    <row r="4113" spans="1:6" x14ac:dyDescent="0.25">
      <c r="A4113" s="4" t="s">
        <v>2209</v>
      </c>
      <c r="B4113" s="1" t="s">
        <v>3154</v>
      </c>
      <c r="C4113" s="5" t="s">
        <v>5927</v>
      </c>
      <c r="D4113" s="1" t="s">
        <v>2209</v>
      </c>
      <c r="E4113" s="5" t="s">
        <v>15281</v>
      </c>
      <c r="F4113" s="6">
        <v>4016</v>
      </c>
    </row>
    <row r="4114" spans="1:6" x14ac:dyDescent="0.25">
      <c r="A4114" s="4" t="s">
        <v>2919</v>
      </c>
      <c r="B4114" s="1" t="s">
        <v>3185</v>
      </c>
      <c r="C4114" s="5">
        <v>736146</v>
      </c>
      <c r="D4114" s="1" t="s">
        <v>2919</v>
      </c>
      <c r="E4114" s="5" t="s">
        <v>17264</v>
      </c>
      <c r="F4114" s="6">
        <v>8356</v>
      </c>
    </row>
    <row r="4115" spans="1:6" x14ac:dyDescent="0.25">
      <c r="A4115" s="4" t="s">
        <v>149</v>
      </c>
      <c r="B4115" s="1" t="s">
        <v>3158</v>
      </c>
      <c r="C4115" s="5" t="s">
        <v>3424</v>
      </c>
      <c r="D4115" s="1" t="s">
        <v>7551</v>
      </c>
      <c r="E4115" s="5" t="s">
        <v>11837</v>
      </c>
      <c r="F4115" s="6">
        <v>268</v>
      </c>
    </row>
    <row r="4116" spans="1:6" x14ac:dyDescent="0.25">
      <c r="A4116" s="4" t="s">
        <v>149</v>
      </c>
      <c r="B4116" s="1" t="s">
        <v>3158</v>
      </c>
      <c r="C4116" s="5" t="s">
        <v>3424</v>
      </c>
      <c r="D4116" s="1" t="s">
        <v>9361</v>
      </c>
      <c r="E4116" s="5" t="s">
        <v>15077</v>
      </c>
      <c r="F4116" s="6">
        <v>3805</v>
      </c>
    </row>
    <row r="4117" spans="1:6" x14ac:dyDescent="0.25">
      <c r="A4117" s="4" t="s">
        <v>149</v>
      </c>
      <c r="B4117" s="1" t="s">
        <v>3158</v>
      </c>
      <c r="C4117" s="5" t="s">
        <v>6202</v>
      </c>
      <c r="D4117" s="1" t="s">
        <v>9808</v>
      </c>
      <c r="E4117" s="5" t="s">
        <v>15726</v>
      </c>
      <c r="F4117" s="6">
        <v>4495</v>
      </c>
    </row>
    <row r="4118" spans="1:6" x14ac:dyDescent="0.25">
      <c r="A4118" s="4" t="s">
        <v>149</v>
      </c>
      <c r="B4118" s="1" t="s">
        <v>3158</v>
      </c>
      <c r="C4118" s="5" t="s">
        <v>6653</v>
      </c>
      <c r="D4118" s="1" t="s">
        <v>10461</v>
      </c>
      <c r="E4118" s="5" t="s">
        <v>16619</v>
      </c>
      <c r="F4118" s="6">
        <v>6395</v>
      </c>
    </row>
    <row r="4119" spans="1:6" x14ac:dyDescent="0.25">
      <c r="A4119" s="4" t="s">
        <v>149</v>
      </c>
      <c r="B4119" s="1" t="s">
        <v>3158</v>
      </c>
      <c r="C4119" s="5">
        <v>281405</v>
      </c>
      <c r="D4119" s="1" t="s">
        <v>10557</v>
      </c>
      <c r="E4119" s="5" t="s">
        <v>16744</v>
      </c>
      <c r="F4119" s="6">
        <v>6792</v>
      </c>
    </row>
    <row r="4120" spans="1:6" x14ac:dyDescent="0.25">
      <c r="A4120" s="4" t="s">
        <v>149</v>
      </c>
      <c r="B4120" s="1" t="s">
        <v>3158</v>
      </c>
      <c r="C4120" s="5" t="s">
        <v>7040</v>
      </c>
      <c r="D4120" s="1" t="s">
        <v>11127</v>
      </c>
      <c r="E4120" s="5" t="s">
        <v>17485</v>
      </c>
      <c r="F4120" s="6">
        <v>9096</v>
      </c>
    </row>
    <row r="4121" spans="1:6" x14ac:dyDescent="0.25">
      <c r="A4121" s="4" t="s">
        <v>2274</v>
      </c>
      <c r="B4121" s="1" t="s">
        <v>3148</v>
      </c>
      <c r="C4121" s="5" t="s">
        <v>6017</v>
      </c>
      <c r="D4121" s="1" t="s">
        <v>9580</v>
      </c>
      <c r="E4121" s="5" t="s">
        <v>15417</v>
      </c>
      <c r="F4121" s="6">
        <v>4155</v>
      </c>
    </row>
    <row r="4122" spans="1:6" x14ac:dyDescent="0.25">
      <c r="A4122" s="4" t="s">
        <v>1104</v>
      </c>
      <c r="B4122" s="1" t="s">
        <v>3150</v>
      </c>
      <c r="C4122" s="5" t="s">
        <v>4846</v>
      </c>
      <c r="D4122" s="1" t="s">
        <v>1104</v>
      </c>
      <c r="E4122" s="5" t="s">
        <v>13675</v>
      </c>
      <c r="F4122" s="6">
        <v>2321</v>
      </c>
    </row>
    <row r="4123" spans="1:6" x14ac:dyDescent="0.25">
      <c r="A4123" s="4" t="s">
        <v>953</v>
      </c>
      <c r="B4123" s="1" t="s">
        <v>3158</v>
      </c>
      <c r="C4123" s="5" t="s">
        <v>4701</v>
      </c>
      <c r="D4123" s="1" t="s">
        <v>953</v>
      </c>
      <c r="E4123" s="5" t="s">
        <v>13519</v>
      </c>
      <c r="F4123" s="6">
        <v>2157</v>
      </c>
    </row>
    <row r="4124" spans="1:6" x14ac:dyDescent="0.25">
      <c r="A4124" s="4" t="s">
        <v>2694</v>
      </c>
      <c r="B4124" s="1" t="s">
        <v>3153</v>
      </c>
      <c r="C4124" s="5" t="s">
        <v>6619</v>
      </c>
      <c r="D4124" s="1" t="s">
        <v>10409</v>
      </c>
      <c r="E4124" s="5" t="s">
        <v>16550</v>
      </c>
      <c r="F4124" s="6">
        <v>6206</v>
      </c>
    </row>
    <row r="4125" spans="1:6" x14ac:dyDescent="0.25">
      <c r="A4125" s="4" t="s">
        <v>777</v>
      </c>
      <c r="B4125" s="1" t="s">
        <v>3158</v>
      </c>
      <c r="C4125" s="5" t="s">
        <v>4501</v>
      </c>
      <c r="D4125" s="1" t="s">
        <v>8681</v>
      </c>
      <c r="E4125" s="5" t="s">
        <v>13277</v>
      </c>
      <c r="F4125" s="6">
        <v>1910</v>
      </c>
    </row>
    <row r="4126" spans="1:6" x14ac:dyDescent="0.25">
      <c r="A4126" s="4" t="s">
        <v>986</v>
      </c>
      <c r="B4126" s="1" t="s">
        <v>3152</v>
      </c>
      <c r="C4126" s="5" t="s">
        <v>4732</v>
      </c>
      <c r="D4126" s="1" t="s">
        <v>8800</v>
      </c>
      <c r="E4126" s="5" t="s">
        <v>13553</v>
      </c>
      <c r="F4126" s="6">
        <v>2193</v>
      </c>
    </row>
    <row r="4127" spans="1:6" x14ac:dyDescent="0.25">
      <c r="A4127" s="4" t="s">
        <v>1557</v>
      </c>
      <c r="B4127" s="1" t="s">
        <v>3158</v>
      </c>
      <c r="C4127" s="5" t="s">
        <v>5377</v>
      </c>
      <c r="D4127" s="1" t="s">
        <v>1557</v>
      </c>
      <c r="E4127" s="5" t="s">
        <v>14340</v>
      </c>
      <c r="F4127" s="6">
        <v>3002</v>
      </c>
    </row>
    <row r="4128" spans="1:6" x14ac:dyDescent="0.25">
      <c r="A4128" s="4" t="s">
        <v>2452</v>
      </c>
      <c r="B4128" s="1" t="s">
        <v>3152</v>
      </c>
      <c r="C4128" s="5" t="s">
        <v>4732</v>
      </c>
      <c r="D4128" s="1" t="s">
        <v>9987</v>
      </c>
      <c r="E4128" s="5" t="s">
        <v>15952</v>
      </c>
      <c r="F4128" s="6">
        <v>4871</v>
      </c>
    </row>
    <row r="4129" spans="1:6" x14ac:dyDescent="0.25">
      <c r="A4129" s="4" t="s">
        <v>552</v>
      </c>
      <c r="B4129" s="1" t="s">
        <v>3150</v>
      </c>
      <c r="C4129" s="5" t="s">
        <v>4198</v>
      </c>
      <c r="D4129" s="1" t="s">
        <v>8443</v>
      </c>
      <c r="E4129" s="5" t="s">
        <v>12886</v>
      </c>
      <c r="F4129" s="6">
        <v>1487</v>
      </c>
    </row>
    <row r="4130" spans="1:6" x14ac:dyDescent="0.25">
      <c r="A4130" s="4" t="s">
        <v>1351</v>
      </c>
      <c r="B4130" s="1" t="s">
        <v>3158</v>
      </c>
      <c r="C4130" s="5" t="s">
        <v>5145</v>
      </c>
      <c r="D4130" s="1" t="s">
        <v>1351</v>
      </c>
      <c r="E4130" s="5" t="s">
        <v>14042</v>
      </c>
      <c r="F4130" s="6">
        <v>2696</v>
      </c>
    </row>
    <row r="4131" spans="1:6" x14ac:dyDescent="0.25">
      <c r="A4131" s="4" t="s">
        <v>982</v>
      </c>
      <c r="B4131" s="1" t="s">
        <v>3167</v>
      </c>
      <c r="C4131" s="5" t="s">
        <v>4728</v>
      </c>
      <c r="D4131" s="1" t="s">
        <v>982</v>
      </c>
      <c r="E4131" s="5" t="s">
        <v>13549</v>
      </c>
      <c r="F4131" s="6">
        <v>2189</v>
      </c>
    </row>
    <row r="4132" spans="1:6" x14ac:dyDescent="0.25">
      <c r="A4132" s="4" t="s">
        <v>742</v>
      </c>
      <c r="B4132" s="1" t="s">
        <v>3146</v>
      </c>
      <c r="C4132" s="5" t="s">
        <v>4456</v>
      </c>
      <c r="D4132" s="1" t="s">
        <v>742</v>
      </c>
      <c r="E4132" s="5" t="s">
        <v>13221</v>
      </c>
      <c r="F4132" s="6">
        <v>1854</v>
      </c>
    </row>
    <row r="4133" spans="1:6" x14ac:dyDescent="0.25">
      <c r="A4133" s="4" t="s">
        <v>1675</v>
      </c>
      <c r="B4133" s="1" t="s">
        <v>3146</v>
      </c>
      <c r="C4133" s="5" t="s">
        <v>5467</v>
      </c>
      <c r="D4133" s="1" t="s">
        <v>9153</v>
      </c>
      <c r="E4133" s="5" t="s">
        <v>14465</v>
      </c>
      <c r="F4133" s="6">
        <v>3150</v>
      </c>
    </row>
    <row r="4134" spans="1:6" x14ac:dyDescent="0.25">
      <c r="A4134" s="4" t="s">
        <v>1167</v>
      </c>
      <c r="B4134" s="1" t="s">
        <v>3151</v>
      </c>
      <c r="C4134" s="5" t="s">
        <v>4908</v>
      </c>
      <c r="D4134" s="1" t="s">
        <v>1167</v>
      </c>
      <c r="E4134" s="5" t="s">
        <v>13747</v>
      </c>
      <c r="F4134" s="6">
        <v>2395</v>
      </c>
    </row>
    <row r="4135" spans="1:6" x14ac:dyDescent="0.25">
      <c r="A4135" s="4" t="s">
        <v>620</v>
      </c>
      <c r="B4135" s="1" t="s">
        <v>3151</v>
      </c>
      <c r="C4135" s="5" t="s">
        <v>4298</v>
      </c>
      <c r="D4135" s="1" t="s">
        <v>620</v>
      </c>
      <c r="E4135" s="5" t="s">
        <v>13013</v>
      </c>
      <c r="F4135" s="6">
        <v>1640</v>
      </c>
    </row>
    <row r="4136" spans="1:6" x14ac:dyDescent="0.25">
      <c r="A4136" s="4" t="s">
        <v>1276</v>
      </c>
      <c r="B4136" s="1" t="s">
        <v>3148</v>
      </c>
      <c r="C4136" s="5" t="s">
        <v>5060</v>
      </c>
      <c r="D4136" s="1" t="s">
        <v>1276</v>
      </c>
      <c r="E4136" s="5" t="s">
        <v>13941</v>
      </c>
      <c r="F4136" s="6">
        <v>2593</v>
      </c>
    </row>
    <row r="4137" spans="1:6" x14ac:dyDescent="0.25">
      <c r="A4137" s="4" t="s">
        <v>1276</v>
      </c>
      <c r="B4137" s="1" t="s">
        <v>3148</v>
      </c>
      <c r="C4137" s="5" t="s">
        <v>5060</v>
      </c>
      <c r="D4137" s="1" t="s">
        <v>9767</v>
      </c>
      <c r="E4137" s="5" t="s">
        <v>15673</v>
      </c>
      <c r="F4137" s="6">
        <v>4420</v>
      </c>
    </row>
    <row r="4138" spans="1:6" x14ac:dyDescent="0.25">
      <c r="A4138" s="4" t="s">
        <v>156</v>
      </c>
      <c r="B4138" s="1" t="s">
        <v>3158</v>
      </c>
      <c r="C4138" s="5" t="s">
        <v>3439</v>
      </c>
      <c r="D4138" s="1" t="s">
        <v>7568</v>
      </c>
      <c r="E4138" s="5" t="s">
        <v>11854</v>
      </c>
      <c r="F4138" s="6">
        <v>285</v>
      </c>
    </row>
    <row r="4139" spans="1:6" x14ac:dyDescent="0.25">
      <c r="A4139" s="4" t="s">
        <v>156</v>
      </c>
      <c r="B4139" s="1" t="s">
        <v>3158</v>
      </c>
      <c r="C4139" s="5" t="s">
        <v>3702</v>
      </c>
      <c r="D4139" s="1" t="s">
        <v>7875</v>
      </c>
      <c r="E4139" s="5" t="s">
        <v>12181</v>
      </c>
      <c r="F4139" s="6">
        <v>655</v>
      </c>
    </row>
    <row r="4140" spans="1:6" x14ac:dyDescent="0.25">
      <c r="A4140" s="4" t="s">
        <v>156</v>
      </c>
      <c r="B4140" s="1" t="s">
        <v>3158</v>
      </c>
      <c r="C4140" s="5" t="s">
        <v>3439</v>
      </c>
      <c r="D4140" s="1" t="s">
        <v>8423</v>
      </c>
      <c r="E4140" s="5" t="s">
        <v>12861</v>
      </c>
      <c r="F4140" s="6">
        <v>1462</v>
      </c>
    </row>
    <row r="4141" spans="1:6" x14ac:dyDescent="0.25">
      <c r="A4141" s="4" t="s">
        <v>156</v>
      </c>
      <c r="B4141" s="1" t="s">
        <v>3158</v>
      </c>
      <c r="C4141" s="5" t="s">
        <v>4502</v>
      </c>
      <c r="D4141" s="1" t="s">
        <v>8682</v>
      </c>
      <c r="E4141" s="5" t="s">
        <v>13278</v>
      </c>
      <c r="F4141" s="6">
        <v>1911</v>
      </c>
    </row>
    <row r="4142" spans="1:6" x14ac:dyDescent="0.25">
      <c r="A4142" s="4" t="s">
        <v>156</v>
      </c>
      <c r="B4142" s="1" t="s">
        <v>3158</v>
      </c>
      <c r="C4142" s="5" t="s">
        <v>5672</v>
      </c>
      <c r="D4142" s="1" t="s">
        <v>9735</v>
      </c>
      <c r="E4142" s="5" t="s">
        <v>15640</v>
      </c>
      <c r="F4142" s="6">
        <v>4382</v>
      </c>
    </row>
    <row r="4143" spans="1:6" x14ac:dyDescent="0.25">
      <c r="A4143" s="4" t="s">
        <v>156</v>
      </c>
      <c r="B4143" s="1" t="s">
        <v>3158</v>
      </c>
      <c r="C4143" s="5" t="s">
        <v>3439</v>
      </c>
      <c r="D4143" s="1" t="s">
        <v>7362</v>
      </c>
      <c r="E4143" s="5" t="s">
        <v>16006</v>
      </c>
      <c r="F4143" s="6">
        <v>4955</v>
      </c>
    </row>
    <row r="4144" spans="1:6" x14ac:dyDescent="0.25">
      <c r="A4144" s="4" t="s">
        <v>156</v>
      </c>
      <c r="B4144" s="1" t="s">
        <v>3158</v>
      </c>
      <c r="C4144" s="5" t="s">
        <v>3702</v>
      </c>
      <c r="D4144" s="1" t="s">
        <v>10333</v>
      </c>
      <c r="E4144" s="5" t="s">
        <v>16437</v>
      </c>
      <c r="F4144" s="6">
        <v>5898</v>
      </c>
    </row>
    <row r="4145" spans="1:6" x14ac:dyDescent="0.25">
      <c r="A4145" s="4" t="s">
        <v>156</v>
      </c>
      <c r="B4145" s="1" t="s">
        <v>3158</v>
      </c>
      <c r="C4145" s="5" t="s">
        <v>6868</v>
      </c>
      <c r="D4145" s="1" t="s">
        <v>10791</v>
      </c>
      <c r="E4145" s="5" t="s">
        <v>17052</v>
      </c>
      <c r="F4145" s="6">
        <v>7680</v>
      </c>
    </row>
    <row r="4146" spans="1:6" x14ac:dyDescent="0.25">
      <c r="A4146" s="4" t="s">
        <v>156</v>
      </c>
      <c r="B4146" s="1" t="s">
        <v>3158</v>
      </c>
      <c r="C4146" s="5" t="s">
        <v>3439</v>
      </c>
      <c r="D4146" s="1" t="s">
        <v>11267</v>
      </c>
      <c r="E4146" s="5" t="s">
        <v>17672</v>
      </c>
      <c r="F4146" s="6">
        <v>9290</v>
      </c>
    </row>
    <row r="4147" spans="1:6" x14ac:dyDescent="0.25">
      <c r="A4147" s="4" t="s">
        <v>1990</v>
      </c>
      <c r="B4147" s="1" t="s">
        <v>3158</v>
      </c>
      <c r="C4147" s="5" t="s">
        <v>3474</v>
      </c>
      <c r="D4147" s="1" t="s">
        <v>1990</v>
      </c>
      <c r="E4147" s="5" t="s">
        <v>14827</v>
      </c>
      <c r="F4147" s="6">
        <v>3539</v>
      </c>
    </row>
    <row r="4148" spans="1:6" x14ac:dyDescent="0.25">
      <c r="A4148" s="4" t="s">
        <v>1504</v>
      </c>
      <c r="B4148" s="1" t="s">
        <v>3165</v>
      </c>
      <c r="C4148" s="5" t="s">
        <v>5323</v>
      </c>
      <c r="D4148" s="1" t="s">
        <v>9119</v>
      </c>
      <c r="E4148" s="5" t="s">
        <v>14282</v>
      </c>
      <c r="F4148" s="6">
        <v>2943</v>
      </c>
    </row>
    <row r="4149" spans="1:6" x14ac:dyDescent="0.25">
      <c r="A4149" s="4" t="s">
        <v>2416</v>
      </c>
      <c r="B4149" s="1" t="s">
        <v>3151</v>
      </c>
      <c r="C4149" s="5" t="s">
        <v>6259</v>
      </c>
      <c r="D4149" s="1" t="s">
        <v>9898</v>
      </c>
      <c r="E4149" s="5" t="s">
        <v>15835</v>
      </c>
      <c r="F4149" s="6">
        <v>4747</v>
      </c>
    </row>
    <row r="4150" spans="1:6" x14ac:dyDescent="0.25">
      <c r="A4150" s="4" t="s">
        <v>2997</v>
      </c>
      <c r="B4150" s="1" t="s">
        <v>3158</v>
      </c>
      <c r="C4150" s="5" t="s">
        <v>7055</v>
      </c>
      <c r="D4150" s="1" t="s">
        <v>2997</v>
      </c>
      <c r="E4150" s="5" t="s">
        <v>17519</v>
      </c>
      <c r="F4150" s="6">
        <v>9132</v>
      </c>
    </row>
    <row r="4151" spans="1:6" x14ac:dyDescent="0.25">
      <c r="A4151" s="4" t="s">
        <v>1790</v>
      </c>
      <c r="B4151" s="1" t="s">
        <v>3152</v>
      </c>
      <c r="C4151" s="5" t="s">
        <v>5546</v>
      </c>
      <c r="D4151" s="1" t="s">
        <v>1790</v>
      </c>
      <c r="E4151" s="5" t="s">
        <v>14611</v>
      </c>
      <c r="F4151" s="6">
        <v>3306</v>
      </c>
    </row>
    <row r="4152" spans="1:6" x14ac:dyDescent="0.25">
      <c r="A4152" s="4" t="s">
        <v>2054</v>
      </c>
      <c r="B4152" s="1" t="s">
        <v>3165</v>
      </c>
      <c r="C4152" s="5" t="s">
        <v>4948</v>
      </c>
      <c r="D4152" s="1" t="s">
        <v>2054</v>
      </c>
      <c r="E4152" s="5" t="s">
        <v>14895</v>
      </c>
      <c r="F4152" s="6">
        <v>3612</v>
      </c>
    </row>
    <row r="4153" spans="1:6" x14ac:dyDescent="0.25">
      <c r="A4153" s="4" t="s">
        <v>3091</v>
      </c>
      <c r="B4153" s="1" t="s">
        <v>3144</v>
      </c>
      <c r="C4153" s="5" t="s">
        <v>7247</v>
      </c>
      <c r="D4153" s="1" t="s">
        <v>3091</v>
      </c>
      <c r="E4153" s="5" t="s">
        <v>17920</v>
      </c>
      <c r="F4153" s="6">
        <v>9549</v>
      </c>
    </row>
    <row r="4154" spans="1:6" x14ac:dyDescent="0.25">
      <c r="A4154" s="4" t="s">
        <v>1658</v>
      </c>
      <c r="B4154" s="1" t="s">
        <v>3152</v>
      </c>
      <c r="C4154" s="5" t="s">
        <v>5457</v>
      </c>
      <c r="D4154" s="1" t="s">
        <v>1658</v>
      </c>
      <c r="E4154" s="5" t="s">
        <v>14448</v>
      </c>
      <c r="F4154" s="6">
        <v>3133</v>
      </c>
    </row>
    <row r="4155" spans="1:6" x14ac:dyDescent="0.25">
      <c r="A4155" s="4" t="s">
        <v>132</v>
      </c>
      <c r="B4155" s="1" t="s">
        <v>3147</v>
      </c>
      <c r="C4155" s="5" t="s">
        <v>3400</v>
      </c>
      <c r="D4155" s="1" t="s">
        <v>7525</v>
      </c>
      <c r="E4155" s="5" t="s">
        <v>11810</v>
      </c>
      <c r="F4155" s="6">
        <v>238</v>
      </c>
    </row>
    <row r="4156" spans="1:6" x14ac:dyDescent="0.25">
      <c r="A4156" s="4" t="s">
        <v>132</v>
      </c>
      <c r="B4156" s="1" t="s">
        <v>3147</v>
      </c>
      <c r="C4156" s="5" t="s">
        <v>3400</v>
      </c>
      <c r="D4156" s="1" t="s">
        <v>9340</v>
      </c>
      <c r="E4156" s="5" t="s">
        <v>15050</v>
      </c>
      <c r="F4156" s="6">
        <v>3778</v>
      </c>
    </row>
    <row r="4157" spans="1:6" x14ac:dyDescent="0.25">
      <c r="A4157" s="4" t="s">
        <v>132</v>
      </c>
      <c r="B4157" s="1" t="s">
        <v>3147</v>
      </c>
      <c r="C4157" s="5" t="s">
        <v>3400</v>
      </c>
      <c r="D4157" s="1" t="s">
        <v>10389</v>
      </c>
      <c r="E4157" s="5" t="s">
        <v>16525</v>
      </c>
      <c r="F4157" s="6">
        <v>6160</v>
      </c>
    </row>
    <row r="4158" spans="1:6" x14ac:dyDescent="0.25">
      <c r="A4158" s="4" t="s">
        <v>1136</v>
      </c>
      <c r="B4158" s="1" t="s">
        <v>3152</v>
      </c>
      <c r="C4158" s="5" t="s">
        <v>4878</v>
      </c>
      <c r="D4158" s="1" t="s">
        <v>1136</v>
      </c>
      <c r="E4158" s="5" t="s">
        <v>13710</v>
      </c>
      <c r="F4158" s="6">
        <v>2357</v>
      </c>
    </row>
    <row r="4159" spans="1:6" x14ac:dyDescent="0.25">
      <c r="A4159" s="4" t="s">
        <v>2947</v>
      </c>
      <c r="B4159" s="1" t="s">
        <v>3158</v>
      </c>
      <c r="C4159" s="5" t="s">
        <v>6966</v>
      </c>
      <c r="D4159" s="1" t="s">
        <v>11015</v>
      </c>
      <c r="E4159" s="5" t="s">
        <v>17335</v>
      </c>
      <c r="F4159" s="6">
        <v>8783</v>
      </c>
    </row>
    <row r="4160" spans="1:6" x14ac:dyDescent="0.25">
      <c r="A4160" s="4" t="s">
        <v>3044</v>
      </c>
      <c r="B4160" s="1" t="s">
        <v>3146</v>
      </c>
      <c r="C4160" s="5" t="s">
        <v>7150</v>
      </c>
      <c r="D4160" s="1" t="s">
        <v>3044</v>
      </c>
      <c r="E4160" s="5" t="s">
        <v>17676</v>
      </c>
      <c r="F4160" s="6">
        <v>9294</v>
      </c>
    </row>
    <row r="4161" spans="1:6" x14ac:dyDescent="0.25">
      <c r="A4161" s="4" t="s">
        <v>1151</v>
      </c>
      <c r="B4161" s="1" t="s">
        <v>3148</v>
      </c>
      <c r="C4161" s="5" t="s">
        <v>4891</v>
      </c>
      <c r="D4161" s="1" t="s">
        <v>1151</v>
      </c>
      <c r="E4161" s="5" t="s">
        <v>13725</v>
      </c>
      <c r="F4161" s="6">
        <v>2373</v>
      </c>
    </row>
    <row r="4162" spans="1:6" x14ac:dyDescent="0.25">
      <c r="A4162" s="4" t="s">
        <v>637</v>
      </c>
      <c r="B4162" s="1" t="s">
        <v>3147</v>
      </c>
      <c r="C4162" s="5" t="s">
        <v>4321</v>
      </c>
      <c r="D4162" s="1" t="s">
        <v>637</v>
      </c>
      <c r="E4162" s="5" t="s">
        <v>13044</v>
      </c>
      <c r="F4162" s="6">
        <v>1675</v>
      </c>
    </row>
    <row r="4163" spans="1:6" x14ac:dyDescent="0.25">
      <c r="A4163" s="4" t="s">
        <v>2150</v>
      </c>
      <c r="B4163" s="1" t="s">
        <v>3161</v>
      </c>
      <c r="C4163" s="5" t="s">
        <v>3896</v>
      </c>
      <c r="D4163" s="1" t="s">
        <v>9388</v>
      </c>
      <c r="E4163" s="5" t="s">
        <v>15126</v>
      </c>
      <c r="F4163" s="6">
        <v>3857</v>
      </c>
    </row>
    <row r="4164" spans="1:6" x14ac:dyDescent="0.25">
      <c r="A4164" s="4" t="s">
        <v>860</v>
      </c>
      <c r="B4164" s="1" t="s">
        <v>3160</v>
      </c>
      <c r="C4164" s="5" t="s">
        <v>4599</v>
      </c>
      <c r="D4164" s="1" t="s">
        <v>8747</v>
      </c>
      <c r="E4164" s="5" t="s">
        <v>13400</v>
      </c>
      <c r="F4164" s="6">
        <v>2033</v>
      </c>
    </row>
    <row r="4165" spans="1:6" x14ac:dyDescent="0.25">
      <c r="A4165" s="4" t="s">
        <v>1335</v>
      </c>
      <c r="B4165" s="1" t="s">
        <v>3156</v>
      </c>
      <c r="C4165" s="5" t="s">
        <v>5124</v>
      </c>
      <c r="D4165" s="1" t="s">
        <v>8989</v>
      </c>
      <c r="E4165" s="5" t="s">
        <v>14016</v>
      </c>
      <c r="F4165" s="6">
        <v>2670</v>
      </c>
    </row>
    <row r="4166" spans="1:6" x14ac:dyDescent="0.25">
      <c r="A4166" s="4" t="s">
        <v>847</v>
      </c>
      <c r="B4166" s="1" t="s">
        <v>3147</v>
      </c>
      <c r="C4166" s="5" t="s">
        <v>4582</v>
      </c>
      <c r="D4166" s="1" t="s">
        <v>847</v>
      </c>
      <c r="E4166" s="5" t="s">
        <v>13379</v>
      </c>
      <c r="F4166" s="6">
        <v>2012</v>
      </c>
    </row>
    <row r="4167" spans="1:6" x14ac:dyDescent="0.25">
      <c r="A4167" s="4" t="s">
        <v>1106</v>
      </c>
      <c r="B4167" s="1" t="s">
        <v>3151</v>
      </c>
      <c r="C4167" s="5" t="s">
        <v>4847</v>
      </c>
      <c r="D4167" s="1" t="s">
        <v>1106</v>
      </c>
      <c r="E4167" s="5" t="s">
        <v>13677</v>
      </c>
      <c r="F4167" s="6">
        <v>2323</v>
      </c>
    </row>
    <row r="4168" spans="1:6" x14ac:dyDescent="0.25">
      <c r="A4168" s="4" t="s">
        <v>1106</v>
      </c>
      <c r="B4168" s="1" t="s">
        <v>3151</v>
      </c>
      <c r="C4168" s="5" t="s">
        <v>4847</v>
      </c>
      <c r="D4168" s="1" t="s">
        <v>10770</v>
      </c>
      <c r="E4168" s="5" t="s">
        <v>17025</v>
      </c>
      <c r="F4168" s="6">
        <v>7625</v>
      </c>
    </row>
    <row r="4169" spans="1:6" x14ac:dyDescent="0.25">
      <c r="A4169" s="4" t="s">
        <v>1593</v>
      </c>
      <c r="B4169" s="1" t="s">
        <v>3146</v>
      </c>
      <c r="C4169" s="5" t="s">
        <v>5414</v>
      </c>
      <c r="D4169" s="1" t="s">
        <v>1593</v>
      </c>
      <c r="E4169" s="5" t="s">
        <v>14379</v>
      </c>
      <c r="F4169" s="6">
        <v>3045</v>
      </c>
    </row>
    <row r="4170" spans="1:6" x14ac:dyDescent="0.25">
      <c r="A4170" s="4" t="s">
        <v>1014</v>
      </c>
      <c r="B4170" s="1" t="s">
        <v>3146</v>
      </c>
      <c r="C4170" s="5" t="s">
        <v>4758</v>
      </c>
      <c r="D4170" s="1" t="s">
        <v>1014</v>
      </c>
      <c r="E4170" s="5" t="s">
        <v>13581</v>
      </c>
      <c r="F4170" s="6">
        <v>2222</v>
      </c>
    </row>
    <row r="4171" spans="1:6" x14ac:dyDescent="0.25">
      <c r="A4171" s="4" t="s">
        <v>3063</v>
      </c>
      <c r="B4171" s="1" t="s">
        <v>3144</v>
      </c>
      <c r="C4171" s="5" t="s">
        <v>7181</v>
      </c>
      <c r="D4171" s="1" t="s">
        <v>3063</v>
      </c>
      <c r="E4171" s="5" t="s">
        <v>17730</v>
      </c>
      <c r="F4171" s="6">
        <v>9352</v>
      </c>
    </row>
    <row r="4172" spans="1:6" x14ac:dyDescent="0.25">
      <c r="A4172" s="4" t="s">
        <v>2505</v>
      </c>
      <c r="B4172" s="1" t="s">
        <v>3153</v>
      </c>
      <c r="C4172" s="5" t="s">
        <v>6379</v>
      </c>
      <c r="D4172" s="1" t="s">
        <v>10097</v>
      </c>
      <c r="E4172" s="5" t="s">
        <v>16096</v>
      </c>
      <c r="F4172" s="6">
        <v>5149</v>
      </c>
    </row>
    <row r="4173" spans="1:6" x14ac:dyDescent="0.25">
      <c r="A4173" s="4" t="s">
        <v>1867</v>
      </c>
      <c r="B4173" s="1" t="s">
        <v>3152</v>
      </c>
      <c r="C4173" s="5" t="s">
        <v>5630</v>
      </c>
      <c r="D4173" s="1" t="s">
        <v>1867</v>
      </c>
      <c r="E4173" s="5" t="s">
        <v>14698</v>
      </c>
      <c r="F4173" s="6">
        <v>3403</v>
      </c>
    </row>
    <row r="4174" spans="1:6" x14ac:dyDescent="0.25">
      <c r="A4174" s="4" t="s">
        <v>2550</v>
      </c>
      <c r="B4174" s="1" t="s">
        <v>3158</v>
      </c>
      <c r="C4174" s="5" t="s">
        <v>6455</v>
      </c>
      <c r="D4174" s="1" t="s">
        <v>10220</v>
      </c>
      <c r="E4174" s="5" t="s">
        <v>16254</v>
      </c>
      <c r="F4174" s="6">
        <v>5494</v>
      </c>
    </row>
    <row r="4175" spans="1:6" x14ac:dyDescent="0.25">
      <c r="A4175" s="4" t="s">
        <v>2213</v>
      </c>
      <c r="B4175" s="1" t="s">
        <v>3158</v>
      </c>
      <c r="C4175" s="5" t="s">
        <v>5931</v>
      </c>
      <c r="D4175" s="1" t="s">
        <v>2213</v>
      </c>
      <c r="E4175" s="5" t="s">
        <v>15285</v>
      </c>
      <c r="F4175" s="6">
        <v>4020</v>
      </c>
    </row>
    <row r="4176" spans="1:6" x14ac:dyDescent="0.25">
      <c r="A4176" s="4" t="s">
        <v>2837</v>
      </c>
      <c r="B4176" s="1" t="s">
        <v>3146</v>
      </c>
      <c r="C4176" s="5" t="s">
        <v>6837</v>
      </c>
      <c r="D4176" s="1" t="s">
        <v>10740</v>
      </c>
      <c r="E4176" s="5" t="s">
        <v>16982</v>
      </c>
      <c r="F4176" s="6">
        <v>7496</v>
      </c>
    </row>
    <row r="4177" spans="1:6" x14ac:dyDescent="0.25">
      <c r="A4177" s="4" t="s">
        <v>182</v>
      </c>
      <c r="B4177" s="1" t="s">
        <v>3144</v>
      </c>
      <c r="C4177" s="5" t="s">
        <v>3502</v>
      </c>
      <c r="D4177" s="1" t="s">
        <v>7636</v>
      </c>
      <c r="E4177" s="5" t="s">
        <v>11925</v>
      </c>
      <c r="F4177" s="6">
        <v>358</v>
      </c>
    </row>
    <row r="4178" spans="1:6" x14ac:dyDescent="0.25">
      <c r="A4178" s="4" t="s">
        <v>182</v>
      </c>
      <c r="B4178" s="1" t="s">
        <v>3144</v>
      </c>
      <c r="C4178" s="5" t="s">
        <v>3502</v>
      </c>
      <c r="D4178" s="1" t="s">
        <v>7883</v>
      </c>
      <c r="E4178" s="5" t="s">
        <v>12190</v>
      </c>
      <c r="F4178" s="6">
        <v>665</v>
      </c>
    </row>
    <row r="4179" spans="1:6" x14ac:dyDescent="0.25">
      <c r="A4179" s="4" t="s">
        <v>182</v>
      </c>
      <c r="B4179" s="1" t="s">
        <v>3144</v>
      </c>
      <c r="C4179" s="5" t="s">
        <v>3966</v>
      </c>
      <c r="D4179" s="1" t="s">
        <v>8116</v>
      </c>
      <c r="E4179" s="5" t="s">
        <v>12500</v>
      </c>
      <c r="F4179" s="6">
        <v>1024</v>
      </c>
    </row>
    <row r="4180" spans="1:6" x14ac:dyDescent="0.25">
      <c r="A4180" s="4" t="s">
        <v>182</v>
      </c>
      <c r="B4180" s="1" t="s">
        <v>3144</v>
      </c>
      <c r="C4180" s="5" t="s">
        <v>3502</v>
      </c>
      <c r="D4180" s="1" t="s">
        <v>8155</v>
      </c>
      <c r="E4180" s="5" t="s">
        <v>12552</v>
      </c>
      <c r="F4180" s="6">
        <v>1077</v>
      </c>
    </row>
    <row r="4181" spans="1:6" x14ac:dyDescent="0.25">
      <c r="A4181" s="4" t="s">
        <v>182</v>
      </c>
      <c r="B4181" s="1" t="s">
        <v>3144</v>
      </c>
      <c r="C4181" s="5" t="s">
        <v>4030</v>
      </c>
      <c r="D4181" s="1" t="s">
        <v>8184</v>
      </c>
      <c r="E4181" s="5" t="s">
        <v>12586</v>
      </c>
      <c r="F4181" s="6">
        <v>1116</v>
      </c>
    </row>
    <row r="4182" spans="1:6" x14ac:dyDescent="0.25">
      <c r="A4182" s="4" t="s">
        <v>3126</v>
      </c>
      <c r="B4182" s="1" t="s">
        <v>3163</v>
      </c>
      <c r="C4182" s="5" t="s">
        <v>7303</v>
      </c>
      <c r="D4182" s="1" t="s">
        <v>11547</v>
      </c>
      <c r="E4182" s="5" t="s">
        <v>18017</v>
      </c>
      <c r="F4182" s="6">
        <v>9649</v>
      </c>
    </row>
    <row r="4183" spans="1:6" x14ac:dyDescent="0.25">
      <c r="A4183" s="4" t="s">
        <v>2370</v>
      </c>
      <c r="B4183" s="1" t="s">
        <v>812</v>
      </c>
      <c r="C4183" s="5" t="s">
        <v>6168</v>
      </c>
      <c r="D4183" s="1" t="s">
        <v>9768</v>
      </c>
      <c r="E4183" s="5" t="s">
        <v>15675</v>
      </c>
      <c r="F4183" s="6">
        <v>4422</v>
      </c>
    </row>
    <row r="4184" spans="1:6" x14ac:dyDescent="0.25">
      <c r="A4184" s="4" t="s">
        <v>2488</v>
      </c>
      <c r="B4184" s="1" t="s">
        <v>3151</v>
      </c>
      <c r="C4184" s="5">
        <v>508207</v>
      </c>
      <c r="D4184" s="1" t="s">
        <v>10047</v>
      </c>
      <c r="E4184" s="5" t="s">
        <v>16035</v>
      </c>
      <c r="F4184" s="6">
        <v>5027</v>
      </c>
    </row>
    <row r="4185" spans="1:6" x14ac:dyDescent="0.25">
      <c r="A4185" s="4" t="s">
        <v>886</v>
      </c>
      <c r="B4185" s="1" t="s">
        <v>3151</v>
      </c>
      <c r="C4185" s="5" t="s">
        <v>4633</v>
      </c>
      <c r="D4185" s="1" t="s">
        <v>2488</v>
      </c>
      <c r="E4185" s="5" t="s">
        <v>13445</v>
      </c>
      <c r="F4185" s="6">
        <v>2081</v>
      </c>
    </row>
    <row r="4186" spans="1:6" x14ac:dyDescent="0.25">
      <c r="A4186" s="4" t="s">
        <v>778</v>
      </c>
      <c r="B4186" s="1" t="s">
        <v>3158</v>
      </c>
      <c r="C4186" s="5" t="s">
        <v>4503</v>
      </c>
      <c r="D4186" s="1" t="s">
        <v>778</v>
      </c>
      <c r="E4186" s="5" t="s">
        <v>13279</v>
      </c>
      <c r="F4186" s="6">
        <v>1912</v>
      </c>
    </row>
    <row r="4187" spans="1:6" x14ac:dyDescent="0.25">
      <c r="A4187" s="4" t="s">
        <v>778</v>
      </c>
      <c r="B4187" s="1" t="s">
        <v>3158</v>
      </c>
      <c r="C4187" s="5" t="s">
        <v>6790</v>
      </c>
      <c r="D4187" s="1" t="s">
        <v>10670</v>
      </c>
      <c r="E4187" s="5" t="s">
        <v>16890</v>
      </c>
      <c r="F4187" s="6">
        <v>7184</v>
      </c>
    </row>
    <row r="4188" spans="1:6" x14ac:dyDescent="0.25">
      <c r="A4188" s="4" t="s">
        <v>778</v>
      </c>
      <c r="B4188" s="1" t="s">
        <v>3158</v>
      </c>
      <c r="C4188" s="5" t="s">
        <v>6971</v>
      </c>
      <c r="D4188" s="1" t="s">
        <v>11032</v>
      </c>
      <c r="E4188" s="5" t="s">
        <v>17356</v>
      </c>
      <c r="F4188" s="6">
        <v>8874</v>
      </c>
    </row>
    <row r="4189" spans="1:6" x14ac:dyDescent="0.25">
      <c r="A4189" s="4" t="s">
        <v>530</v>
      </c>
      <c r="B4189" s="1" t="s">
        <v>3147</v>
      </c>
      <c r="C4189" s="5" t="s">
        <v>4168</v>
      </c>
      <c r="D4189" s="1" t="s">
        <v>8410</v>
      </c>
      <c r="E4189" s="5" t="s">
        <v>12846</v>
      </c>
      <c r="F4189" s="6">
        <v>1446</v>
      </c>
    </row>
    <row r="4190" spans="1:6" x14ac:dyDescent="0.25">
      <c r="A4190" s="4" t="s">
        <v>1629</v>
      </c>
      <c r="B4190" s="1" t="s">
        <v>3147</v>
      </c>
      <c r="C4190" s="5" t="s">
        <v>5440</v>
      </c>
      <c r="D4190" s="1" t="s">
        <v>1629</v>
      </c>
      <c r="E4190" s="5" t="s">
        <v>14417</v>
      </c>
      <c r="F4190" s="6">
        <v>3097</v>
      </c>
    </row>
    <row r="4191" spans="1:6" x14ac:dyDescent="0.25">
      <c r="A4191" s="4" t="s">
        <v>650</v>
      </c>
      <c r="B4191" s="1" t="s">
        <v>3147</v>
      </c>
      <c r="C4191" s="5" t="s">
        <v>4339</v>
      </c>
      <c r="D4191" s="1" t="s">
        <v>650</v>
      </c>
      <c r="E4191" s="5" t="s">
        <v>13068</v>
      </c>
      <c r="F4191" s="6">
        <v>1700</v>
      </c>
    </row>
    <row r="4192" spans="1:6" x14ac:dyDescent="0.25">
      <c r="A4192" s="4" t="s">
        <v>536</v>
      </c>
      <c r="B4192" s="1" t="s">
        <v>3158</v>
      </c>
      <c r="C4192" s="5" t="s">
        <v>4176</v>
      </c>
      <c r="D4192" s="1" t="s">
        <v>536</v>
      </c>
      <c r="E4192" s="5" t="s">
        <v>12859</v>
      </c>
      <c r="F4192" s="6">
        <v>1460</v>
      </c>
    </row>
    <row r="4193" spans="1:6" x14ac:dyDescent="0.25">
      <c r="A4193" s="4" t="s">
        <v>107</v>
      </c>
      <c r="B4193" s="1" t="s">
        <v>3152</v>
      </c>
      <c r="C4193" s="5" t="s">
        <v>3366</v>
      </c>
      <c r="D4193" s="1" t="s">
        <v>7491</v>
      </c>
      <c r="E4193" s="5" t="s">
        <v>11775</v>
      </c>
      <c r="F4193" s="6">
        <v>200</v>
      </c>
    </row>
    <row r="4194" spans="1:6" x14ac:dyDescent="0.25">
      <c r="A4194" s="4" t="s">
        <v>107</v>
      </c>
      <c r="B4194" s="1" t="s">
        <v>3152</v>
      </c>
      <c r="C4194" s="5" t="s">
        <v>3366</v>
      </c>
      <c r="D4194" s="1" t="s">
        <v>8305</v>
      </c>
      <c r="E4194" s="5" t="s">
        <v>12721</v>
      </c>
      <c r="F4194" s="6">
        <v>1318</v>
      </c>
    </row>
    <row r="4195" spans="1:6" x14ac:dyDescent="0.25">
      <c r="A4195" s="4" t="s">
        <v>107</v>
      </c>
      <c r="B4195" s="1" t="s">
        <v>3152</v>
      </c>
      <c r="C4195" s="5" t="s">
        <v>6804</v>
      </c>
      <c r="D4195" s="1" t="s">
        <v>10692</v>
      </c>
      <c r="E4195" s="5" t="s">
        <v>16918</v>
      </c>
      <c r="F4195" s="6">
        <v>7279</v>
      </c>
    </row>
    <row r="4196" spans="1:6" x14ac:dyDescent="0.25">
      <c r="A4196" s="4" t="s">
        <v>2311</v>
      </c>
      <c r="B4196" s="1" t="s">
        <v>3158</v>
      </c>
      <c r="C4196" s="5" t="s">
        <v>6076</v>
      </c>
      <c r="D4196" s="1" t="s">
        <v>2311</v>
      </c>
      <c r="E4196" s="5" t="s">
        <v>15505</v>
      </c>
      <c r="F4196" s="6">
        <v>4243</v>
      </c>
    </row>
    <row r="4197" spans="1:6" x14ac:dyDescent="0.25">
      <c r="A4197" s="4" t="s">
        <v>462</v>
      </c>
      <c r="B4197" s="1" t="s">
        <v>3152</v>
      </c>
      <c r="C4197" s="5" t="s">
        <v>4026</v>
      </c>
      <c r="D4197" s="1" t="s">
        <v>8177</v>
      </c>
      <c r="E4197" s="5" t="s">
        <v>12579</v>
      </c>
      <c r="F4197" s="6">
        <v>1109</v>
      </c>
    </row>
    <row r="4198" spans="1:6" x14ac:dyDescent="0.25">
      <c r="A4198" s="4" t="s">
        <v>462</v>
      </c>
      <c r="B4198" s="1" t="s">
        <v>3152</v>
      </c>
      <c r="C4198" s="5" t="s">
        <v>4047</v>
      </c>
      <c r="D4198" s="1" t="s">
        <v>8212</v>
      </c>
      <c r="E4198" s="5" t="s">
        <v>12617</v>
      </c>
      <c r="F4198" s="6">
        <v>1209</v>
      </c>
    </row>
    <row r="4199" spans="1:6" x14ac:dyDescent="0.25">
      <c r="A4199" s="4" t="s">
        <v>462</v>
      </c>
      <c r="B4199" s="1" t="s">
        <v>3152</v>
      </c>
      <c r="C4199" s="5" t="s">
        <v>4110</v>
      </c>
      <c r="D4199" s="1" t="s">
        <v>8295</v>
      </c>
      <c r="E4199" s="5" t="s">
        <v>12710</v>
      </c>
      <c r="F4199" s="6">
        <v>1307</v>
      </c>
    </row>
    <row r="4200" spans="1:6" x14ac:dyDescent="0.25">
      <c r="A4200" s="4" t="s">
        <v>462</v>
      </c>
      <c r="B4200" s="1" t="s">
        <v>3152</v>
      </c>
      <c r="C4200" s="5" t="s">
        <v>4111</v>
      </c>
      <c r="D4200" s="1" t="s">
        <v>8296</v>
      </c>
      <c r="E4200" s="5" t="s">
        <v>12711</v>
      </c>
      <c r="F4200" s="6">
        <v>1308</v>
      </c>
    </row>
    <row r="4201" spans="1:6" x14ac:dyDescent="0.25">
      <c r="A4201" s="4" t="s">
        <v>462</v>
      </c>
      <c r="B4201" s="1" t="s">
        <v>3152</v>
      </c>
      <c r="C4201" s="5" t="s">
        <v>4438</v>
      </c>
      <c r="D4201" s="1" t="s">
        <v>8642</v>
      </c>
      <c r="E4201" s="5" t="s">
        <v>13201</v>
      </c>
      <c r="F4201" s="6">
        <v>1834</v>
      </c>
    </row>
    <row r="4202" spans="1:6" x14ac:dyDescent="0.25">
      <c r="A4202" s="4" t="s">
        <v>462</v>
      </c>
      <c r="B4202" s="1" t="s">
        <v>3152</v>
      </c>
      <c r="C4202" s="5" t="s">
        <v>5312</v>
      </c>
      <c r="D4202" s="1" t="s">
        <v>9394</v>
      </c>
      <c r="E4202" s="5" t="s">
        <v>15138</v>
      </c>
      <c r="F4202" s="6">
        <v>3869</v>
      </c>
    </row>
    <row r="4203" spans="1:6" x14ac:dyDescent="0.25">
      <c r="A4203" s="4" t="s">
        <v>462</v>
      </c>
      <c r="B4203" s="1" t="s">
        <v>3152</v>
      </c>
      <c r="C4203" s="5" t="s">
        <v>3703</v>
      </c>
      <c r="D4203" s="1" t="s">
        <v>10277</v>
      </c>
      <c r="E4203" s="5" t="s">
        <v>16353</v>
      </c>
      <c r="F4203" s="6">
        <v>5722</v>
      </c>
    </row>
    <row r="4204" spans="1:6" x14ac:dyDescent="0.25">
      <c r="A4204" s="4" t="s">
        <v>462</v>
      </c>
      <c r="B4204" s="1" t="s">
        <v>3152</v>
      </c>
      <c r="C4204" s="5" t="s">
        <v>4877</v>
      </c>
      <c r="D4204" s="1" t="s">
        <v>11067</v>
      </c>
      <c r="E4204" s="5" t="s">
        <v>17404</v>
      </c>
      <c r="F4204" s="6">
        <v>9011</v>
      </c>
    </row>
    <row r="4205" spans="1:6" x14ac:dyDescent="0.25">
      <c r="A4205" s="4" t="s">
        <v>3127</v>
      </c>
      <c r="B4205" s="1" t="s">
        <v>3152</v>
      </c>
      <c r="C4205" s="5" t="s">
        <v>4959</v>
      </c>
      <c r="D4205" s="1" t="s">
        <v>11551</v>
      </c>
      <c r="E4205" s="5" t="s">
        <v>18021</v>
      </c>
      <c r="F4205" s="6">
        <v>9653</v>
      </c>
    </row>
    <row r="4206" spans="1:6" x14ac:dyDescent="0.25">
      <c r="A4206" s="4" t="s">
        <v>175</v>
      </c>
      <c r="B4206" s="1" t="s">
        <v>3152</v>
      </c>
      <c r="C4206" s="5" t="s">
        <v>3488</v>
      </c>
      <c r="D4206" s="1" t="s">
        <v>7621</v>
      </c>
      <c r="E4206" s="5" t="s">
        <v>11910</v>
      </c>
      <c r="F4206" s="6">
        <v>343</v>
      </c>
    </row>
    <row r="4207" spans="1:6" x14ac:dyDescent="0.25">
      <c r="A4207" s="4" t="s">
        <v>175</v>
      </c>
      <c r="B4207" s="1" t="s">
        <v>3152</v>
      </c>
      <c r="C4207" s="5" t="s">
        <v>4959</v>
      </c>
      <c r="D4207" s="1" t="s">
        <v>8889</v>
      </c>
      <c r="E4207" s="5" t="s">
        <v>13810</v>
      </c>
      <c r="F4207" s="6">
        <v>2460</v>
      </c>
    </row>
    <row r="4208" spans="1:6" x14ac:dyDescent="0.25">
      <c r="A4208" s="4" t="s">
        <v>175</v>
      </c>
      <c r="B4208" s="1" t="s">
        <v>3192</v>
      </c>
      <c r="C4208" s="5">
        <v>160662</v>
      </c>
      <c r="D4208" s="1" t="s">
        <v>11590</v>
      </c>
      <c r="E4208" s="5" t="s">
        <v>18067</v>
      </c>
      <c r="F4208" s="6">
        <v>9806</v>
      </c>
    </row>
    <row r="4209" spans="1:6" x14ac:dyDescent="0.25">
      <c r="A4209" s="4" t="s">
        <v>1185</v>
      </c>
      <c r="B4209" s="1" t="s">
        <v>3158</v>
      </c>
      <c r="C4209" s="5" t="s">
        <v>4936</v>
      </c>
      <c r="D4209" s="1" t="s">
        <v>1185</v>
      </c>
      <c r="E4209" s="5" t="s">
        <v>13781</v>
      </c>
      <c r="F4209" s="6">
        <v>2431</v>
      </c>
    </row>
    <row r="4210" spans="1:6" x14ac:dyDescent="0.25">
      <c r="A4210" s="4" t="s">
        <v>2380</v>
      </c>
      <c r="B4210" s="1" t="s">
        <v>3158</v>
      </c>
      <c r="C4210" s="5" t="s">
        <v>6190</v>
      </c>
      <c r="D4210" s="1" t="s">
        <v>2380</v>
      </c>
      <c r="E4210" s="5" t="s">
        <v>15710</v>
      </c>
      <c r="F4210" s="6">
        <v>4477</v>
      </c>
    </row>
    <row r="4211" spans="1:6" x14ac:dyDescent="0.25">
      <c r="A4211" s="4" t="s">
        <v>1302</v>
      </c>
      <c r="B4211" s="1" t="s">
        <v>812</v>
      </c>
      <c r="C4211" s="5">
        <v>821109</v>
      </c>
      <c r="D4211" s="1" t="s">
        <v>1302</v>
      </c>
      <c r="E4211" s="5" t="s">
        <v>13973</v>
      </c>
      <c r="F4211" s="6">
        <v>2625</v>
      </c>
    </row>
    <row r="4212" spans="1:6" x14ac:dyDescent="0.25">
      <c r="A4212" s="4" t="s">
        <v>962</v>
      </c>
      <c r="B4212" s="1" t="s">
        <v>3158</v>
      </c>
      <c r="C4212" s="5" t="s">
        <v>4709</v>
      </c>
      <c r="D4212" s="1" t="s">
        <v>962</v>
      </c>
      <c r="E4212" s="5" t="s">
        <v>13529</v>
      </c>
      <c r="F4212" s="6">
        <v>2167</v>
      </c>
    </row>
    <row r="4213" spans="1:6" x14ac:dyDescent="0.25">
      <c r="A4213" s="4" t="s">
        <v>2812</v>
      </c>
      <c r="B4213" s="1" t="s">
        <v>3144</v>
      </c>
      <c r="C4213" s="5" t="s">
        <v>6805</v>
      </c>
      <c r="D4213" s="1" t="s">
        <v>10693</v>
      </c>
      <c r="E4213" s="5" t="s">
        <v>16919</v>
      </c>
      <c r="F4213" s="6">
        <v>7281</v>
      </c>
    </row>
    <row r="4214" spans="1:6" x14ac:dyDescent="0.25">
      <c r="A4214" s="4" t="s">
        <v>1289</v>
      </c>
      <c r="B4214" s="1" t="s">
        <v>812</v>
      </c>
      <c r="C4214" s="5" t="s">
        <v>5074</v>
      </c>
      <c r="D4214" s="1" t="s">
        <v>1289</v>
      </c>
      <c r="E4214" s="5" t="s">
        <v>13955</v>
      </c>
      <c r="F4214" s="6">
        <v>2607</v>
      </c>
    </row>
    <row r="4215" spans="1:6" x14ac:dyDescent="0.25">
      <c r="A4215" s="4" t="s">
        <v>1279</v>
      </c>
      <c r="B4215" s="1" t="s">
        <v>3152</v>
      </c>
      <c r="C4215" s="5" t="s">
        <v>5063</v>
      </c>
      <c r="D4215" s="1" t="s">
        <v>8959</v>
      </c>
      <c r="E4215" s="5" t="s">
        <v>13944</v>
      </c>
      <c r="F4215" s="6">
        <v>2596</v>
      </c>
    </row>
    <row r="4216" spans="1:6" x14ac:dyDescent="0.25">
      <c r="A4216" s="4" t="s">
        <v>1057</v>
      </c>
      <c r="B4216" s="1" t="s">
        <v>3174</v>
      </c>
      <c r="C4216" s="5" t="s">
        <v>4798</v>
      </c>
      <c r="D4216" s="1" t="s">
        <v>1057</v>
      </c>
      <c r="E4216" s="5" t="s">
        <v>13625</v>
      </c>
      <c r="F4216" s="6">
        <v>2267</v>
      </c>
    </row>
    <row r="4217" spans="1:6" x14ac:dyDescent="0.25">
      <c r="A4217" s="4" t="s">
        <v>1918</v>
      </c>
      <c r="B4217" s="1" t="s">
        <v>3152</v>
      </c>
      <c r="C4217" s="5" t="s">
        <v>5660</v>
      </c>
      <c r="D4217" s="1" t="s">
        <v>1918</v>
      </c>
      <c r="E4217" s="5" t="s">
        <v>14751</v>
      </c>
      <c r="F4217" s="6">
        <v>3462</v>
      </c>
    </row>
    <row r="4218" spans="1:6" x14ac:dyDescent="0.25">
      <c r="A4218" s="4" t="s">
        <v>1737</v>
      </c>
      <c r="B4218" s="1" t="s">
        <v>3152</v>
      </c>
      <c r="C4218" s="5" t="s">
        <v>5525</v>
      </c>
      <c r="D4218" s="1" t="s">
        <v>1737</v>
      </c>
      <c r="E4218" s="5" t="s">
        <v>14547</v>
      </c>
      <c r="F4218" s="6">
        <v>3237</v>
      </c>
    </row>
    <row r="4219" spans="1:6" x14ac:dyDescent="0.25">
      <c r="A4219" s="4" t="s">
        <v>159</v>
      </c>
      <c r="B4219" s="1" t="s">
        <v>3158</v>
      </c>
      <c r="C4219" s="5" t="s">
        <v>3453</v>
      </c>
      <c r="D4219" s="1" t="s">
        <v>7584</v>
      </c>
      <c r="E4219" s="5" t="s">
        <v>11871</v>
      </c>
      <c r="F4219" s="6">
        <v>303</v>
      </c>
    </row>
    <row r="4220" spans="1:6" x14ac:dyDescent="0.25">
      <c r="A4220" s="4" t="s">
        <v>159</v>
      </c>
      <c r="B4220" s="1" t="s">
        <v>3158</v>
      </c>
      <c r="C4220" s="5" t="s">
        <v>3453</v>
      </c>
      <c r="D4220" s="1" t="s">
        <v>8179</v>
      </c>
      <c r="E4220" s="5" t="s">
        <v>12581</v>
      </c>
      <c r="F4220" s="6">
        <v>1111</v>
      </c>
    </row>
    <row r="4221" spans="1:6" x14ac:dyDescent="0.25">
      <c r="A4221" s="4" t="s">
        <v>159</v>
      </c>
      <c r="B4221" s="1" t="s">
        <v>3158</v>
      </c>
      <c r="C4221" s="5" t="s">
        <v>3453</v>
      </c>
      <c r="D4221" s="1" t="s">
        <v>11340</v>
      </c>
      <c r="E4221" s="5" t="s">
        <v>17762</v>
      </c>
      <c r="F4221" s="6">
        <v>9384</v>
      </c>
    </row>
    <row r="4222" spans="1:6" x14ac:dyDescent="0.25">
      <c r="A4222" s="4" t="s">
        <v>159</v>
      </c>
      <c r="B4222" s="1" t="s">
        <v>3158</v>
      </c>
      <c r="C4222" s="5" t="s">
        <v>3453</v>
      </c>
      <c r="D4222" s="1" t="s">
        <v>11506</v>
      </c>
      <c r="E4222" s="5" t="s">
        <v>17969</v>
      </c>
      <c r="F4222" s="6">
        <v>9601</v>
      </c>
    </row>
    <row r="4223" spans="1:6" x14ac:dyDescent="0.25">
      <c r="A4223" s="4" t="s">
        <v>1428</v>
      </c>
      <c r="B4223" s="1" t="s">
        <v>3164</v>
      </c>
      <c r="C4223" s="5" t="s">
        <v>5236</v>
      </c>
      <c r="D4223" s="1" t="s">
        <v>1428</v>
      </c>
      <c r="E4223" s="5" t="s">
        <v>14174</v>
      </c>
      <c r="F4223" s="6">
        <v>2831</v>
      </c>
    </row>
    <row r="4224" spans="1:6" x14ac:dyDescent="0.25">
      <c r="A4224" s="4" t="s">
        <v>1879</v>
      </c>
      <c r="B4224" s="1" t="s">
        <v>3152</v>
      </c>
      <c r="C4224" s="5" t="s">
        <v>5638</v>
      </c>
      <c r="D4224" s="1" t="s">
        <v>1879</v>
      </c>
      <c r="E4224" s="5" t="s">
        <v>14712</v>
      </c>
      <c r="F4224" s="6">
        <v>3419</v>
      </c>
    </row>
    <row r="4225" spans="1:6" x14ac:dyDescent="0.25">
      <c r="A4225" s="4" t="s">
        <v>1632</v>
      </c>
      <c r="B4225" s="1" t="s">
        <v>3147</v>
      </c>
      <c r="C4225" s="5" t="s">
        <v>4993</v>
      </c>
      <c r="D4225" s="1" t="s">
        <v>9144</v>
      </c>
      <c r="E4225" s="5" t="s">
        <v>14420</v>
      </c>
      <c r="F4225" s="6">
        <v>3100</v>
      </c>
    </row>
    <row r="4226" spans="1:6" x14ac:dyDescent="0.25">
      <c r="A4226" s="4" t="s">
        <v>1432</v>
      </c>
      <c r="B4226" s="1" t="s">
        <v>3153</v>
      </c>
      <c r="C4226" s="5" t="s">
        <v>5242</v>
      </c>
      <c r="D4226" s="1" t="s">
        <v>1432</v>
      </c>
      <c r="E4226" s="5" t="s">
        <v>14185</v>
      </c>
      <c r="F4226" s="6">
        <v>2842</v>
      </c>
    </row>
    <row r="4227" spans="1:6" x14ac:dyDescent="0.25">
      <c r="A4227" s="4" t="s">
        <v>2896</v>
      </c>
      <c r="B4227" s="1" t="s">
        <v>3164</v>
      </c>
      <c r="C4227" s="5" t="s">
        <v>6899</v>
      </c>
      <c r="D4227" s="1" t="s">
        <v>10889</v>
      </c>
      <c r="E4227" s="5" t="s">
        <v>17176</v>
      </c>
      <c r="F4227" s="6">
        <v>8123</v>
      </c>
    </row>
    <row r="4228" spans="1:6" x14ac:dyDescent="0.25">
      <c r="A4228" s="4" t="s">
        <v>327</v>
      </c>
      <c r="B4228" s="1" t="s">
        <v>3152</v>
      </c>
      <c r="C4228" s="5" t="s">
        <v>3808</v>
      </c>
      <c r="D4228" s="1" t="s">
        <v>7985</v>
      </c>
      <c r="E4228" s="5" t="s">
        <v>12304</v>
      </c>
      <c r="F4228" s="6">
        <v>798</v>
      </c>
    </row>
    <row r="4229" spans="1:6" x14ac:dyDescent="0.25">
      <c r="A4229" s="4" t="s">
        <v>41</v>
      </c>
      <c r="B4229" s="1" t="s">
        <v>1147</v>
      </c>
      <c r="C4229" s="5" t="s">
        <v>3261</v>
      </c>
      <c r="D4229" s="1" t="s">
        <v>7386</v>
      </c>
      <c r="E4229" s="5" t="s">
        <v>11661</v>
      </c>
      <c r="F4229" s="6">
        <v>72</v>
      </c>
    </row>
    <row r="4230" spans="1:6" x14ac:dyDescent="0.25">
      <c r="A4230" s="4" t="s">
        <v>162</v>
      </c>
      <c r="B4230" s="1" t="s">
        <v>3147</v>
      </c>
      <c r="C4230" s="5" t="s">
        <v>3456</v>
      </c>
      <c r="D4230" s="1" t="s">
        <v>7587</v>
      </c>
      <c r="E4230" s="5" t="s">
        <v>11875</v>
      </c>
      <c r="F4230" s="6">
        <v>307</v>
      </c>
    </row>
    <row r="4231" spans="1:6" x14ac:dyDescent="0.25">
      <c r="A4231" s="4" t="s">
        <v>162</v>
      </c>
      <c r="B4231" s="1" t="s">
        <v>3147</v>
      </c>
      <c r="C4231" s="5" t="s">
        <v>4993</v>
      </c>
      <c r="D4231" s="1" t="s">
        <v>8907</v>
      </c>
      <c r="E4231" s="5" t="s">
        <v>13849</v>
      </c>
      <c r="F4231" s="6">
        <v>2499</v>
      </c>
    </row>
    <row r="4232" spans="1:6" x14ac:dyDescent="0.25">
      <c r="A4232" s="4" t="s">
        <v>162</v>
      </c>
      <c r="B4232" s="1" t="s">
        <v>3147</v>
      </c>
      <c r="C4232" s="5" t="s">
        <v>3456</v>
      </c>
      <c r="D4232" s="1" t="s">
        <v>11294</v>
      </c>
      <c r="E4232" s="5" t="s">
        <v>17707</v>
      </c>
      <c r="F4232" s="6">
        <v>9327</v>
      </c>
    </row>
    <row r="4233" spans="1:6" x14ac:dyDescent="0.25">
      <c r="A4233" s="4" t="s">
        <v>2060</v>
      </c>
      <c r="B4233" s="1" t="s">
        <v>3147</v>
      </c>
      <c r="C4233" s="5" t="s">
        <v>3481</v>
      </c>
      <c r="D4233" s="1" t="s">
        <v>2060</v>
      </c>
      <c r="E4233" s="5" t="s">
        <v>14902</v>
      </c>
      <c r="F4233" s="6">
        <v>3620</v>
      </c>
    </row>
    <row r="4234" spans="1:6" x14ac:dyDescent="0.25">
      <c r="A4234" s="4" t="s">
        <v>1638</v>
      </c>
      <c r="B4234" s="1" t="s">
        <v>3147</v>
      </c>
      <c r="C4234" s="5" t="s">
        <v>3520</v>
      </c>
      <c r="D4234" s="1" t="s">
        <v>1638</v>
      </c>
      <c r="E4234" s="5" t="s">
        <v>14427</v>
      </c>
      <c r="F4234" s="6">
        <v>3109</v>
      </c>
    </row>
    <row r="4235" spans="1:6" x14ac:dyDescent="0.25">
      <c r="A4235" s="4" t="s">
        <v>2286</v>
      </c>
      <c r="B4235" s="1" t="s">
        <v>3144</v>
      </c>
      <c r="C4235" s="5" t="s">
        <v>6037</v>
      </c>
      <c r="D4235" s="1" t="s">
        <v>9596</v>
      </c>
      <c r="E4235" s="5" t="s">
        <v>15443</v>
      </c>
      <c r="F4235" s="6">
        <v>4181</v>
      </c>
    </row>
    <row r="4236" spans="1:6" x14ac:dyDescent="0.25">
      <c r="A4236" s="4" t="s">
        <v>2038</v>
      </c>
      <c r="B4236" s="1" t="s">
        <v>3158</v>
      </c>
      <c r="C4236" s="5" t="s">
        <v>5726</v>
      </c>
      <c r="D4236" s="1" t="s">
        <v>2038</v>
      </c>
      <c r="E4236" s="5" t="s">
        <v>14878</v>
      </c>
      <c r="F4236" s="6">
        <v>3594</v>
      </c>
    </row>
    <row r="4237" spans="1:6" x14ac:dyDescent="0.25">
      <c r="A4237" s="4" t="s">
        <v>2585</v>
      </c>
      <c r="B4237" s="1" t="s">
        <v>3151</v>
      </c>
      <c r="C4237" s="5" t="s">
        <v>6496</v>
      </c>
      <c r="D4237" s="1" t="s">
        <v>2585</v>
      </c>
      <c r="E4237" s="5" t="s">
        <v>16311</v>
      </c>
      <c r="F4237" s="6">
        <v>5621</v>
      </c>
    </row>
    <row r="4238" spans="1:6" x14ac:dyDescent="0.25">
      <c r="A4238" s="4" t="s">
        <v>629</v>
      </c>
      <c r="B4238" s="1" t="s">
        <v>812</v>
      </c>
      <c r="C4238" s="5" t="s">
        <v>4308</v>
      </c>
      <c r="D4238" s="1" t="s">
        <v>629</v>
      </c>
      <c r="E4238" s="5" t="s">
        <v>13023</v>
      </c>
      <c r="F4238" s="6">
        <v>1650</v>
      </c>
    </row>
    <row r="4239" spans="1:6" x14ac:dyDescent="0.25">
      <c r="A4239" s="4" t="s">
        <v>629</v>
      </c>
      <c r="B4239" s="1" t="s">
        <v>812</v>
      </c>
      <c r="C4239" s="5" t="s">
        <v>4308</v>
      </c>
      <c r="D4239" s="1" t="s">
        <v>9976</v>
      </c>
      <c r="E4239" s="5" t="s">
        <v>15937</v>
      </c>
      <c r="F4239" s="6">
        <v>4855</v>
      </c>
    </row>
    <row r="4240" spans="1:6" x14ac:dyDescent="0.25">
      <c r="A4240" s="4" t="s">
        <v>2873</v>
      </c>
      <c r="B4240" s="1" t="s">
        <v>3144</v>
      </c>
      <c r="C4240" s="5">
        <v>441104</v>
      </c>
      <c r="D4240" s="1" t="s">
        <v>2873</v>
      </c>
      <c r="E4240" s="5" t="s">
        <v>17086</v>
      </c>
      <c r="F4240" s="6">
        <v>7816</v>
      </c>
    </row>
    <row r="4241" spans="1:6" x14ac:dyDescent="0.25">
      <c r="A4241" s="4" t="s">
        <v>1331</v>
      </c>
      <c r="B4241" s="1" t="s">
        <v>3158</v>
      </c>
      <c r="C4241" s="5" t="s">
        <v>5118</v>
      </c>
      <c r="D4241" s="1" t="s">
        <v>1331</v>
      </c>
      <c r="E4241" s="5" t="s">
        <v>14008</v>
      </c>
      <c r="F4241" s="6">
        <v>2662</v>
      </c>
    </row>
    <row r="4242" spans="1:6" x14ac:dyDescent="0.25">
      <c r="A4242" s="4" t="s">
        <v>1107</v>
      </c>
      <c r="B4242" s="1" t="s">
        <v>3149</v>
      </c>
      <c r="C4242" s="5" t="s">
        <v>4848</v>
      </c>
      <c r="D4242" s="1" t="s">
        <v>8823</v>
      </c>
      <c r="E4242" s="5" t="s">
        <v>13678</v>
      </c>
      <c r="F4242" s="6">
        <v>2324</v>
      </c>
    </row>
    <row r="4243" spans="1:6" x14ac:dyDescent="0.25">
      <c r="A4243" s="4" t="s">
        <v>2392</v>
      </c>
      <c r="B4243" s="1" t="s">
        <v>3149</v>
      </c>
      <c r="C4243" s="5">
        <v>586212</v>
      </c>
      <c r="D4243" s="1" t="s">
        <v>9832</v>
      </c>
      <c r="E4243" s="5" t="s">
        <v>15751</v>
      </c>
      <c r="F4243" s="6">
        <v>4609</v>
      </c>
    </row>
    <row r="4244" spans="1:6" x14ac:dyDescent="0.25">
      <c r="A4244" s="4" t="s">
        <v>1664</v>
      </c>
      <c r="B4244" s="1" t="s">
        <v>3152</v>
      </c>
      <c r="C4244" s="5" t="s">
        <v>5460</v>
      </c>
      <c r="D4244" s="1" t="s">
        <v>1664</v>
      </c>
      <c r="E4244" s="5" t="s">
        <v>14454</v>
      </c>
      <c r="F4244" s="6">
        <v>3139</v>
      </c>
    </row>
    <row r="4245" spans="1:6" x14ac:dyDescent="0.25">
      <c r="A4245" s="4" t="s">
        <v>1018</v>
      </c>
      <c r="B4245" s="1" t="s">
        <v>3149</v>
      </c>
      <c r="C4245" s="5" t="s">
        <v>4761</v>
      </c>
      <c r="D4245" s="1" t="s">
        <v>1018</v>
      </c>
      <c r="E4245" s="5" t="s">
        <v>13585</v>
      </c>
      <c r="F4245" s="6">
        <v>2226</v>
      </c>
    </row>
    <row r="4246" spans="1:6" x14ac:dyDescent="0.25">
      <c r="A4246" s="4" t="s">
        <v>2650</v>
      </c>
      <c r="B4246" s="1" t="s">
        <v>3149</v>
      </c>
      <c r="C4246" s="5" t="s">
        <v>6570</v>
      </c>
      <c r="D4246" s="1" t="s">
        <v>2650</v>
      </c>
      <c r="E4246" s="5" t="s">
        <v>16438</v>
      </c>
      <c r="F4246" s="6">
        <v>5907</v>
      </c>
    </row>
    <row r="4247" spans="1:6" x14ac:dyDescent="0.25">
      <c r="A4247" s="4" t="s">
        <v>2499</v>
      </c>
      <c r="B4247" s="1" t="s">
        <v>3158</v>
      </c>
      <c r="C4247" s="5" t="s">
        <v>4487</v>
      </c>
      <c r="D4247" s="1" t="s">
        <v>10077</v>
      </c>
      <c r="E4247" s="5" t="s">
        <v>16074</v>
      </c>
      <c r="F4247" s="6">
        <v>5112</v>
      </c>
    </row>
    <row r="4248" spans="1:6" x14ac:dyDescent="0.25">
      <c r="A4248" s="4" t="s">
        <v>766</v>
      </c>
      <c r="B4248" s="1" t="s">
        <v>3158</v>
      </c>
      <c r="C4248" s="5" t="s">
        <v>4487</v>
      </c>
      <c r="D4248" s="1" t="s">
        <v>2499</v>
      </c>
      <c r="E4248" s="5" t="s">
        <v>13258</v>
      </c>
      <c r="F4248" s="6">
        <v>1891</v>
      </c>
    </row>
    <row r="4249" spans="1:6" x14ac:dyDescent="0.25">
      <c r="A4249" s="4" t="s">
        <v>954</v>
      </c>
      <c r="B4249" s="1" t="s">
        <v>3158</v>
      </c>
      <c r="C4249" s="5" t="s">
        <v>4702</v>
      </c>
      <c r="D4249" s="1" t="s">
        <v>954</v>
      </c>
      <c r="E4249" s="5" t="s">
        <v>13520</v>
      </c>
      <c r="F4249" s="6">
        <v>2158</v>
      </c>
    </row>
    <row r="4250" spans="1:6" x14ac:dyDescent="0.25">
      <c r="A4250" s="4" t="s">
        <v>954</v>
      </c>
      <c r="B4250" s="1" t="s">
        <v>3158</v>
      </c>
      <c r="C4250" s="5" t="s">
        <v>5172</v>
      </c>
      <c r="D4250" s="1" t="s">
        <v>9022</v>
      </c>
      <c r="E4250" s="5" t="s">
        <v>14080</v>
      </c>
      <c r="F4250" s="6">
        <v>2735</v>
      </c>
    </row>
    <row r="4251" spans="1:6" x14ac:dyDescent="0.25">
      <c r="A4251" s="4" t="s">
        <v>455</v>
      </c>
      <c r="B4251" s="1" t="s">
        <v>3152</v>
      </c>
      <c r="C4251" s="5" t="s">
        <v>4015</v>
      </c>
      <c r="D4251" s="1" t="s">
        <v>455</v>
      </c>
      <c r="E4251" s="5" t="s">
        <v>12563</v>
      </c>
      <c r="F4251" s="6">
        <v>1090</v>
      </c>
    </row>
    <row r="4252" spans="1:6" x14ac:dyDescent="0.25">
      <c r="A4252" s="4" t="s">
        <v>455</v>
      </c>
      <c r="B4252" s="1" t="s">
        <v>3152</v>
      </c>
      <c r="C4252" s="5" t="s">
        <v>5481</v>
      </c>
      <c r="D4252" s="1" t="s">
        <v>10631</v>
      </c>
      <c r="E4252" s="5" t="s">
        <v>16841</v>
      </c>
      <c r="F4252" s="6">
        <v>7077</v>
      </c>
    </row>
    <row r="4253" spans="1:6" x14ac:dyDescent="0.25">
      <c r="A4253" s="4" t="s">
        <v>2949</v>
      </c>
      <c r="B4253" s="1" t="s">
        <v>3150</v>
      </c>
      <c r="C4253" s="5" t="s">
        <v>6968</v>
      </c>
      <c r="D4253" s="1" t="s">
        <v>2949</v>
      </c>
      <c r="E4253" s="5" t="s">
        <v>17343</v>
      </c>
      <c r="F4253" s="6">
        <v>8824</v>
      </c>
    </row>
    <row r="4254" spans="1:6" x14ac:dyDescent="0.25">
      <c r="A4254" s="4" t="s">
        <v>2498</v>
      </c>
      <c r="B4254" s="1" t="s">
        <v>3144</v>
      </c>
      <c r="C4254" s="5" t="s">
        <v>6372</v>
      </c>
      <c r="D4254" s="1" t="s">
        <v>2498</v>
      </c>
      <c r="E4254" s="5" t="s">
        <v>16073</v>
      </c>
      <c r="F4254" s="6">
        <v>5108</v>
      </c>
    </row>
    <row r="4255" spans="1:6" x14ac:dyDescent="0.25">
      <c r="A4255" s="4" t="s">
        <v>206</v>
      </c>
      <c r="B4255" s="1" t="s">
        <v>3152</v>
      </c>
      <c r="C4255" s="5" t="s">
        <v>3564</v>
      </c>
      <c r="D4255" s="1" t="s">
        <v>7704</v>
      </c>
      <c r="E4255" s="5" t="s">
        <v>11998</v>
      </c>
      <c r="F4255" s="6">
        <v>431</v>
      </c>
    </row>
    <row r="4256" spans="1:6" x14ac:dyDescent="0.25">
      <c r="A4256" s="4" t="s">
        <v>206</v>
      </c>
      <c r="B4256" s="1" t="s">
        <v>3152</v>
      </c>
      <c r="C4256" s="5" t="s">
        <v>3564</v>
      </c>
      <c r="D4256" s="1" t="s">
        <v>206</v>
      </c>
      <c r="E4256" s="5" t="s">
        <v>12819</v>
      </c>
      <c r="F4256" s="6">
        <v>1418</v>
      </c>
    </row>
    <row r="4257" spans="1:6" x14ac:dyDescent="0.25">
      <c r="A4257" s="4" t="s">
        <v>206</v>
      </c>
      <c r="B4257" s="1" t="s">
        <v>3152</v>
      </c>
      <c r="C4257" s="5">
        <v>152031</v>
      </c>
      <c r="D4257" s="1" t="s">
        <v>1475</v>
      </c>
      <c r="E4257" s="5" t="s">
        <v>16377</v>
      </c>
      <c r="F4257" s="6">
        <v>5783</v>
      </c>
    </row>
    <row r="4258" spans="1:6" x14ac:dyDescent="0.25">
      <c r="A4258" s="4" t="s">
        <v>2398</v>
      </c>
      <c r="B4258" s="1" t="s">
        <v>3144</v>
      </c>
      <c r="C4258" s="5" t="s">
        <v>6222</v>
      </c>
      <c r="D4258" s="1" t="s">
        <v>2398</v>
      </c>
      <c r="E4258" s="5" t="s">
        <v>15765</v>
      </c>
      <c r="F4258" s="6">
        <v>4671</v>
      </c>
    </row>
    <row r="4259" spans="1:6" x14ac:dyDescent="0.25">
      <c r="A4259" s="4" t="s">
        <v>2936</v>
      </c>
      <c r="B4259" s="1" t="s">
        <v>3146</v>
      </c>
      <c r="C4259" s="5">
        <v>638106</v>
      </c>
      <c r="D4259" s="1" t="s">
        <v>2936</v>
      </c>
      <c r="E4259" s="5" t="s">
        <v>17309</v>
      </c>
      <c r="F4259" s="6">
        <v>8657</v>
      </c>
    </row>
    <row r="4260" spans="1:6" x14ac:dyDescent="0.25">
      <c r="A4260" s="4" t="s">
        <v>3104</v>
      </c>
      <c r="B4260" s="1" t="s">
        <v>3149</v>
      </c>
      <c r="C4260" s="5" t="s">
        <v>7262</v>
      </c>
      <c r="D4260" s="1" t="s">
        <v>3104</v>
      </c>
      <c r="E4260" s="5" t="s">
        <v>17936</v>
      </c>
      <c r="F4260" s="6">
        <v>9567</v>
      </c>
    </row>
    <row r="4261" spans="1:6" x14ac:dyDescent="0.25">
      <c r="A4261" s="4" t="s">
        <v>1743</v>
      </c>
      <c r="B4261" s="1" t="s">
        <v>3154</v>
      </c>
      <c r="C4261" s="5">
        <v>133203</v>
      </c>
      <c r="D4261" s="1" t="s">
        <v>1743</v>
      </c>
      <c r="E4261" s="5" t="s">
        <v>14556</v>
      </c>
      <c r="F4261" s="6">
        <v>3247</v>
      </c>
    </row>
    <row r="4262" spans="1:6" x14ac:dyDescent="0.25">
      <c r="A4262" s="4" t="s">
        <v>490</v>
      </c>
      <c r="B4262" s="1" t="s">
        <v>3152</v>
      </c>
      <c r="C4262" s="5" t="s">
        <v>4114</v>
      </c>
      <c r="D4262" s="1" t="s">
        <v>490</v>
      </c>
      <c r="E4262" s="5" t="s">
        <v>12722</v>
      </c>
      <c r="F4262" s="6">
        <v>1319</v>
      </c>
    </row>
    <row r="4263" spans="1:6" x14ac:dyDescent="0.25">
      <c r="A4263" s="4" t="s">
        <v>728</v>
      </c>
      <c r="B4263" s="1" t="s">
        <v>3152</v>
      </c>
      <c r="C4263" s="5" t="s">
        <v>4439</v>
      </c>
      <c r="D4263" s="1" t="s">
        <v>728</v>
      </c>
      <c r="E4263" s="5" t="s">
        <v>13202</v>
      </c>
      <c r="F4263" s="6">
        <v>1835</v>
      </c>
    </row>
    <row r="4264" spans="1:6" x14ac:dyDescent="0.25">
      <c r="A4264" s="4" t="s">
        <v>2741</v>
      </c>
      <c r="B4264" s="1" t="s">
        <v>3153</v>
      </c>
      <c r="C4264" s="5" t="s">
        <v>6686</v>
      </c>
      <c r="D4264" s="1" t="s">
        <v>2741</v>
      </c>
      <c r="E4264" s="5" t="s">
        <v>16697</v>
      </c>
      <c r="F4264" s="6">
        <v>6613</v>
      </c>
    </row>
    <row r="4265" spans="1:6" x14ac:dyDescent="0.25">
      <c r="A4265" s="4" t="s">
        <v>2915</v>
      </c>
      <c r="B4265" s="1" t="s">
        <v>3151</v>
      </c>
      <c r="C4265" s="5" t="s">
        <v>6930</v>
      </c>
      <c r="D4265" s="1" t="s">
        <v>2915</v>
      </c>
      <c r="E4265" s="5" t="s">
        <v>17254</v>
      </c>
      <c r="F4265" s="6">
        <v>8319</v>
      </c>
    </row>
    <row r="4266" spans="1:6" x14ac:dyDescent="0.25">
      <c r="A4266" s="4" t="s">
        <v>1</v>
      </c>
      <c r="B4266" s="1" t="s">
        <v>3144</v>
      </c>
      <c r="C4266" s="5" t="s">
        <v>3194</v>
      </c>
      <c r="D4266" s="1" t="s">
        <v>7322</v>
      </c>
      <c r="E4266" s="5" t="s">
        <v>11593</v>
      </c>
      <c r="F4266" s="6">
        <v>1</v>
      </c>
    </row>
    <row r="4267" spans="1:6" x14ac:dyDescent="0.25">
      <c r="A4267" s="4" t="s">
        <v>1</v>
      </c>
      <c r="B4267" s="1" t="s">
        <v>3144</v>
      </c>
      <c r="C4267" s="5" t="s">
        <v>3195</v>
      </c>
      <c r="D4267" s="1" t="s">
        <v>7323</v>
      </c>
      <c r="E4267" s="5" t="s">
        <v>11594</v>
      </c>
      <c r="F4267" s="6">
        <v>2</v>
      </c>
    </row>
    <row r="4268" spans="1:6" x14ac:dyDescent="0.25">
      <c r="A4268" s="4" t="s">
        <v>1</v>
      </c>
      <c r="B4268" s="1" t="s">
        <v>3144</v>
      </c>
      <c r="C4268" s="5" t="s">
        <v>3198</v>
      </c>
      <c r="D4268" s="1" t="s">
        <v>7326</v>
      </c>
      <c r="E4268" s="5" t="s">
        <v>11597</v>
      </c>
      <c r="F4268" s="6">
        <v>5</v>
      </c>
    </row>
    <row r="4269" spans="1:6" x14ac:dyDescent="0.25">
      <c r="A4269" s="4" t="s">
        <v>1</v>
      </c>
      <c r="B4269" s="1" t="s">
        <v>3144</v>
      </c>
      <c r="C4269" s="5" t="s">
        <v>3205</v>
      </c>
      <c r="D4269" s="1" t="s">
        <v>7333</v>
      </c>
      <c r="E4269" s="5" t="s">
        <v>11604</v>
      </c>
      <c r="F4269" s="6">
        <v>12</v>
      </c>
    </row>
    <row r="4270" spans="1:6" x14ac:dyDescent="0.25">
      <c r="A4270" s="4" t="s">
        <v>1</v>
      </c>
      <c r="B4270" s="1" t="s">
        <v>3144</v>
      </c>
      <c r="C4270" s="5" t="s">
        <v>3206</v>
      </c>
      <c r="D4270" s="1" t="s">
        <v>7334</v>
      </c>
      <c r="E4270" s="5" t="s">
        <v>11605</v>
      </c>
      <c r="F4270" s="6">
        <v>13</v>
      </c>
    </row>
    <row r="4271" spans="1:6" x14ac:dyDescent="0.25">
      <c r="A4271" s="4" t="s">
        <v>1</v>
      </c>
      <c r="B4271" s="1" t="s">
        <v>3144</v>
      </c>
      <c r="C4271" s="5" t="s">
        <v>3208</v>
      </c>
      <c r="D4271" s="1" t="s">
        <v>7336</v>
      </c>
      <c r="E4271" s="5" t="s">
        <v>11607</v>
      </c>
      <c r="F4271" s="6">
        <v>15</v>
      </c>
    </row>
    <row r="4272" spans="1:6" x14ac:dyDescent="0.25">
      <c r="A4272" s="4" t="s">
        <v>1</v>
      </c>
      <c r="B4272" s="1" t="s">
        <v>3144</v>
      </c>
      <c r="C4272" s="5" t="s">
        <v>3209</v>
      </c>
      <c r="D4272" s="1" t="s">
        <v>7337</v>
      </c>
      <c r="E4272" s="5" t="s">
        <v>11608</v>
      </c>
      <c r="F4272" s="6">
        <v>16</v>
      </c>
    </row>
    <row r="4273" spans="1:6" x14ac:dyDescent="0.25">
      <c r="A4273" s="4" t="s">
        <v>1</v>
      </c>
      <c r="B4273" s="1" t="s">
        <v>3144</v>
      </c>
      <c r="C4273" s="5" t="s">
        <v>3212</v>
      </c>
      <c r="D4273" s="1" t="s">
        <v>7340</v>
      </c>
      <c r="E4273" s="5" t="s">
        <v>11611</v>
      </c>
      <c r="F4273" s="6">
        <v>19</v>
      </c>
    </row>
    <row r="4274" spans="1:6" x14ac:dyDescent="0.25">
      <c r="A4274" s="4" t="s">
        <v>1</v>
      </c>
      <c r="B4274" s="1" t="s">
        <v>3144</v>
      </c>
      <c r="C4274" s="5" t="s">
        <v>3240</v>
      </c>
      <c r="D4274" s="1" t="s">
        <v>7366</v>
      </c>
      <c r="E4274" s="5" t="s">
        <v>11639</v>
      </c>
      <c r="F4274" s="6">
        <v>47</v>
      </c>
    </row>
    <row r="4275" spans="1:6" x14ac:dyDescent="0.25">
      <c r="A4275" s="4" t="s">
        <v>1</v>
      </c>
      <c r="B4275" s="1" t="s">
        <v>3144</v>
      </c>
      <c r="C4275" s="5" t="s">
        <v>3252</v>
      </c>
      <c r="D4275" s="1" t="s">
        <v>7377</v>
      </c>
      <c r="E4275" s="5" t="s">
        <v>11651</v>
      </c>
      <c r="F4275" s="6">
        <v>60</v>
      </c>
    </row>
    <row r="4276" spans="1:6" x14ac:dyDescent="0.25">
      <c r="A4276" s="4" t="s">
        <v>1</v>
      </c>
      <c r="B4276" s="1" t="s">
        <v>3144</v>
      </c>
      <c r="C4276" s="5" t="s">
        <v>3265</v>
      </c>
      <c r="D4276" s="1" t="s">
        <v>7392</v>
      </c>
      <c r="E4276" s="5" t="s">
        <v>11667</v>
      </c>
      <c r="F4276" s="6">
        <v>79</v>
      </c>
    </row>
    <row r="4277" spans="1:6" x14ac:dyDescent="0.25">
      <c r="A4277" s="4" t="s">
        <v>1</v>
      </c>
      <c r="B4277" s="1" t="s">
        <v>3144</v>
      </c>
      <c r="C4277" s="5" t="s">
        <v>3266</v>
      </c>
      <c r="D4277" s="1" t="s">
        <v>7393</v>
      </c>
      <c r="E4277" s="5" t="s">
        <v>11668</v>
      </c>
      <c r="F4277" s="6">
        <v>80</v>
      </c>
    </row>
    <row r="4278" spans="1:6" x14ac:dyDescent="0.25">
      <c r="A4278" s="4" t="s">
        <v>1</v>
      </c>
      <c r="B4278" s="1" t="s">
        <v>3144</v>
      </c>
      <c r="C4278" s="5" t="s">
        <v>3269</v>
      </c>
      <c r="D4278" s="1" t="s">
        <v>7396</v>
      </c>
      <c r="E4278" s="5" t="s">
        <v>11671</v>
      </c>
      <c r="F4278" s="6">
        <v>84</v>
      </c>
    </row>
    <row r="4279" spans="1:6" x14ac:dyDescent="0.25">
      <c r="A4279" s="4" t="s">
        <v>1</v>
      </c>
      <c r="B4279" s="1" t="s">
        <v>3144</v>
      </c>
      <c r="C4279" s="5" t="s">
        <v>3270</v>
      </c>
      <c r="D4279" s="1" t="s">
        <v>7397</v>
      </c>
      <c r="E4279" s="5" t="s">
        <v>11672</v>
      </c>
      <c r="F4279" s="6">
        <v>85</v>
      </c>
    </row>
    <row r="4280" spans="1:6" x14ac:dyDescent="0.25">
      <c r="A4280" s="4" t="s">
        <v>1</v>
      </c>
      <c r="B4280" s="1" t="s">
        <v>3144</v>
      </c>
      <c r="C4280" s="5" t="s">
        <v>3271</v>
      </c>
      <c r="D4280" s="1" t="s">
        <v>7398</v>
      </c>
      <c r="E4280" s="5" t="s">
        <v>11673</v>
      </c>
      <c r="F4280" s="6">
        <v>86</v>
      </c>
    </row>
    <row r="4281" spans="1:6" x14ac:dyDescent="0.25">
      <c r="A4281" s="4" t="s">
        <v>1</v>
      </c>
      <c r="B4281" s="1" t="s">
        <v>3144</v>
      </c>
      <c r="C4281" s="5" t="s">
        <v>3290</v>
      </c>
      <c r="D4281" s="1" t="s">
        <v>7419</v>
      </c>
      <c r="E4281" s="5" t="s">
        <v>11694</v>
      </c>
      <c r="F4281" s="6">
        <v>114</v>
      </c>
    </row>
    <row r="4282" spans="1:6" x14ac:dyDescent="0.25">
      <c r="A4282" s="4" t="s">
        <v>1</v>
      </c>
      <c r="B4282" s="1" t="s">
        <v>3144</v>
      </c>
      <c r="C4282" s="5" t="s">
        <v>3294</v>
      </c>
      <c r="D4282" s="1" t="s">
        <v>7423</v>
      </c>
      <c r="E4282" s="5" t="s">
        <v>11698</v>
      </c>
      <c r="F4282" s="6">
        <v>118</v>
      </c>
    </row>
    <row r="4283" spans="1:6" x14ac:dyDescent="0.25">
      <c r="A4283" s="4" t="s">
        <v>1</v>
      </c>
      <c r="B4283" s="1" t="s">
        <v>3144</v>
      </c>
      <c r="C4283" s="5" t="s">
        <v>3252</v>
      </c>
      <c r="D4283" s="1" t="s">
        <v>7443</v>
      </c>
      <c r="E4283" s="5" t="s">
        <v>11722</v>
      </c>
      <c r="F4283" s="6">
        <v>143</v>
      </c>
    </row>
    <row r="4284" spans="1:6" x14ac:dyDescent="0.25">
      <c r="A4284" s="4" t="s">
        <v>1</v>
      </c>
      <c r="B4284" s="1" t="s">
        <v>3144</v>
      </c>
      <c r="C4284" s="5" t="s">
        <v>3319</v>
      </c>
      <c r="D4284" s="1" t="s">
        <v>7445</v>
      </c>
      <c r="E4284" s="5" t="s">
        <v>11724</v>
      </c>
      <c r="F4284" s="6">
        <v>145</v>
      </c>
    </row>
    <row r="4285" spans="1:6" x14ac:dyDescent="0.25">
      <c r="A4285" s="4" t="s">
        <v>1</v>
      </c>
      <c r="B4285" s="1" t="s">
        <v>3144</v>
      </c>
      <c r="C4285" s="5" t="s">
        <v>3212</v>
      </c>
      <c r="D4285" s="1" t="s">
        <v>7458</v>
      </c>
      <c r="E4285" s="5" t="s">
        <v>11738</v>
      </c>
      <c r="F4285" s="6">
        <v>159</v>
      </c>
    </row>
    <row r="4286" spans="1:6" x14ac:dyDescent="0.25">
      <c r="A4286" s="4" t="s">
        <v>1</v>
      </c>
      <c r="B4286" s="1" t="s">
        <v>3144</v>
      </c>
      <c r="C4286" s="5" t="s">
        <v>3334</v>
      </c>
      <c r="D4286" s="1" t="s">
        <v>7462</v>
      </c>
      <c r="E4286" s="5" t="s">
        <v>11742</v>
      </c>
      <c r="F4286" s="6">
        <v>163</v>
      </c>
    </row>
    <row r="4287" spans="1:6" x14ac:dyDescent="0.25">
      <c r="A4287" s="4" t="s">
        <v>1</v>
      </c>
      <c r="B4287" s="1" t="s">
        <v>3144</v>
      </c>
      <c r="C4287" s="5" t="s">
        <v>3353</v>
      </c>
      <c r="D4287" s="1" t="s">
        <v>7479</v>
      </c>
      <c r="E4287" s="5" t="s">
        <v>11761</v>
      </c>
      <c r="F4287" s="6">
        <v>182</v>
      </c>
    </row>
    <row r="4288" spans="1:6" x14ac:dyDescent="0.25">
      <c r="A4288" s="4" t="s">
        <v>1</v>
      </c>
      <c r="B4288" s="1" t="s">
        <v>3144</v>
      </c>
      <c r="C4288" s="5" t="s">
        <v>3377</v>
      </c>
      <c r="D4288" s="1" t="s">
        <v>7502</v>
      </c>
      <c r="E4288" s="5" t="s">
        <v>11786</v>
      </c>
      <c r="F4288" s="6">
        <v>212</v>
      </c>
    </row>
    <row r="4289" spans="1:6" x14ac:dyDescent="0.25">
      <c r="A4289" s="4" t="s">
        <v>1</v>
      </c>
      <c r="B4289" s="1" t="s">
        <v>3144</v>
      </c>
      <c r="C4289" s="5" t="s">
        <v>3392</v>
      </c>
      <c r="D4289" s="1" t="s">
        <v>7517</v>
      </c>
      <c r="E4289" s="5" t="s">
        <v>11801</v>
      </c>
      <c r="F4289" s="6">
        <v>227</v>
      </c>
    </row>
    <row r="4290" spans="1:6" x14ac:dyDescent="0.25">
      <c r="A4290" s="4" t="s">
        <v>1</v>
      </c>
      <c r="B4290" s="1" t="s">
        <v>3144</v>
      </c>
      <c r="C4290" s="5" t="s">
        <v>3401</v>
      </c>
      <c r="D4290" s="1" t="s">
        <v>7526</v>
      </c>
      <c r="E4290" s="5" t="s">
        <v>11811</v>
      </c>
      <c r="F4290" s="6">
        <v>239</v>
      </c>
    </row>
    <row r="4291" spans="1:6" x14ac:dyDescent="0.25">
      <c r="A4291" s="4" t="s">
        <v>1</v>
      </c>
      <c r="B4291" s="1" t="s">
        <v>3144</v>
      </c>
      <c r="C4291" s="5" t="s">
        <v>3266</v>
      </c>
      <c r="D4291" s="1" t="s">
        <v>7527</v>
      </c>
      <c r="E4291" s="5" t="s">
        <v>11812</v>
      </c>
      <c r="F4291" s="6">
        <v>240</v>
      </c>
    </row>
    <row r="4292" spans="1:6" x14ac:dyDescent="0.25">
      <c r="A4292" s="4" t="s">
        <v>1</v>
      </c>
      <c r="B4292" s="1" t="s">
        <v>3144</v>
      </c>
      <c r="C4292" s="5" t="s">
        <v>3442</v>
      </c>
      <c r="D4292" s="1" t="s">
        <v>7571</v>
      </c>
      <c r="E4292" s="5" t="s">
        <v>11857</v>
      </c>
      <c r="F4292" s="6">
        <v>288</v>
      </c>
    </row>
    <row r="4293" spans="1:6" x14ac:dyDescent="0.25">
      <c r="A4293" s="4" t="s">
        <v>1</v>
      </c>
      <c r="B4293" s="1" t="s">
        <v>3144</v>
      </c>
      <c r="C4293" s="5" t="s">
        <v>3194</v>
      </c>
      <c r="D4293" s="1" t="s">
        <v>7573</v>
      </c>
      <c r="E4293" s="5" t="s">
        <v>11859</v>
      </c>
      <c r="F4293" s="6">
        <v>291</v>
      </c>
    </row>
    <row r="4294" spans="1:6" x14ac:dyDescent="0.25">
      <c r="A4294" s="4" t="s">
        <v>1</v>
      </c>
      <c r="B4294" s="1" t="s">
        <v>3144</v>
      </c>
      <c r="C4294" s="5" t="s">
        <v>3469</v>
      </c>
      <c r="D4294" s="1" t="s">
        <v>7600</v>
      </c>
      <c r="E4294" s="5" t="s">
        <v>11889</v>
      </c>
      <c r="F4294" s="6">
        <v>321</v>
      </c>
    </row>
    <row r="4295" spans="1:6" x14ac:dyDescent="0.25">
      <c r="A4295" s="4" t="s">
        <v>1</v>
      </c>
      <c r="B4295" s="1" t="s">
        <v>3144</v>
      </c>
      <c r="C4295" s="5" t="s">
        <v>3470</v>
      </c>
      <c r="D4295" s="1" t="s">
        <v>7601</v>
      </c>
      <c r="E4295" s="5" t="s">
        <v>11890</v>
      </c>
      <c r="F4295" s="6">
        <v>322</v>
      </c>
    </row>
    <row r="4296" spans="1:6" x14ac:dyDescent="0.25">
      <c r="A4296" s="4" t="s">
        <v>1</v>
      </c>
      <c r="B4296" s="1" t="s">
        <v>3144</v>
      </c>
      <c r="C4296" s="5" t="s">
        <v>3252</v>
      </c>
      <c r="D4296" s="1" t="s">
        <v>7633</v>
      </c>
      <c r="E4296" s="5" t="s">
        <v>11922</v>
      </c>
      <c r="F4296" s="6">
        <v>355</v>
      </c>
    </row>
    <row r="4297" spans="1:6" x14ac:dyDescent="0.25">
      <c r="A4297" s="4" t="s">
        <v>1</v>
      </c>
      <c r="B4297" s="1" t="s">
        <v>3144</v>
      </c>
      <c r="C4297" s="5" t="s">
        <v>3500</v>
      </c>
      <c r="D4297" s="1" t="s">
        <v>7634</v>
      </c>
      <c r="E4297" s="5" t="s">
        <v>11923</v>
      </c>
      <c r="F4297" s="6">
        <v>356</v>
      </c>
    </row>
    <row r="4298" spans="1:6" x14ac:dyDescent="0.25">
      <c r="A4298" s="4" t="s">
        <v>1</v>
      </c>
      <c r="B4298" s="1" t="s">
        <v>3144</v>
      </c>
      <c r="C4298" s="5" t="s">
        <v>3501</v>
      </c>
      <c r="D4298" s="1" t="s">
        <v>7635</v>
      </c>
      <c r="E4298" s="5" t="s">
        <v>11924</v>
      </c>
      <c r="F4298" s="6">
        <v>357</v>
      </c>
    </row>
    <row r="4299" spans="1:6" x14ac:dyDescent="0.25">
      <c r="A4299" s="4" t="s">
        <v>1</v>
      </c>
      <c r="B4299" s="1" t="s">
        <v>3144</v>
      </c>
      <c r="C4299" s="5" t="s">
        <v>3518</v>
      </c>
      <c r="D4299" s="1" t="s">
        <v>7653</v>
      </c>
      <c r="E4299" s="5" t="s">
        <v>11943</v>
      </c>
      <c r="F4299" s="6">
        <v>376</v>
      </c>
    </row>
    <row r="4300" spans="1:6" x14ac:dyDescent="0.25">
      <c r="A4300" s="4" t="s">
        <v>1</v>
      </c>
      <c r="B4300" s="1" t="s">
        <v>3144</v>
      </c>
      <c r="C4300" s="5" t="s">
        <v>3534</v>
      </c>
      <c r="D4300" s="1" t="s">
        <v>7673</v>
      </c>
      <c r="E4300" s="5" t="s">
        <v>11965</v>
      </c>
      <c r="F4300" s="6">
        <v>398</v>
      </c>
    </row>
    <row r="4301" spans="1:6" x14ac:dyDescent="0.25">
      <c r="A4301" s="4" t="s">
        <v>1</v>
      </c>
      <c r="B4301" s="1" t="s">
        <v>3144</v>
      </c>
      <c r="C4301" s="5" t="s">
        <v>3542</v>
      </c>
      <c r="D4301" s="1" t="s">
        <v>7681</v>
      </c>
      <c r="E4301" s="5" t="s">
        <v>11973</v>
      </c>
      <c r="F4301" s="6">
        <v>406</v>
      </c>
    </row>
    <row r="4302" spans="1:6" x14ac:dyDescent="0.25">
      <c r="A4302" s="4" t="s">
        <v>1</v>
      </c>
      <c r="B4302" s="1" t="s">
        <v>3144</v>
      </c>
      <c r="C4302" s="5" t="s">
        <v>3546</v>
      </c>
      <c r="D4302" s="1" t="s">
        <v>7685</v>
      </c>
      <c r="E4302" s="5" t="s">
        <v>11977</v>
      </c>
      <c r="F4302" s="6">
        <v>410</v>
      </c>
    </row>
    <row r="4303" spans="1:6" x14ac:dyDescent="0.25">
      <c r="A4303" s="4" t="s">
        <v>1</v>
      </c>
      <c r="B4303" s="1" t="s">
        <v>3144</v>
      </c>
      <c r="C4303" s="5" t="s">
        <v>3240</v>
      </c>
      <c r="D4303" s="1" t="s">
        <v>7686</v>
      </c>
      <c r="E4303" s="5" t="s">
        <v>11978</v>
      </c>
      <c r="F4303" s="6">
        <v>411</v>
      </c>
    </row>
    <row r="4304" spans="1:6" x14ac:dyDescent="0.25">
      <c r="A4304" s="4" t="s">
        <v>1</v>
      </c>
      <c r="B4304" s="1" t="s">
        <v>3144</v>
      </c>
      <c r="C4304" s="5" t="s">
        <v>3549</v>
      </c>
      <c r="D4304" s="1" t="s">
        <v>7689</v>
      </c>
      <c r="E4304" s="5" t="s">
        <v>11981</v>
      </c>
      <c r="F4304" s="6">
        <v>414</v>
      </c>
    </row>
    <row r="4305" spans="1:6" x14ac:dyDescent="0.25">
      <c r="A4305" s="4" t="s">
        <v>1</v>
      </c>
      <c r="B4305" s="1" t="s">
        <v>3144</v>
      </c>
      <c r="C4305" s="5" t="s">
        <v>3442</v>
      </c>
      <c r="D4305" s="1" t="s">
        <v>7694</v>
      </c>
      <c r="E4305" s="5" t="s">
        <v>11986</v>
      </c>
      <c r="F4305" s="6">
        <v>419</v>
      </c>
    </row>
    <row r="4306" spans="1:6" x14ac:dyDescent="0.25">
      <c r="A4306" s="4" t="s">
        <v>1</v>
      </c>
      <c r="B4306" s="1" t="s">
        <v>3144</v>
      </c>
      <c r="C4306" s="5" t="s">
        <v>3557</v>
      </c>
      <c r="D4306" s="1" t="s">
        <v>7698</v>
      </c>
      <c r="E4306" s="5" t="s">
        <v>11990</v>
      </c>
      <c r="F4306" s="6">
        <v>423</v>
      </c>
    </row>
    <row r="4307" spans="1:6" x14ac:dyDescent="0.25">
      <c r="A4307" s="4" t="s">
        <v>1</v>
      </c>
      <c r="B4307" s="1" t="s">
        <v>3144</v>
      </c>
      <c r="C4307" s="5" t="s">
        <v>3558</v>
      </c>
      <c r="D4307" s="1" t="s">
        <v>7699</v>
      </c>
      <c r="E4307" s="5" t="s">
        <v>11991</v>
      </c>
      <c r="F4307" s="6">
        <v>424</v>
      </c>
    </row>
    <row r="4308" spans="1:6" x14ac:dyDescent="0.25">
      <c r="A4308" s="4" t="s">
        <v>1</v>
      </c>
      <c r="B4308" s="1" t="s">
        <v>3144</v>
      </c>
      <c r="C4308" s="5" t="s">
        <v>3206</v>
      </c>
      <c r="D4308" s="1" t="s">
        <v>7700</v>
      </c>
      <c r="E4308" s="5" t="s">
        <v>11992</v>
      </c>
      <c r="F4308" s="6">
        <v>425</v>
      </c>
    </row>
    <row r="4309" spans="1:6" x14ac:dyDescent="0.25">
      <c r="A4309" s="4" t="s">
        <v>1</v>
      </c>
      <c r="B4309" s="1" t="s">
        <v>3144</v>
      </c>
      <c r="C4309" s="5" t="s">
        <v>3209</v>
      </c>
      <c r="D4309" s="1" t="s">
        <v>7715</v>
      </c>
      <c r="E4309" s="5" t="s">
        <v>12009</v>
      </c>
      <c r="F4309" s="6">
        <v>442</v>
      </c>
    </row>
    <row r="4310" spans="1:6" x14ac:dyDescent="0.25">
      <c r="A4310" s="4" t="s">
        <v>1</v>
      </c>
      <c r="B4310" s="1" t="s">
        <v>3144</v>
      </c>
      <c r="C4310" s="5" t="s">
        <v>3575</v>
      </c>
      <c r="D4310" s="1" t="s">
        <v>7716</v>
      </c>
      <c r="E4310" s="5" t="s">
        <v>12010</v>
      </c>
      <c r="F4310" s="6">
        <v>443</v>
      </c>
    </row>
    <row r="4311" spans="1:6" x14ac:dyDescent="0.25">
      <c r="A4311" s="4" t="s">
        <v>1</v>
      </c>
      <c r="B4311" s="1" t="s">
        <v>3144</v>
      </c>
      <c r="C4311" s="5" t="s">
        <v>3587</v>
      </c>
      <c r="D4311" s="1" t="s">
        <v>7726</v>
      </c>
      <c r="E4311" s="5" t="s">
        <v>12022</v>
      </c>
      <c r="F4311" s="6">
        <v>455</v>
      </c>
    </row>
    <row r="4312" spans="1:6" x14ac:dyDescent="0.25">
      <c r="A4312" s="4" t="s">
        <v>1</v>
      </c>
      <c r="B4312" s="1" t="s">
        <v>3144</v>
      </c>
      <c r="C4312" s="5" t="s">
        <v>3195</v>
      </c>
      <c r="D4312" s="1" t="s">
        <v>7756</v>
      </c>
      <c r="E4312" s="5" t="s">
        <v>12055</v>
      </c>
      <c r="F4312" s="6">
        <v>490</v>
      </c>
    </row>
    <row r="4313" spans="1:6" x14ac:dyDescent="0.25">
      <c r="A4313" s="4" t="s">
        <v>1</v>
      </c>
      <c r="B4313" s="1" t="s">
        <v>3144</v>
      </c>
      <c r="C4313" s="5" t="s">
        <v>3616</v>
      </c>
      <c r="D4313" s="1" t="s">
        <v>7760</v>
      </c>
      <c r="E4313" s="5" t="s">
        <v>12059</v>
      </c>
      <c r="F4313" s="6">
        <v>501</v>
      </c>
    </row>
    <row r="4314" spans="1:6" x14ac:dyDescent="0.25">
      <c r="A4314" s="4" t="s">
        <v>1</v>
      </c>
      <c r="B4314" s="1" t="s">
        <v>3144</v>
      </c>
      <c r="C4314" s="5" t="s">
        <v>3629</v>
      </c>
      <c r="D4314" s="1" t="s">
        <v>7775</v>
      </c>
      <c r="E4314" s="5" t="s">
        <v>12075</v>
      </c>
      <c r="F4314" s="6">
        <v>522</v>
      </c>
    </row>
    <row r="4315" spans="1:6" x14ac:dyDescent="0.25">
      <c r="A4315" s="4" t="s">
        <v>1</v>
      </c>
      <c r="B4315" s="1" t="s">
        <v>3144</v>
      </c>
      <c r="C4315" s="5" t="s">
        <v>3319</v>
      </c>
      <c r="D4315" s="1" t="s">
        <v>7785</v>
      </c>
      <c r="E4315" s="5" t="s">
        <v>12086</v>
      </c>
      <c r="F4315" s="6">
        <v>538</v>
      </c>
    </row>
    <row r="4316" spans="1:6" x14ac:dyDescent="0.25">
      <c r="A4316" s="4" t="s">
        <v>1</v>
      </c>
      <c r="B4316" s="1" t="s">
        <v>3144</v>
      </c>
      <c r="C4316" s="5" t="s">
        <v>3640</v>
      </c>
      <c r="D4316" s="1" t="s">
        <v>7788</v>
      </c>
      <c r="E4316" s="5" t="s">
        <v>12089</v>
      </c>
      <c r="F4316" s="6">
        <v>542</v>
      </c>
    </row>
    <row r="4317" spans="1:6" x14ac:dyDescent="0.25">
      <c r="A4317" s="4" t="s">
        <v>1</v>
      </c>
      <c r="B4317" s="1" t="s">
        <v>3144</v>
      </c>
      <c r="C4317" s="5" t="s">
        <v>3641</v>
      </c>
      <c r="D4317" s="1" t="s">
        <v>7789</v>
      </c>
      <c r="E4317" s="5" t="s">
        <v>12090</v>
      </c>
      <c r="F4317" s="6">
        <v>543</v>
      </c>
    </row>
    <row r="4318" spans="1:6" x14ac:dyDescent="0.25">
      <c r="A4318" s="4" t="s">
        <v>1</v>
      </c>
      <c r="B4318" s="1" t="s">
        <v>3144</v>
      </c>
      <c r="C4318" s="5" t="s">
        <v>3642</v>
      </c>
      <c r="D4318" s="1" t="s">
        <v>7790</v>
      </c>
      <c r="E4318" s="5" t="s">
        <v>12091</v>
      </c>
      <c r="F4318" s="6">
        <v>544</v>
      </c>
    </row>
    <row r="4319" spans="1:6" x14ac:dyDescent="0.25">
      <c r="A4319" s="4" t="s">
        <v>1</v>
      </c>
      <c r="B4319" s="1" t="s">
        <v>3144</v>
      </c>
      <c r="C4319" s="5" t="s">
        <v>3319</v>
      </c>
      <c r="D4319" s="1" t="s">
        <v>7792</v>
      </c>
      <c r="E4319" s="5" t="s">
        <v>12093</v>
      </c>
      <c r="F4319" s="6">
        <v>546</v>
      </c>
    </row>
    <row r="4320" spans="1:6" x14ac:dyDescent="0.25">
      <c r="A4320" s="4" t="s">
        <v>1</v>
      </c>
      <c r="B4320" s="1" t="s">
        <v>3144</v>
      </c>
      <c r="C4320" s="5" t="s">
        <v>3557</v>
      </c>
      <c r="D4320" s="1" t="s">
        <v>7804</v>
      </c>
      <c r="E4320" s="5" t="s">
        <v>12106</v>
      </c>
      <c r="F4320" s="6">
        <v>567</v>
      </c>
    </row>
    <row r="4321" spans="1:6" x14ac:dyDescent="0.25">
      <c r="A4321" s="4" t="s">
        <v>1</v>
      </c>
      <c r="B4321" s="1" t="s">
        <v>3144</v>
      </c>
      <c r="C4321" s="5" t="s">
        <v>3205</v>
      </c>
      <c r="D4321" s="1" t="s">
        <v>7814</v>
      </c>
      <c r="E4321" s="5" t="s">
        <v>12117</v>
      </c>
      <c r="F4321" s="6">
        <v>580</v>
      </c>
    </row>
    <row r="4322" spans="1:6" x14ac:dyDescent="0.25">
      <c r="A4322" s="4" t="s">
        <v>1</v>
      </c>
      <c r="B4322" s="1" t="s">
        <v>3144</v>
      </c>
      <c r="C4322" s="5" t="s">
        <v>3353</v>
      </c>
      <c r="D4322" s="1" t="s">
        <v>7816</v>
      </c>
      <c r="E4322" s="5" t="s">
        <v>12119</v>
      </c>
      <c r="F4322" s="6">
        <v>582</v>
      </c>
    </row>
    <row r="4323" spans="1:6" x14ac:dyDescent="0.25">
      <c r="A4323" s="4" t="s">
        <v>1</v>
      </c>
      <c r="B4323" s="1" t="s">
        <v>3144</v>
      </c>
      <c r="C4323" s="5" t="s">
        <v>3442</v>
      </c>
      <c r="D4323" s="1" t="s">
        <v>7825</v>
      </c>
      <c r="E4323" s="5" t="s">
        <v>12128</v>
      </c>
      <c r="F4323" s="6">
        <v>591</v>
      </c>
    </row>
    <row r="4324" spans="1:6" x14ac:dyDescent="0.25">
      <c r="A4324" s="4" t="s">
        <v>1</v>
      </c>
      <c r="B4324" s="1" t="s">
        <v>3144</v>
      </c>
      <c r="C4324" s="5" t="s">
        <v>3665</v>
      </c>
      <c r="D4324" s="1" t="s">
        <v>7826</v>
      </c>
      <c r="E4324" s="5" t="s">
        <v>12129</v>
      </c>
      <c r="F4324" s="6">
        <v>592</v>
      </c>
    </row>
    <row r="4325" spans="1:6" x14ac:dyDescent="0.25">
      <c r="A4325" s="4" t="s">
        <v>1</v>
      </c>
      <c r="B4325" s="1" t="s">
        <v>3144</v>
      </c>
      <c r="C4325" s="5" t="s">
        <v>3678</v>
      </c>
      <c r="D4325" s="1" t="s">
        <v>7848</v>
      </c>
      <c r="E4325" s="5" t="s">
        <v>12151</v>
      </c>
      <c r="F4325" s="6">
        <v>625</v>
      </c>
    </row>
    <row r="4326" spans="1:6" x14ac:dyDescent="0.25">
      <c r="A4326" s="4" t="s">
        <v>1</v>
      </c>
      <c r="B4326" s="1" t="s">
        <v>3144</v>
      </c>
      <c r="C4326" s="5" t="s">
        <v>3500</v>
      </c>
      <c r="D4326" s="1" t="s">
        <v>7849</v>
      </c>
      <c r="E4326" s="5" t="s">
        <v>12152</v>
      </c>
      <c r="F4326" s="6">
        <v>626</v>
      </c>
    </row>
    <row r="4327" spans="1:6" x14ac:dyDescent="0.25">
      <c r="A4327" s="4" t="s">
        <v>1</v>
      </c>
      <c r="B4327" s="1" t="s">
        <v>3144</v>
      </c>
      <c r="C4327" s="5" t="s">
        <v>3679</v>
      </c>
      <c r="D4327" s="1" t="s">
        <v>7850</v>
      </c>
      <c r="E4327" s="5" t="s">
        <v>12153</v>
      </c>
      <c r="F4327" s="6">
        <v>627</v>
      </c>
    </row>
    <row r="4328" spans="1:6" x14ac:dyDescent="0.25">
      <c r="A4328" s="4" t="s">
        <v>1</v>
      </c>
      <c r="B4328" s="1" t="s">
        <v>3144</v>
      </c>
      <c r="C4328" s="5" t="s">
        <v>3208</v>
      </c>
      <c r="D4328" s="1" t="s">
        <v>7872</v>
      </c>
      <c r="E4328" s="5" t="s">
        <v>12178</v>
      </c>
      <c r="F4328" s="6">
        <v>652</v>
      </c>
    </row>
    <row r="4329" spans="1:6" x14ac:dyDescent="0.25">
      <c r="A4329" s="4" t="s">
        <v>1</v>
      </c>
      <c r="B4329" s="1" t="s">
        <v>3144</v>
      </c>
      <c r="C4329" s="5" t="s">
        <v>3711</v>
      </c>
      <c r="D4329" s="1" t="s">
        <v>7884</v>
      </c>
      <c r="E4329" s="5" t="s">
        <v>12191</v>
      </c>
      <c r="F4329" s="6">
        <v>666</v>
      </c>
    </row>
    <row r="4330" spans="1:6" x14ac:dyDescent="0.25">
      <c r="A4330" s="4" t="s">
        <v>1</v>
      </c>
      <c r="B4330" s="1" t="s">
        <v>3144</v>
      </c>
      <c r="C4330" s="5" t="s">
        <v>3353</v>
      </c>
      <c r="D4330" s="1" t="s">
        <v>7885</v>
      </c>
      <c r="E4330" s="5" t="s">
        <v>12192</v>
      </c>
      <c r="F4330" s="6">
        <v>667</v>
      </c>
    </row>
    <row r="4331" spans="1:6" x14ac:dyDescent="0.25">
      <c r="A4331" s="4" t="s">
        <v>1</v>
      </c>
      <c r="B4331" s="1" t="s">
        <v>3144</v>
      </c>
      <c r="C4331" s="5" t="s">
        <v>3392</v>
      </c>
      <c r="D4331" s="1" t="s">
        <v>7886</v>
      </c>
      <c r="E4331" s="5" t="s">
        <v>12193</v>
      </c>
      <c r="F4331" s="6">
        <v>668</v>
      </c>
    </row>
    <row r="4332" spans="1:6" x14ac:dyDescent="0.25">
      <c r="A4332" s="4" t="s">
        <v>1</v>
      </c>
      <c r="B4332" s="1" t="s">
        <v>3144</v>
      </c>
      <c r="C4332" s="5" t="s">
        <v>3641</v>
      </c>
      <c r="D4332" s="1" t="s">
        <v>7887</v>
      </c>
      <c r="E4332" s="5" t="s">
        <v>12194</v>
      </c>
      <c r="F4332" s="6">
        <v>669</v>
      </c>
    </row>
    <row r="4333" spans="1:6" x14ac:dyDescent="0.25">
      <c r="A4333" s="4" t="s">
        <v>1</v>
      </c>
      <c r="B4333" s="1" t="s">
        <v>3144</v>
      </c>
      <c r="C4333" s="5" t="s">
        <v>3726</v>
      </c>
      <c r="D4333" s="1" t="s">
        <v>7901</v>
      </c>
      <c r="E4333" s="5" t="s">
        <v>12210</v>
      </c>
      <c r="F4333" s="6">
        <v>686</v>
      </c>
    </row>
    <row r="4334" spans="1:6" x14ac:dyDescent="0.25">
      <c r="A4334" s="4" t="s">
        <v>1</v>
      </c>
      <c r="B4334" s="1" t="s">
        <v>3144</v>
      </c>
      <c r="C4334" s="5" t="s">
        <v>3838</v>
      </c>
      <c r="D4334" s="1" t="s">
        <v>8014</v>
      </c>
      <c r="E4334" s="5" t="s">
        <v>12338</v>
      </c>
      <c r="F4334" s="6">
        <v>835</v>
      </c>
    </row>
    <row r="4335" spans="1:6" x14ac:dyDescent="0.25">
      <c r="A4335" s="4" t="s">
        <v>1</v>
      </c>
      <c r="B4335" s="1" t="s">
        <v>3144</v>
      </c>
      <c r="C4335" s="5" t="s">
        <v>3839</v>
      </c>
      <c r="D4335" s="1" t="s">
        <v>8015</v>
      </c>
      <c r="E4335" s="5" t="s">
        <v>12339</v>
      </c>
      <c r="F4335" s="6">
        <v>836</v>
      </c>
    </row>
    <row r="4336" spans="1:6" x14ac:dyDescent="0.25">
      <c r="A4336" s="4" t="s">
        <v>1</v>
      </c>
      <c r="B4336" s="1" t="s">
        <v>3144</v>
      </c>
      <c r="C4336" s="5" t="s">
        <v>3931</v>
      </c>
      <c r="D4336" s="1" t="s">
        <v>8081</v>
      </c>
      <c r="E4336" s="5" t="s">
        <v>12451</v>
      </c>
      <c r="F4336" s="6">
        <v>967</v>
      </c>
    </row>
    <row r="4337" spans="1:6" x14ac:dyDescent="0.25">
      <c r="A4337" s="4" t="s">
        <v>1</v>
      </c>
      <c r="B4337" s="1" t="s">
        <v>3144</v>
      </c>
      <c r="C4337" s="5">
        <v>400092</v>
      </c>
      <c r="D4337" s="1" t="s">
        <v>8096</v>
      </c>
      <c r="E4337" s="5" t="s">
        <v>12472</v>
      </c>
      <c r="F4337" s="6">
        <v>990</v>
      </c>
    </row>
    <row r="4338" spans="1:6" x14ac:dyDescent="0.25">
      <c r="A4338" s="4" t="s">
        <v>1</v>
      </c>
      <c r="B4338" s="1" t="s">
        <v>3144</v>
      </c>
      <c r="C4338" s="5" t="s">
        <v>3319</v>
      </c>
      <c r="D4338" s="1" t="s">
        <v>8101</v>
      </c>
      <c r="E4338" s="5" t="s">
        <v>12477</v>
      </c>
      <c r="F4338" s="6">
        <v>997</v>
      </c>
    </row>
    <row r="4339" spans="1:6" x14ac:dyDescent="0.25">
      <c r="A4339" s="4" t="s">
        <v>1</v>
      </c>
      <c r="B4339" s="1" t="s">
        <v>3144</v>
      </c>
      <c r="C4339" s="5" t="s">
        <v>3949</v>
      </c>
      <c r="D4339" s="1" t="s">
        <v>8102</v>
      </c>
      <c r="E4339" s="5" t="s">
        <v>12478</v>
      </c>
      <c r="F4339" s="6">
        <v>998</v>
      </c>
    </row>
    <row r="4340" spans="1:6" x14ac:dyDescent="0.25">
      <c r="A4340" s="4" t="s">
        <v>1</v>
      </c>
      <c r="B4340" s="1" t="s">
        <v>3144</v>
      </c>
      <c r="C4340" s="5" t="s">
        <v>3961</v>
      </c>
      <c r="D4340" s="1" t="s">
        <v>8111</v>
      </c>
      <c r="E4340" s="5" t="s">
        <v>12495</v>
      </c>
      <c r="F4340" s="6">
        <v>1019</v>
      </c>
    </row>
    <row r="4341" spans="1:6" x14ac:dyDescent="0.25">
      <c r="A4341" s="4" t="s">
        <v>1</v>
      </c>
      <c r="B4341" s="1" t="s">
        <v>3144</v>
      </c>
      <c r="C4341" s="5" t="s">
        <v>3469</v>
      </c>
      <c r="D4341" s="1" t="s">
        <v>8118</v>
      </c>
      <c r="E4341" s="5" t="s">
        <v>12502</v>
      </c>
      <c r="F4341" s="6">
        <v>1027</v>
      </c>
    </row>
    <row r="4342" spans="1:6" x14ac:dyDescent="0.25">
      <c r="A4342" s="4" t="s">
        <v>1</v>
      </c>
      <c r="B4342" s="1" t="s">
        <v>3144</v>
      </c>
      <c r="C4342" s="5" t="s">
        <v>4024</v>
      </c>
      <c r="D4342" s="1" t="s">
        <v>8173</v>
      </c>
      <c r="E4342" s="5" t="s">
        <v>12575</v>
      </c>
      <c r="F4342" s="6">
        <v>1105</v>
      </c>
    </row>
    <row r="4343" spans="1:6" x14ac:dyDescent="0.25">
      <c r="A4343" s="4" t="s">
        <v>1</v>
      </c>
      <c r="B4343" s="1" t="s">
        <v>3144</v>
      </c>
      <c r="C4343" s="5" t="s">
        <v>3549</v>
      </c>
      <c r="D4343" s="1" t="s">
        <v>8174</v>
      </c>
      <c r="E4343" s="5" t="s">
        <v>12576</v>
      </c>
      <c r="F4343" s="6">
        <v>1106</v>
      </c>
    </row>
    <row r="4344" spans="1:6" x14ac:dyDescent="0.25">
      <c r="A4344" s="4" t="s">
        <v>1</v>
      </c>
      <c r="B4344" s="1" t="s">
        <v>3144</v>
      </c>
      <c r="C4344" s="5" t="s">
        <v>3290</v>
      </c>
      <c r="D4344" s="1" t="s">
        <v>8176</v>
      </c>
      <c r="E4344" s="5" t="s">
        <v>12578</v>
      </c>
      <c r="F4344" s="6">
        <v>1108</v>
      </c>
    </row>
    <row r="4345" spans="1:6" x14ac:dyDescent="0.25">
      <c r="A4345" s="4" t="s">
        <v>1</v>
      </c>
      <c r="B4345" s="1" t="s">
        <v>3144</v>
      </c>
      <c r="C4345" s="5" t="s">
        <v>4029</v>
      </c>
      <c r="D4345" s="1" t="s">
        <v>8182</v>
      </c>
      <c r="E4345" s="5" t="s">
        <v>12584</v>
      </c>
      <c r="F4345" s="6">
        <v>1114</v>
      </c>
    </row>
    <row r="4346" spans="1:6" x14ac:dyDescent="0.25">
      <c r="A4346" s="4" t="s">
        <v>1</v>
      </c>
      <c r="B4346" s="1" t="s">
        <v>3144</v>
      </c>
      <c r="C4346" s="5" t="s">
        <v>4032</v>
      </c>
      <c r="D4346" s="1" t="s">
        <v>8186</v>
      </c>
      <c r="E4346" s="5" t="s">
        <v>12588</v>
      </c>
      <c r="F4346" s="6">
        <v>1118</v>
      </c>
    </row>
    <row r="4347" spans="1:6" x14ac:dyDescent="0.25">
      <c r="A4347" s="4" t="s">
        <v>1</v>
      </c>
      <c r="B4347" s="1" t="s">
        <v>3144</v>
      </c>
      <c r="C4347" s="5" t="s">
        <v>4032</v>
      </c>
      <c r="D4347" s="1" t="s">
        <v>8187</v>
      </c>
      <c r="E4347" s="5" t="s">
        <v>12589</v>
      </c>
      <c r="F4347" s="6">
        <v>1119</v>
      </c>
    </row>
    <row r="4348" spans="1:6" x14ac:dyDescent="0.25">
      <c r="A4348" s="4" t="s">
        <v>1</v>
      </c>
      <c r="B4348" s="1" t="s">
        <v>3144</v>
      </c>
      <c r="C4348" s="5" t="s">
        <v>3377</v>
      </c>
      <c r="D4348" s="1" t="s">
        <v>8188</v>
      </c>
      <c r="E4348" s="5" t="s">
        <v>12590</v>
      </c>
      <c r="F4348" s="6">
        <v>1120</v>
      </c>
    </row>
    <row r="4349" spans="1:6" x14ac:dyDescent="0.25">
      <c r="A4349" s="4" t="s">
        <v>1</v>
      </c>
      <c r="B4349" s="1" t="s">
        <v>3144</v>
      </c>
      <c r="C4349" s="5" t="s">
        <v>3353</v>
      </c>
      <c r="D4349" s="1" t="s">
        <v>8189</v>
      </c>
      <c r="E4349" s="5" t="s">
        <v>12591</v>
      </c>
      <c r="F4349" s="6">
        <v>1123</v>
      </c>
    </row>
    <row r="4350" spans="1:6" x14ac:dyDescent="0.25">
      <c r="A4350" s="4" t="s">
        <v>1</v>
      </c>
      <c r="B4350" s="1" t="s">
        <v>3144</v>
      </c>
      <c r="C4350" s="5" t="s">
        <v>3557</v>
      </c>
      <c r="D4350" s="1" t="s">
        <v>8205</v>
      </c>
      <c r="E4350" s="5" t="s">
        <v>12610</v>
      </c>
      <c r="F4350" s="6">
        <v>1201</v>
      </c>
    </row>
    <row r="4351" spans="1:6" x14ac:dyDescent="0.25">
      <c r="A4351" s="4" t="s">
        <v>1</v>
      </c>
      <c r="B4351" s="1" t="s">
        <v>3144</v>
      </c>
      <c r="C4351" s="5" t="s">
        <v>3665</v>
      </c>
      <c r="D4351" s="1" t="s">
        <v>8208</v>
      </c>
      <c r="E4351" s="5" t="s">
        <v>12613</v>
      </c>
      <c r="F4351" s="6">
        <v>1204</v>
      </c>
    </row>
    <row r="4352" spans="1:6" x14ac:dyDescent="0.25">
      <c r="A4352" s="4" t="s">
        <v>1</v>
      </c>
      <c r="B4352" s="1" t="s">
        <v>3144</v>
      </c>
      <c r="C4352" s="5" t="s">
        <v>3616</v>
      </c>
      <c r="D4352" s="1" t="s">
        <v>8210</v>
      </c>
      <c r="E4352" s="5" t="s">
        <v>12615</v>
      </c>
      <c r="F4352" s="6">
        <v>1207</v>
      </c>
    </row>
    <row r="4353" spans="1:6" x14ac:dyDescent="0.25">
      <c r="A4353" s="4" t="s">
        <v>1</v>
      </c>
      <c r="B4353" s="1" t="s">
        <v>3144</v>
      </c>
      <c r="C4353" s="5" t="s">
        <v>3575</v>
      </c>
      <c r="D4353" s="1" t="s">
        <v>8231</v>
      </c>
      <c r="E4353" s="5" t="s">
        <v>12636</v>
      </c>
      <c r="F4353" s="6">
        <v>1230</v>
      </c>
    </row>
    <row r="4354" spans="1:6" x14ac:dyDescent="0.25">
      <c r="A4354" s="4" t="s">
        <v>1</v>
      </c>
      <c r="B4354" s="1" t="s">
        <v>3144</v>
      </c>
      <c r="C4354" s="5" t="s">
        <v>3353</v>
      </c>
      <c r="D4354" s="1" t="s">
        <v>8261</v>
      </c>
      <c r="E4354" s="5" t="s">
        <v>12669</v>
      </c>
      <c r="F4354" s="6">
        <v>1265</v>
      </c>
    </row>
    <row r="4355" spans="1:6" x14ac:dyDescent="0.25">
      <c r="A4355" s="4" t="s">
        <v>1</v>
      </c>
      <c r="B4355" s="1" t="s">
        <v>3144</v>
      </c>
      <c r="C4355" s="5" t="s">
        <v>3209</v>
      </c>
      <c r="D4355" s="1" t="s">
        <v>8303</v>
      </c>
      <c r="E4355" s="5" t="s">
        <v>12719</v>
      </c>
      <c r="F4355" s="6">
        <v>1316</v>
      </c>
    </row>
    <row r="4356" spans="1:6" x14ac:dyDescent="0.25">
      <c r="A4356" s="4" t="s">
        <v>1</v>
      </c>
      <c r="B4356" s="1" t="s">
        <v>3144</v>
      </c>
      <c r="C4356" s="5" t="s">
        <v>4119</v>
      </c>
      <c r="D4356" s="1" t="s">
        <v>8318</v>
      </c>
      <c r="E4356" s="5" t="s">
        <v>12736</v>
      </c>
      <c r="F4356" s="6">
        <v>1333</v>
      </c>
    </row>
    <row r="4357" spans="1:6" x14ac:dyDescent="0.25">
      <c r="A4357" s="4" t="s">
        <v>1</v>
      </c>
      <c r="B4357" s="1" t="s">
        <v>3144</v>
      </c>
      <c r="C4357" s="5" t="s">
        <v>3212</v>
      </c>
      <c r="D4357" s="1" t="s">
        <v>8340</v>
      </c>
      <c r="E4357" s="5" t="s">
        <v>12760</v>
      </c>
      <c r="F4357" s="6">
        <v>1357</v>
      </c>
    </row>
    <row r="4358" spans="1:6" x14ac:dyDescent="0.25">
      <c r="A4358" s="4" t="s">
        <v>1</v>
      </c>
      <c r="B4358" s="1" t="s">
        <v>3144</v>
      </c>
      <c r="C4358" s="5" t="s">
        <v>3587</v>
      </c>
      <c r="D4358" s="1" t="s">
        <v>8353</v>
      </c>
      <c r="E4358" s="5" t="s">
        <v>12775</v>
      </c>
      <c r="F4358" s="6">
        <v>1372</v>
      </c>
    </row>
    <row r="4359" spans="1:6" x14ac:dyDescent="0.25">
      <c r="A4359" s="4" t="s">
        <v>1</v>
      </c>
      <c r="B4359" s="1" t="s">
        <v>3144</v>
      </c>
      <c r="C4359" s="5" t="s">
        <v>3665</v>
      </c>
      <c r="D4359" s="1" t="s">
        <v>8392</v>
      </c>
      <c r="E4359" s="5" t="s">
        <v>12826</v>
      </c>
      <c r="F4359" s="6">
        <v>1425</v>
      </c>
    </row>
    <row r="4360" spans="1:6" x14ac:dyDescent="0.25">
      <c r="A4360" s="4" t="s">
        <v>1</v>
      </c>
      <c r="B4360" s="1" t="s">
        <v>3144</v>
      </c>
      <c r="C4360" s="5" t="s">
        <v>4167</v>
      </c>
      <c r="D4360" s="1" t="s">
        <v>8408</v>
      </c>
      <c r="E4360" s="5" t="s">
        <v>12844</v>
      </c>
      <c r="F4360" s="6">
        <v>1444</v>
      </c>
    </row>
    <row r="4361" spans="1:6" x14ac:dyDescent="0.25">
      <c r="A4361" s="4" t="s">
        <v>1</v>
      </c>
      <c r="B4361" s="1" t="s">
        <v>3144</v>
      </c>
      <c r="C4361" s="5" t="s">
        <v>3534</v>
      </c>
      <c r="D4361" s="1" t="s">
        <v>8414</v>
      </c>
      <c r="E4361" s="5" t="s">
        <v>12850</v>
      </c>
      <c r="F4361" s="6">
        <v>1451</v>
      </c>
    </row>
    <row r="4362" spans="1:6" x14ac:dyDescent="0.25">
      <c r="A4362" s="4" t="s">
        <v>1</v>
      </c>
      <c r="B4362" s="1" t="s">
        <v>3144</v>
      </c>
      <c r="C4362" s="5" t="s">
        <v>4172</v>
      </c>
      <c r="D4362" s="1" t="s">
        <v>8415</v>
      </c>
      <c r="E4362" s="5" t="s">
        <v>12851</v>
      </c>
      <c r="F4362" s="6">
        <v>1452</v>
      </c>
    </row>
    <row r="4363" spans="1:6" x14ac:dyDescent="0.25">
      <c r="A4363" s="4" t="s">
        <v>1</v>
      </c>
      <c r="B4363" s="1" t="s">
        <v>3144</v>
      </c>
      <c r="C4363" s="5" t="s">
        <v>4185</v>
      </c>
      <c r="D4363" s="1" t="s">
        <v>8430</v>
      </c>
      <c r="E4363" s="5" t="s">
        <v>12870</v>
      </c>
      <c r="F4363" s="6">
        <v>1471</v>
      </c>
    </row>
    <row r="4364" spans="1:6" x14ac:dyDescent="0.25">
      <c r="A4364" s="4" t="s">
        <v>1</v>
      </c>
      <c r="B4364" s="1" t="s">
        <v>3144</v>
      </c>
      <c r="C4364" s="5" t="s">
        <v>3542</v>
      </c>
      <c r="D4364" s="1" t="s">
        <v>8432</v>
      </c>
      <c r="E4364" s="5" t="s">
        <v>12872</v>
      </c>
      <c r="F4364" s="6">
        <v>1473</v>
      </c>
    </row>
    <row r="4365" spans="1:6" x14ac:dyDescent="0.25">
      <c r="A4365" s="4" t="s">
        <v>1</v>
      </c>
      <c r="B4365" s="1" t="s">
        <v>3144</v>
      </c>
      <c r="C4365" s="5" t="s">
        <v>4261</v>
      </c>
      <c r="D4365" s="1" t="s">
        <v>8500</v>
      </c>
      <c r="E4365" s="5" t="s">
        <v>12964</v>
      </c>
      <c r="F4365" s="6">
        <v>1573</v>
      </c>
    </row>
    <row r="4366" spans="1:6" x14ac:dyDescent="0.25">
      <c r="A4366" s="4" t="s">
        <v>1</v>
      </c>
      <c r="B4366" s="1" t="s">
        <v>3144</v>
      </c>
      <c r="C4366" s="5" t="s">
        <v>3240</v>
      </c>
      <c r="D4366" s="1" t="s">
        <v>8501</v>
      </c>
      <c r="E4366" s="5" t="s">
        <v>12965</v>
      </c>
      <c r="F4366" s="6">
        <v>1574</v>
      </c>
    </row>
    <row r="4367" spans="1:6" x14ac:dyDescent="0.25">
      <c r="A4367" s="4" t="s">
        <v>1</v>
      </c>
      <c r="B4367" s="1" t="s">
        <v>3144</v>
      </c>
      <c r="C4367" s="5" t="s">
        <v>3208</v>
      </c>
      <c r="D4367" s="1" t="s">
        <v>8503</v>
      </c>
      <c r="E4367" s="5" t="s">
        <v>12967</v>
      </c>
      <c r="F4367" s="6">
        <v>1576</v>
      </c>
    </row>
    <row r="4368" spans="1:6" x14ac:dyDescent="0.25">
      <c r="A4368" s="4" t="s">
        <v>1</v>
      </c>
      <c r="B4368" s="1" t="s">
        <v>3144</v>
      </c>
      <c r="C4368" s="5" t="s">
        <v>3265</v>
      </c>
      <c r="D4368" s="1" t="s">
        <v>8505</v>
      </c>
      <c r="E4368" s="5" t="s">
        <v>12969</v>
      </c>
      <c r="F4368" s="6">
        <v>1579</v>
      </c>
    </row>
    <row r="4369" spans="1:6" x14ac:dyDescent="0.25">
      <c r="A4369" s="4" t="s">
        <v>1</v>
      </c>
      <c r="B4369" s="1" t="s">
        <v>3144</v>
      </c>
      <c r="C4369" s="5" t="s">
        <v>3641</v>
      </c>
      <c r="D4369" s="1" t="s">
        <v>8628</v>
      </c>
      <c r="E4369" s="5" t="s">
        <v>13166</v>
      </c>
      <c r="F4369" s="6">
        <v>1799</v>
      </c>
    </row>
    <row r="4370" spans="1:6" x14ac:dyDescent="0.25">
      <c r="A4370" s="4" t="s">
        <v>1</v>
      </c>
      <c r="B4370" s="1" t="s">
        <v>3144</v>
      </c>
      <c r="C4370" s="5" t="s">
        <v>4412</v>
      </c>
      <c r="D4370" s="1" t="s">
        <v>8629</v>
      </c>
      <c r="E4370" s="5" t="s">
        <v>13167</v>
      </c>
      <c r="F4370" s="6">
        <v>1800</v>
      </c>
    </row>
    <row r="4371" spans="1:6" x14ac:dyDescent="0.25">
      <c r="A4371" s="4" t="s">
        <v>1</v>
      </c>
      <c r="B4371" s="1" t="s">
        <v>3144</v>
      </c>
      <c r="C4371" s="5" t="s">
        <v>4994</v>
      </c>
      <c r="D4371" s="1" t="s">
        <v>8908</v>
      </c>
      <c r="E4371" s="5" t="s">
        <v>13851</v>
      </c>
      <c r="F4371" s="6">
        <v>2501</v>
      </c>
    </row>
    <row r="4372" spans="1:6" x14ac:dyDescent="0.25">
      <c r="A4372" s="4" t="s">
        <v>1</v>
      </c>
      <c r="B4372" s="1" t="s">
        <v>3144</v>
      </c>
      <c r="C4372" s="5" t="s">
        <v>3269</v>
      </c>
      <c r="D4372" s="1" t="s">
        <v>9097</v>
      </c>
      <c r="E4372" s="5" t="s">
        <v>14209</v>
      </c>
      <c r="F4372" s="6">
        <v>2869</v>
      </c>
    </row>
    <row r="4373" spans="1:6" x14ac:dyDescent="0.25">
      <c r="A4373" s="4" t="s">
        <v>1</v>
      </c>
      <c r="B4373" s="1" t="s">
        <v>3144</v>
      </c>
      <c r="C4373" s="5" t="s">
        <v>5498</v>
      </c>
      <c r="D4373" s="1" t="s">
        <v>9162</v>
      </c>
      <c r="E4373" s="5" t="s">
        <v>14513</v>
      </c>
      <c r="F4373" s="6">
        <v>3200</v>
      </c>
    </row>
    <row r="4374" spans="1:6" x14ac:dyDescent="0.25">
      <c r="A4374" s="4" t="s">
        <v>1</v>
      </c>
      <c r="B4374" s="1" t="s">
        <v>3144</v>
      </c>
      <c r="C4374" s="5" t="s">
        <v>3208</v>
      </c>
      <c r="D4374" s="1" t="s">
        <v>9208</v>
      </c>
      <c r="E4374" s="5" t="s">
        <v>14656</v>
      </c>
      <c r="F4374" s="6">
        <v>3354</v>
      </c>
    </row>
    <row r="4375" spans="1:6" x14ac:dyDescent="0.25">
      <c r="A4375" s="4" t="s">
        <v>1</v>
      </c>
      <c r="B4375" s="1" t="s">
        <v>3144</v>
      </c>
      <c r="C4375" s="5" t="s">
        <v>3726</v>
      </c>
      <c r="D4375" s="1" t="s">
        <v>9468</v>
      </c>
      <c r="E4375" s="5" t="s">
        <v>15241</v>
      </c>
      <c r="F4375" s="6">
        <v>3976</v>
      </c>
    </row>
    <row r="4376" spans="1:6" x14ac:dyDescent="0.25">
      <c r="A4376" s="4" t="s">
        <v>1</v>
      </c>
      <c r="B4376" s="1" t="s">
        <v>3144</v>
      </c>
      <c r="C4376" s="5" t="s">
        <v>3931</v>
      </c>
      <c r="D4376" s="1" t="s">
        <v>9660</v>
      </c>
      <c r="E4376" s="5" t="s">
        <v>15533</v>
      </c>
      <c r="F4376" s="6">
        <v>4272</v>
      </c>
    </row>
    <row r="4377" spans="1:6" x14ac:dyDescent="0.25">
      <c r="A4377" s="4" t="s">
        <v>1</v>
      </c>
      <c r="B4377" s="1" t="s">
        <v>3144</v>
      </c>
      <c r="C4377" s="5" t="s">
        <v>3949</v>
      </c>
      <c r="D4377" s="1" t="s">
        <v>9764</v>
      </c>
      <c r="E4377" s="5" t="s">
        <v>15670</v>
      </c>
      <c r="F4377" s="6">
        <v>4417</v>
      </c>
    </row>
    <row r="4378" spans="1:6" x14ac:dyDescent="0.25">
      <c r="A4378" s="4" t="s">
        <v>1</v>
      </c>
      <c r="B4378" s="1" t="s">
        <v>3144</v>
      </c>
      <c r="C4378" s="5" t="s">
        <v>3442</v>
      </c>
      <c r="D4378" s="1" t="s">
        <v>9852</v>
      </c>
      <c r="E4378" s="5" t="s">
        <v>15779</v>
      </c>
      <c r="F4378" s="6">
        <v>4685</v>
      </c>
    </row>
    <row r="4379" spans="1:6" x14ac:dyDescent="0.25">
      <c r="A4379" s="4" t="s">
        <v>1</v>
      </c>
      <c r="B4379" s="1" t="s">
        <v>3144</v>
      </c>
      <c r="C4379" s="5" t="s">
        <v>4994</v>
      </c>
      <c r="D4379" s="1" t="s">
        <v>10024</v>
      </c>
      <c r="E4379" s="5" t="s">
        <v>16004</v>
      </c>
      <c r="F4379" s="6">
        <v>4951</v>
      </c>
    </row>
    <row r="4380" spans="1:6" x14ac:dyDescent="0.25">
      <c r="A4380" s="4" t="s">
        <v>1</v>
      </c>
      <c r="B4380" s="1" t="s">
        <v>3144</v>
      </c>
      <c r="C4380" s="5" t="s">
        <v>6585</v>
      </c>
      <c r="D4380" s="1" t="s">
        <v>10365</v>
      </c>
      <c r="E4380" s="5" t="s">
        <v>16485</v>
      </c>
      <c r="F4380" s="6">
        <v>6031</v>
      </c>
    </row>
    <row r="4381" spans="1:6" x14ac:dyDescent="0.25">
      <c r="A4381" s="4" t="s">
        <v>1</v>
      </c>
      <c r="B4381" s="1" t="s">
        <v>3144</v>
      </c>
      <c r="C4381" s="5" t="s">
        <v>6659</v>
      </c>
      <c r="D4381" s="1" t="s">
        <v>10473</v>
      </c>
      <c r="E4381" s="5" t="s">
        <v>16633</v>
      </c>
      <c r="F4381" s="6">
        <v>6432</v>
      </c>
    </row>
    <row r="4382" spans="1:6" x14ac:dyDescent="0.25">
      <c r="A4382" s="4" t="s">
        <v>1</v>
      </c>
      <c r="B4382" s="1" t="s">
        <v>3144</v>
      </c>
      <c r="C4382" s="5" t="s">
        <v>4029</v>
      </c>
      <c r="D4382" s="1" t="s">
        <v>10495</v>
      </c>
      <c r="E4382" s="5" t="s">
        <v>16660</v>
      </c>
      <c r="F4382" s="6">
        <v>6502</v>
      </c>
    </row>
    <row r="4383" spans="1:6" x14ac:dyDescent="0.25">
      <c r="A4383" s="4" t="s">
        <v>1</v>
      </c>
      <c r="B4383" s="1" t="s">
        <v>3144</v>
      </c>
      <c r="C4383" s="5" t="s">
        <v>3290</v>
      </c>
      <c r="D4383" s="1" t="s">
        <v>10682</v>
      </c>
      <c r="E4383" s="5" t="s">
        <v>16905</v>
      </c>
      <c r="F4383" s="6">
        <v>7217</v>
      </c>
    </row>
    <row r="4384" spans="1:6" x14ac:dyDescent="0.25">
      <c r="A4384" s="4" t="s">
        <v>1</v>
      </c>
      <c r="B4384" s="1" t="s">
        <v>3144</v>
      </c>
      <c r="C4384" s="5">
        <v>400086</v>
      </c>
      <c r="D4384" s="1" t="s">
        <v>10731</v>
      </c>
      <c r="E4384" s="5" t="s">
        <v>16967</v>
      </c>
      <c r="F4384" s="6">
        <v>7435</v>
      </c>
    </row>
    <row r="4385" spans="1:6" x14ac:dyDescent="0.25">
      <c r="A4385" s="4" t="s">
        <v>1</v>
      </c>
      <c r="B4385" s="1" t="s">
        <v>3144</v>
      </c>
      <c r="C4385" s="5" t="s">
        <v>3839</v>
      </c>
      <c r="D4385" s="1" t="s">
        <v>10738</v>
      </c>
      <c r="E4385" s="5" t="s">
        <v>16976</v>
      </c>
      <c r="F4385" s="6">
        <v>7453</v>
      </c>
    </row>
    <row r="4386" spans="1:6" x14ac:dyDescent="0.25">
      <c r="A4386" s="4" t="s">
        <v>1</v>
      </c>
      <c r="B4386" s="1" t="s">
        <v>3144</v>
      </c>
      <c r="C4386" s="5">
        <v>400012</v>
      </c>
      <c r="D4386" s="1" t="s">
        <v>10746</v>
      </c>
      <c r="E4386" s="5" t="s">
        <v>16993</v>
      </c>
      <c r="F4386" s="6">
        <v>7521</v>
      </c>
    </row>
    <row r="4387" spans="1:6" x14ac:dyDescent="0.25">
      <c r="A4387" s="4" t="s">
        <v>1</v>
      </c>
      <c r="B4387" s="1" t="s">
        <v>3144</v>
      </c>
      <c r="C4387" s="5" t="s">
        <v>5498</v>
      </c>
      <c r="D4387" s="1" t="s">
        <v>10796</v>
      </c>
      <c r="E4387" s="5" t="s">
        <v>17059</v>
      </c>
      <c r="F4387" s="6">
        <v>7707</v>
      </c>
    </row>
    <row r="4388" spans="1:6" x14ac:dyDescent="0.25">
      <c r="A4388" s="4" t="s">
        <v>1</v>
      </c>
      <c r="B4388" s="1" t="s">
        <v>3144</v>
      </c>
      <c r="C4388" s="5" t="s">
        <v>3542</v>
      </c>
      <c r="D4388" s="1" t="s">
        <v>10814</v>
      </c>
      <c r="E4388" s="5" t="s">
        <v>17084</v>
      </c>
      <c r="F4388" s="6">
        <v>7811</v>
      </c>
    </row>
    <row r="4389" spans="1:6" x14ac:dyDescent="0.25">
      <c r="A4389" s="4" t="s">
        <v>1</v>
      </c>
      <c r="B4389" s="1" t="s">
        <v>3144</v>
      </c>
      <c r="C4389" s="5" t="s">
        <v>4185</v>
      </c>
      <c r="D4389" s="1" t="s">
        <v>10911</v>
      </c>
      <c r="E4389" s="5" t="s">
        <v>17200</v>
      </c>
      <c r="F4389" s="6">
        <v>8177</v>
      </c>
    </row>
    <row r="4390" spans="1:6" x14ac:dyDescent="0.25">
      <c r="A4390" s="4" t="s">
        <v>1</v>
      </c>
      <c r="B4390" s="1" t="s">
        <v>3144</v>
      </c>
      <c r="C4390" s="5" t="s">
        <v>4412</v>
      </c>
      <c r="D4390" s="1" t="s">
        <v>10912</v>
      </c>
      <c r="E4390" s="5" t="s">
        <v>17201</v>
      </c>
      <c r="F4390" s="6">
        <v>8180</v>
      </c>
    </row>
    <row r="4391" spans="1:6" x14ac:dyDescent="0.25">
      <c r="A4391" s="4" t="s">
        <v>1</v>
      </c>
      <c r="B4391" s="1" t="s">
        <v>3144</v>
      </c>
      <c r="C4391" s="5">
        <v>400026</v>
      </c>
      <c r="D4391" s="1" t="s">
        <v>10988</v>
      </c>
      <c r="E4391" s="5" t="s">
        <v>17298</v>
      </c>
      <c r="F4391" s="6">
        <v>8590</v>
      </c>
    </row>
    <row r="4392" spans="1:6" x14ac:dyDescent="0.25">
      <c r="A4392" s="4" t="s">
        <v>1</v>
      </c>
      <c r="B4392" s="1" t="s">
        <v>3144</v>
      </c>
      <c r="C4392" s="5" t="s">
        <v>6967</v>
      </c>
      <c r="D4392" s="1" t="s">
        <v>11022</v>
      </c>
      <c r="E4392" s="5" t="s">
        <v>17342</v>
      </c>
      <c r="F4392" s="6">
        <v>8820</v>
      </c>
    </row>
    <row r="4393" spans="1:6" x14ac:dyDescent="0.25">
      <c r="A4393" s="4" t="s">
        <v>1</v>
      </c>
      <c r="B4393" s="1" t="s">
        <v>3144</v>
      </c>
      <c r="C4393" s="5">
        <v>400068</v>
      </c>
      <c r="D4393" s="1" t="s">
        <v>11027</v>
      </c>
      <c r="E4393" s="5" t="s">
        <v>17351</v>
      </c>
      <c r="F4393" s="6">
        <v>8861</v>
      </c>
    </row>
    <row r="4394" spans="1:6" x14ac:dyDescent="0.25">
      <c r="A4394" s="4" t="s">
        <v>1</v>
      </c>
      <c r="B4394" s="1" t="s">
        <v>3144</v>
      </c>
      <c r="C4394" s="5" t="s">
        <v>7008</v>
      </c>
      <c r="D4394" s="1" t="s">
        <v>11087</v>
      </c>
      <c r="E4394" s="5" t="s">
        <v>17431</v>
      </c>
      <c r="F4394" s="6">
        <v>9040</v>
      </c>
    </row>
    <row r="4395" spans="1:6" x14ac:dyDescent="0.25">
      <c r="A4395" s="4" t="s">
        <v>1</v>
      </c>
      <c r="B4395" s="1" t="s">
        <v>3144</v>
      </c>
      <c r="C4395" s="5" t="s">
        <v>3392</v>
      </c>
      <c r="D4395" s="1" t="s">
        <v>11310</v>
      </c>
      <c r="E4395" s="5" t="s">
        <v>17731</v>
      </c>
      <c r="F4395" s="6">
        <v>9353</v>
      </c>
    </row>
    <row r="4396" spans="1:6" x14ac:dyDescent="0.25">
      <c r="A4396" s="4" t="s">
        <v>1</v>
      </c>
      <c r="B4396" s="1" t="s">
        <v>3144</v>
      </c>
      <c r="C4396" s="5" t="s">
        <v>3641</v>
      </c>
      <c r="D4396" s="1" t="s">
        <v>11314</v>
      </c>
      <c r="E4396" s="5" t="s">
        <v>17736</v>
      </c>
      <c r="F4396" s="6">
        <v>9358</v>
      </c>
    </row>
    <row r="4397" spans="1:6" x14ac:dyDescent="0.25">
      <c r="A4397" s="4" t="s">
        <v>1</v>
      </c>
      <c r="B4397" s="1" t="s">
        <v>3144</v>
      </c>
      <c r="C4397" s="5" t="s">
        <v>4185</v>
      </c>
      <c r="D4397" s="1" t="s">
        <v>11325</v>
      </c>
      <c r="E4397" s="5" t="s">
        <v>17747</v>
      </c>
      <c r="F4397" s="6">
        <v>9369</v>
      </c>
    </row>
    <row r="4398" spans="1:6" x14ac:dyDescent="0.25">
      <c r="A4398" s="4" t="s">
        <v>1</v>
      </c>
      <c r="B4398" s="1" t="s">
        <v>3144</v>
      </c>
      <c r="C4398" s="5" t="s">
        <v>3240</v>
      </c>
      <c r="D4398" s="1" t="s">
        <v>11329</v>
      </c>
      <c r="E4398" s="5" t="s">
        <v>17751</v>
      </c>
      <c r="F4398" s="6">
        <v>9373</v>
      </c>
    </row>
    <row r="4399" spans="1:6" x14ac:dyDescent="0.25">
      <c r="A4399" s="4" t="s">
        <v>1</v>
      </c>
      <c r="B4399" s="1" t="s">
        <v>3144</v>
      </c>
      <c r="C4399" s="5" t="s">
        <v>3470</v>
      </c>
      <c r="D4399" s="1" t="s">
        <v>11406</v>
      </c>
      <c r="E4399" s="5" t="s">
        <v>17834</v>
      </c>
      <c r="F4399" s="6">
        <v>9460</v>
      </c>
    </row>
    <row r="4400" spans="1:6" x14ac:dyDescent="0.25">
      <c r="A4400" s="4" t="s">
        <v>1</v>
      </c>
      <c r="B4400" s="1" t="s">
        <v>3144</v>
      </c>
      <c r="C4400" s="5" t="s">
        <v>3208</v>
      </c>
      <c r="D4400" s="1" t="s">
        <v>11440</v>
      </c>
      <c r="E4400" s="5" t="s">
        <v>17873</v>
      </c>
      <c r="F4400" s="6">
        <v>9502</v>
      </c>
    </row>
    <row r="4401" spans="1:6" x14ac:dyDescent="0.25">
      <c r="A4401" s="4" t="s">
        <v>1</v>
      </c>
      <c r="B4401" s="1" t="s">
        <v>3144</v>
      </c>
      <c r="C4401" s="5" t="s">
        <v>3931</v>
      </c>
      <c r="D4401" s="1" t="s">
        <v>11449</v>
      </c>
      <c r="E4401" s="5" t="s">
        <v>17882</v>
      </c>
      <c r="F4401" s="6">
        <v>9511</v>
      </c>
    </row>
    <row r="4402" spans="1:6" x14ac:dyDescent="0.25">
      <c r="A4402" s="4" t="s">
        <v>1</v>
      </c>
      <c r="B4402" s="1" t="s">
        <v>3144</v>
      </c>
      <c r="C4402" s="5" t="s">
        <v>3294</v>
      </c>
      <c r="D4402" s="1" t="s">
        <v>11461</v>
      </c>
      <c r="E4402" s="5" t="s">
        <v>17896</v>
      </c>
      <c r="F4402" s="6">
        <v>9525</v>
      </c>
    </row>
    <row r="4403" spans="1:6" x14ac:dyDescent="0.25">
      <c r="A4403" s="4" t="s">
        <v>3113</v>
      </c>
      <c r="B4403" s="1" t="s">
        <v>3144</v>
      </c>
      <c r="C4403" s="5" t="s">
        <v>3838</v>
      </c>
      <c r="D4403" s="1" t="s">
        <v>11500</v>
      </c>
      <c r="E4403" s="5" t="s">
        <v>17963</v>
      </c>
      <c r="F4403" s="6">
        <v>9595</v>
      </c>
    </row>
    <row r="4404" spans="1:6" x14ac:dyDescent="0.25">
      <c r="A4404" s="4" t="s">
        <v>705</v>
      </c>
      <c r="B4404" s="1" t="s">
        <v>3144</v>
      </c>
      <c r="C4404" s="5" t="s">
        <v>4415</v>
      </c>
      <c r="D4404" s="1" t="s">
        <v>8630</v>
      </c>
      <c r="E4404" s="5" t="s">
        <v>13170</v>
      </c>
      <c r="F4404" s="6">
        <v>1803</v>
      </c>
    </row>
    <row r="4405" spans="1:6" x14ac:dyDescent="0.25">
      <c r="A4405" s="4" t="s">
        <v>1891</v>
      </c>
      <c r="B4405" s="1" t="s">
        <v>3154</v>
      </c>
      <c r="C4405" s="5" t="s">
        <v>5644</v>
      </c>
      <c r="D4405" s="1" t="s">
        <v>1891</v>
      </c>
      <c r="E4405" s="5" t="s">
        <v>14724</v>
      </c>
      <c r="F4405" s="6">
        <v>3432</v>
      </c>
    </row>
    <row r="4406" spans="1:6" x14ac:dyDescent="0.25">
      <c r="A4406" s="4" t="s">
        <v>1865</v>
      </c>
      <c r="B4406" s="1" t="s">
        <v>3156</v>
      </c>
      <c r="C4406" s="5">
        <v>335526</v>
      </c>
      <c r="D4406" s="1" t="s">
        <v>1865</v>
      </c>
      <c r="E4406" s="5" t="s">
        <v>14696</v>
      </c>
      <c r="F4406" s="6">
        <v>3401</v>
      </c>
    </row>
    <row r="4407" spans="1:6" x14ac:dyDescent="0.25">
      <c r="A4407" s="4" t="s">
        <v>2011</v>
      </c>
      <c r="B4407" s="1" t="s">
        <v>3160</v>
      </c>
      <c r="C4407" s="5" t="s">
        <v>5711</v>
      </c>
      <c r="D4407" s="1" t="s">
        <v>2011</v>
      </c>
      <c r="E4407" s="5" t="s">
        <v>14849</v>
      </c>
      <c r="F4407" s="6">
        <v>3562</v>
      </c>
    </row>
    <row r="4408" spans="1:6" x14ac:dyDescent="0.25">
      <c r="A4408" s="4" t="s">
        <v>239</v>
      </c>
      <c r="B4408" s="1" t="s">
        <v>3147</v>
      </c>
      <c r="C4408" s="5" t="s">
        <v>3658</v>
      </c>
      <c r="D4408" s="1" t="s">
        <v>7812</v>
      </c>
      <c r="E4408" s="5" t="s">
        <v>12115</v>
      </c>
      <c r="F4408" s="6">
        <v>577</v>
      </c>
    </row>
    <row r="4409" spans="1:6" x14ac:dyDescent="0.25">
      <c r="A4409" s="4" t="s">
        <v>927</v>
      </c>
      <c r="B4409" s="1" t="s">
        <v>3161</v>
      </c>
      <c r="C4409" s="5" t="s">
        <v>4675</v>
      </c>
      <c r="D4409" s="1" t="s">
        <v>927</v>
      </c>
      <c r="E4409" s="5" t="s">
        <v>13493</v>
      </c>
      <c r="F4409" s="6">
        <v>2131</v>
      </c>
    </row>
    <row r="4410" spans="1:6" x14ac:dyDescent="0.25">
      <c r="A4410" s="4" t="s">
        <v>1345</v>
      </c>
      <c r="B4410" s="1" t="s">
        <v>812</v>
      </c>
      <c r="C4410" s="5" t="s">
        <v>5137</v>
      </c>
      <c r="D4410" s="1" t="s">
        <v>1345</v>
      </c>
      <c r="E4410" s="5" t="s">
        <v>14030</v>
      </c>
      <c r="F4410" s="6">
        <v>2684</v>
      </c>
    </row>
    <row r="4411" spans="1:6" x14ac:dyDescent="0.25">
      <c r="A4411" s="4" t="s">
        <v>1646</v>
      </c>
      <c r="B4411" s="1" t="s">
        <v>3151</v>
      </c>
      <c r="C4411" s="5" t="s">
        <v>4820</v>
      </c>
      <c r="D4411" s="1" t="s">
        <v>1646</v>
      </c>
      <c r="E4411" s="5" t="s">
        <v>14435</v>
      </c>
      <c r="F4411" s="6">
        <v>3118</v>
      </c>
    </row>
    <row r="4412" spans="1:6" x14ac:dyDescent="0.25">
      <c r="A4412" s="4" t="s">
        <v>2045</v>
      </c>
      <c r="B4412" s="1" t="s">
        <v>3153</v>
      </c>
      <c r="C4412" s="5" t="s">
        <v>3899</v>
      </c>
      <c r="D4412" s="1" t="s">
        <v>9237</v>
      </c>
      <c r="E4412" s="5" t="s">
        <v>14885</v>
      </c>
      <c r="F4412" s="6">
        <v>3602</v>
      </c>
    </row>
    <row r="4413" spans="1:6" x14ac:dyDescent="0.25">
      <c r="A4413" s="4" t="s">
        <v>1300</v>
      </c>
      <c r="B4413" s="1" t="s">
        <v>3158</v>
      </c>
      <c r="C4413" s="5" t="s">
        <v>5087</v>
      </c>
      <c r="D4413" s="1" t="s">
        <v>1300</v>
      </c>
      <c r="E4413" s="5" t="s">
        <v>13970</v>
      </c>
      <c r="F4413" s="6">
        <v>2622</v>
      </c>
    </row>
    <row r="4414" spans="1:6" x14ac:dyDescent="0.25">
      <c r="A4414" s="4" t="s">
        <v>1251</v>
      </c>
      <c r="B4414" s="1" t="s">
        <v>3144</v>
      </c>
      <c r="C4414" s="5" t="s">
        <v>5026</v>
      </c>
      <c r="D4414" s="1" t="s">
        <v>1251</v>
      </c>
      <c r="E4414" s="5" t="s">
        <v>13894</v>
      </c>
      <c r="F4414" s="6">
        <v>2545</v>
      </c>
    </row>
    <row r="4415" spans="1:6" x14ac:dyDescent="0.25">
      <c r="A4415" s="4" t="s">
        <v>2579</v>
      </c>
      <c r="B4415" s="1" t="s">
        <v>1147</v>
      </c>
      <c r="C4415" s="5" t="s">
        <v>6487</v>
      </c>
      <c r="D4415" s="1" t="s">
        <v>10242</v>
      </c>
      <c r="E4415" s="5" t="s">
        <v>16297</v>
      </c>
      <c r="F4415" s="6">
        <v>5597</v>
      </c>
    </row>
    <row r="4416" spans="1:6" x14ac:dyDescent="0.25">
      <c r="A4416" s="4" t="s">
        <v>1541</v>
      </c>
      <c r="B4416" s="1" t="s">
        <v>3144</v>
      </c>
      <c r="C4416" s="5" t="s">
        <v>5360</v>
      </c>
      <c r="D4416" s="1" t="s">
        <v>1541</v>
      </c>
      <c r="E4416" s="5" t="s">
        <v>14322</v>
      </c>
      <c r="F4416" s="6">
        <v>2984</v>
      </c>
    </row>
    <row r="4417" spans="1:6" x14ac:dyDescent="0.25">
      <c r="A4417" s="4" t="s">
        <v>2539</v>
      </c>
      <c r="B4417" s="1" t="s">
        <v>3146</v>
      </c>
      <c r="C4417" s="5" t="s">
        <v>6444</v>
      </c>
      <c r="D4417" s="1" t="s">
        <v>2539</v>
      </c>
      <c r="E4417" s="5" t="s">
        <v>16230</v>
      </c>
      <c r="F4417" s="6">
        <v>5441</v>
      </c>
    </row>
    <row r="4418" spans="1:6" x14ac:dyDescent="0.25">
      <c r="A4418" s="4" t="s">
        <v>1392</v>
      </c>
      <c r="B4418" s="1" t="s">
        <v>3162</v>
      </c>
      <c r="C4418" s="5" t="s">
        <v>5192</v>
      </c>
      <c r="D4418" s="1" t="s">
        <v>1392</v>
      </c>
      <c r="E4418" s="5" t="s">
        <v>14114</v>
      </c>
      <c r="F4418" s="6">
        <v>2771</v>
      </c>
    </row>
    <row r="4419" spans="1:6" x14ac:dyDescent="0.25">
      <c r="A4419" s="4" t="s">
        <v>1481</v>
      </c>
      <c r="B4419" s="1" t="s">
        <v>3154</v>
      </c>
      <c r="C4419" s="5" t="s">
        <v>5298</v>
      </c>
      <c r="D4419" s="1" t="s">
        <v>9108</v>
      </c>
      <c r="E4419" s="5" t="s">
        <v>14254</v>
      </c>
      <c r="F4419" s="6">
        <v>2915</v>
      </c>
    </row>
    <row r="4420" spans="1:6" x14ac:dyDescent="0.25">
      <c r="A4420" s="4" t="s">
        <v>551</v>
      </c>
      <c r="B4420" s="1" t="s">
        <v>3150</v>
      </c>
      <c r="C4420" s="5" t="s">
        <v>4197</v>
      </c>
      <c r="D4420" s="1" t="s">
        <v>551</v>
      </c>
      <c r="E4420" s="5" t="s">
        <v>12885</v>
      </c>
      <c r="F4420" s="6">
        <v>1486</v>
      </c>
    </row>
    <row r="4421" spans="1:6" x14ac:dyDescent="0.25">
      <c r="A4421" s="4" t="s">
        <v>551</v>
      </c>
      <c r="B4421" s="1" t="s">
        <v>3150</v>
      </c>
      <c r="C4421" s="5" t="s">
        <v>6458</v>
      </c>
      <c r="D4421" s="1" t="s">
        <v>10224</v>
      </c>
      <c r="E4421" s="5" t="s">
        <v>16258</v>
      </c>
      <c r="F4421" s="6">
        <v>5503</v>
      </c>
    </row>
    <row r="4422" spans="1:6" x14ac:dyDescent="0.25">
      <c r="A4422" s="4" t="s">
        <v>191</v>
      </c>
      <c r="B4422" s="1" t="s">
        <v>3158</v>
      </c>
      <c r="C4422" s="5" t="s">
        <v>3522</v>
      </c>
      <c r="D4422" s="1" t="s">
        <v>7658</v>
      </c>
      <c r="E4422" s="5" t="s">
        <v>11948</v>
      </c>
      <c r="F4422" s="6">
        <v>381</v>
      </c>
    </row>
    <row r="4423" spans="1:6" x14ac:dyDescent="0.25">
      <c r="A4423" s="4" t="s">
        <v>191</v>
      </c>
      <c r="B4423" s="1" t="s">
        <v>3158</v>
      </c>
      <c r="C4423" s="5" t="s">
        <v>3522</v>
      </c>
      <c r="D4423" s="1" t="s">
        <v>9720</v>
      </c>
      <c r="E4423" s="5" t="s">
        <v>15616</v>
      </c>
      <c r="F4423" s="6">
        <v>4358</v>
      </c>
    </row>
    <row r="4424" spans="1:6" x14ac:dyDescent="0.25">
      <c r="A4424" s="4" t="s">
        <v>191</v>
      </c>
      <c r="B4424" s="1" t="s">
        <v>3158</v>
      </c>
      <c r="C4424" s="5" t="s">
        <v>6203</v>
      </c>
      <c r="D4424" s="1" t="s">
        <v>9809</v>
      </c>
      <c r="E4424" s="5" t="s">
        <v>15727</v>
      </c>
      <c r="F4424" s="6">
        <v>4496</v>
      </c>
    </row>
    <row r="4425" spans="1:6" x14ac:dyDescent="0.25">
      <c r="A4425" s="4" t="s">
        <v>191</v>
      </c>
      <c r="B4425" s="1" t="s">
        <v>3158</v>
      </c>
      <c r="C4425" s="5" t="s">
        <v>3522</v>
      </c>
      <c r="D4425" s="1" t="s">
        <v>11347</v>
      </c>
      <c r="E4425" s="5" t="s">
        <v>17770</v>
      </c>
      <c r="F4425" s="6">
        <v>9392</v>
      </c>
    </row>
    <row r="4426" spans="1:6" x14ac:dyDescent="0.25">
      <c r="A4426" s="4" t="s">
        <v>176</v>
      </c>
      <c r="B4426" s="1" t="s">
        <v>812</v>
      </c>
      <c r="C4426" s="5" t="s">
        <v>3489</v>
      </c>
      <c r="D4426" s="1" t="s">
        <v>7622</v>
      </c>
      <c r="E4426" s="5" t="s">
        <v>11911</v>
      </c>
      <c r="F4426" s="6">
        <v>344</v>
      </c>
    </row>
    <row r="4427" spans="1:6" x14ac:dyDescent="0.25">
      <c r="A4427" s="4" t="s">
        <v>176</v>
      </c>
      <c r="B4427" s="1" t="s">
        <v>812</v>
      </c>
      <c r="C4427" s="5" t="s">
        <v>3489</v>
      </c>
      <c r="D4427" s="1" t="s">
        <v>9017</v>
      </c>
      <c r="E4427" s="5" t="s">
        <v>14071</v>
      </c>
      <c r="F4427" s="6">
        <v>2726</v>
      </c>
    </row>
    <row r="4428" spans="1:6" x14ac:dyDescent="0.25">
      <c r="A4428" s="4" t="s">
        <v>176</v>
      </c>
      <c r="B4428" s="1" t="s">
        <v>812</v>
      </c>
      <c r="C4428" s="5" t="s">
        <v>5782</v>
      </c>
      <c r="D4428" s="1" t="s">
        <v>9305</v>
      </c>
      <c r="E4428" s="5" t="s">
        <v>14991</v>
      </c>
      <c r="F4428" s="6">
        <v>3716</v>
      </c>
    </row>
    <row r="4429" spans="1:6" x14ac:dyDescent="0.25">
      <c r="A4429" s="4" t="s">
        <v>176</v>
      </c>
      <c r="B4429" s="1" t="s">
        <v>812</v>
      </c>
      <c r="C4429" s="5" t="s">
        <v>5964</v>
      </c>
      <c r="D4429" s="1" t="s">
        <v>9531</v>
      </c>
      <c r="E4429" s="5" t="s">
        <v>15335</v>
      </c>
      <c r="F4429" s="6">
        <v>4072</v>
      </c>
    </row>
    <row r="4430" spans="1:6" x14ac:dyDescent="0.25">
      <c r="A4430" s="4" t="s">
        <v>176</v>
      </c>
      <c r="B4430" s="1" t="s">
        <v>812</v>
      </c>
      <c r="C4430" s="5" t="s">
        <v>5964</v>
      </c>
      <c r="D4430" s="1" t="s">
        <v>11081</v>
      </c>
      <c r="E4430" s="5" t="s">
        <v>17423</v>
      </c>
      <c r="F4430" s="6">
        <v>9031</v>
      </c>
    </row>
    <row r="4431" spans="1:6" x14ac:dyDescent="0.25">
      <c r="A4431" s="4" t="s">
        <v>176</v>
      </c>
      <c r="B4431" s="1" t="s">
        <v>812</v>
      </c>
      <c r="C4431" s="5" t="s">
        <v>3489</v>
      </c>
      <c r="D4431" s="1" t="s">
        <v>11302</v>
      </c>
      <c r="E4431" s="5" t="s">
        <v>17717</v>
      </c>
      <c r="F4431" s="6">
        <v>9339</v>
      </c>
    </row>
    <row r="4432" spans="1:6" x14ac:dyDescent="0.25">
      <c r="A4432" s="4" t="s">
        <v>2804</v>
      </c>
      <c r="B4432" s="1" t="s">
        <v>3155</v>
      </c>
      <c r="C4432" s="5" t="s">
        <v>6792</v>
      </c>
      <c r="D4432" s="1" t="s">
        <v>2804</v>
      </c>
      <c r="E4432" s="5" t="s">
        <v>16892</v>
      </c>
      <c r="F4432" s="6">
        <v>7189</v>
      </c>
    </row>
    <row r="4433" spans="1:6" x14ac:dyDescent="0.25">
      <c r="A4433" s="4" t="s">
        <v>37</v>
      </c>
      <c r="B4433" s="1" t="s">
        <v>3149</v>
      </c>
      <c r="C4433" s="5" t="s">
        <v>3257</v>
      </c>
      <c r="D4433" s="1" t="s">
        <v>7382</v>
      </c>
      <c r="E4433" s="5" t="s">
        <v>11656</v>
      </c>
      <c r="F4433" s="6">
        <v>65</v>
      </c>
    </row>
    <row r="4434" spans="1:6" x14ac:dyDescent="0.25">
      <c r="A4434" s="4" t="s">
        <v>37</v>
      </c>
      <c r="B4434" s="1" t="s">
        <v>3149</v>
      </c>
      <c r="C4434" s="5" t="s">
        <v>4081</v>
      </c>
      <c r="D4434" s="1" t="s">
        <v>8268</v>
      </c>
      <c r="E4434" s="5" t="s">
        <v>12676</v>
      </c>
      <c r="F4434" s="6">
        <v>1272</v>
      </c>
    </row>
    <row r="4435" spans="1:6" x14ac:dyDescent="0.25">
      <c r="A4435" s="4" t="s">
        <v>37</v>
      </c>
      <c r="B4435" s="1" t="s">
        <v>3149</v>
      </c>
      <c r="C4435" s="5" t="s">
        <v>5042</v>
      </c>
      <c r="D4435" s="1" t="s">
        <v>8940</v>
      </c>
      <c r="E4435" s="5" t="s">
        <v>13916</v>
      </c>
      <c r="F4435" s="6">
        <v>2568</v>
      </c>
    </row>
    <row r="4436" spans="1:6" x14ac:dyDescent="0.25">
      <c r="A4436" s="4" t="s">
        <v>37</v>
      </c>
      <c r="B4436" s="1" t="s">
        <v>3149</v>
      </c>
      <c r="C4436" s="5" t="s">
        <v>5758</v>
      </c>
      <c r="D4436" s="1" t="s">
        <v>9271</v>
      </c>
      <c r="E4436" s="5" t="s">
        <v>14946</v>
      </c>
      <c r="F4436" s="6">
        <v>3668</v>
      </c>
    </row>
    <row r="4437" spans="1:6" x14ac:dyDescent="0.25">
      <c r="A4437" s="4" t="s">
        <v>37</v>
      </c>
      <c r="B4437" s="1" t="s">
        <v>3149</v>
      </c>
      <c r="C4437" s="5" t="s">
        <v>5790</v>
      </c>
      <c r="D4437" s="1" t="s">
        <v>9316</v>
      </c>
      <c r="E4437" s="5" t="s">
        <v>15006</v>
      </c>
      <c r="F4437" s="6">
        <v>3733</v>
      </c>
    </row>
    <row r="4438" spans="1:6" x14ac:dyDescent="0.25">
      <c r="A4438" s="4" t="s">
        <v>37</v>
      </c>
      <c r="B4438" s="1" t="s">
        <v>3149</v>
      </c>
      <c r="C4438" s="5" t="s">
        <v>6356</v>
      </c>
      <c r="D4438" s="1" t="s">
        <v>10042</v>
      </c>
      <c r="E4438" s="5" t="s">
        <v>16027</v>
      </c>
      <c r="F4438" s="6">
        <v>5015</v>
      </c>
    </row>
    <row r="4439" spans="1:6" x14ac:dyDescent="0.25">
      <c r="A4439" s="4" t="s">
        <v>37</v>
      </c>
      <c r="B4439" s="1" t="s">
        <v>3149</v>
      </c>
      <c r="C4439" s="5" t="s">
        <v>6664</v>
      </c>
      <c r="D4439" s="1" t="s">
        <v>10478</v>
      </c>
      <c r="E4439" s="5" t="s">
        <v>16639</v>
      </c>
      <c r="F4439" s="6">
        <v>6446</v>
      </c>
    </row>
    <row r="4440" spans="1:6" x14ac:dyDescent="0.25">
      <c r="A4440" s="4" t="s">
        <v>37</v>
      </c>
      <c r="B4440" s="1" t="s">
        <v>3149</v>
      </c>
      <c r="C4440" s="5" t="s">
        <v>6894</v>
      </c>
      <c r="D4440" s="1" t="s">
        <v>10880</v>
      </c>
      <c r="E4440" s="5" t="s">
        <v>17166</v>
      </c>
      <c r="F4440" s="6">
        <v>8105</v>
      </c>
    </row>
    <row r="4441" spans="1:6" x14ac:dyDescent="0.25">
      <c r="A4441" s="4" t="s">
        <v>37</v>
      </c>
      <c r="B4441" s="1" t="s">
        <v>3149</v>
      </c>
      <c r="C4441" s="5" t="s">
        <v>6923</v>
      </c>
      <c r="D4441" s="1" t="s">
        <v>10931</v>
      </c>
      <c r="E4441" s="5" t="s">
        <v>17225</v>
      </c>
      <c r="F4441" s="6">
        <v>8234</v>
      </c>
    </row>
    <row r="4442" spans="1:6" x14ac:dyDescent="0.25">
      <c r="A4442" s="4" t="s">
        <v>37</v>
      </c>
      <c r="B4442" s="1" t="s">
        <v>3149</v>
      </c>
      <c r="C4442" s="5" t="s">
        <v>7145</v>
      </c>
      <c r="D4442" s="1" t="s">
        <v>11260</v>
      </c>
      <c r="E4442" s="5" t="s">
        <v>17665</v>
      </c>
      <c r="F4442" s="6">
        <v>9283</v>
      </c>
    </row>
    <row r="4443" spans="1:6" x14ac:dyDescent="0.25">
      <c r="A4443" s="4" t="s">
        <v>37</v>
      </c>
      <c r="B4443" s="1" t="s">
        <v>3149</v>
      </c>
      <c r="C4443" s="5" t="s">
        <v>7196</v>
      </c>
      <c r="D4443" s="1" t="s">
        <v>11361</v>
      </c>
      <c r="E4443" s="5" t="s">
        <v>17785</v>
      </c>
      <c r="F4443" s="6">
        <v>9407</v>
      </c>
    </row>
    <row r="4444" spans="1:6" x14ac:dyDescent="0.25">
      <c r="A4444" s="4" t="s">
        <v>1222</v>
      </c>
      <c r="B4444" s="1" t="s">
        <v>3148</v>
      </c>
      <c r="C4444" s="5" t="s">
        <v>4987</v>
      </c>
      <c r="D4444" s="1" t="s">
        <v>1222</v>
      </c>
      <c r="E4444" s="5" t="s">
        <v>13841</v>
      </c>
      <c r="F4444" s="6">
        <v>2491</v>
      </c>
    </row>
    <row r="4445" spans="1:6" x14ac:dyDescent="0.25">
      <c r="A4445" s="4" t="s">
        <v>1513</v>
      </c>
      <c r="B4445" s="1" t="s">
        <v>3160</v>
      </c>
      <c r="C4445" s="5" t="s">
        <v>5332</v>
      </c>
      <c r="D4445" s="1" t="s">
        <v>1513</v>
      </c>
      <c r="E4445" s="5" t="s">
        <v>14291</v>
      </c>
      <c r="F4445" s="6">
        <v>2953</v>
      </c>
    </row>
    <row r="4446" spans="1:6" x14ac:dyDescent="0.25">
      <c r="A4446" s="4" t="s">
        <v>77</v>
      </c>
      <c r="B4446" s="1" t="s">
        <v>3152</v>
      </c>
      <c r="C4446" s="5" t="s">
        <v>3328</v>
      </c>
      <c r="D4446" s="1" t="s">
        <v>7455</v>
      </c>
      <c r="E4446" s="5" t="s">
        <v>11735</v>
      </c>
      <c r="F4446" s="6">
        <v>156</v>
      </c>
    </row>
    <row r="4447" spans="1:6" x14ac:dyDescent="0.25">
      <c r="A4447" s="4" t="s">
        <v>1456</v>
      </c>
      <c r="B4447" s="1" t="s">
        <v>3152</v>
      </c>
      <c r="C4447" s="5" t="s">
        <v>5270</v>
      </c>
      <c r="D4447" s="1" t="s">
        <v>1456</v>
      </c>
      <c r="E4447" s="5" t="s">
        <v>14226</v>
      </c>
      <c r="F4447" s="6">
        <v>2886</v>
      </c>
    </row>
    <row r="4448" spans="1:6" x14ac:dyDescent="0.25">
      <c r="A4448" s="4" t="s">
        <v>1108</v>
      </c>
      <c r="B4448" s="1" t="s">
        <v>3150</v>
      </c>
      <c r="C4448" s="5" t="s">
        <v>4849</v>
      </c>
      <c r="D4448" s="1" t="s">
        <v>1108</v>
      </c>
      <c r="E4448" s="5" t="s">
        <v>13679</v>
      </c>
      <c r="F4448" s="6">
        <v>2325</v>
      </c>
    </row>
    <row r="4449" spans="1:6" x14ac:dyDescent="0.25">
      <c r="A4449" s="4" t="s">
        <v>1499</v>
      </c>
      <c r="B4449" s="1" t="s">
        <v>3165</v>
      </c>
      <c r="C4449" s="5" t="s">
        <v>5317</v>
      </c>
      <c r="D4449" s="1" t="s">
        <v>1499</v>
      </c>
      <c r="E4449" s="5" t="s">
        <v>14275</v>
      </c>
      <c r="F4449" s="6">
        <v>2936</v>
      </c>
    </row>
    <row r="4450" spans="1:6" x14ac:dyDescent="0.25">
      <c r="A4450" s="4" t="s">
        <v>2537</v>
      </c>
      <c r="B4450" s="1" t="s">
        <v>3156</v>
      </c>
      <c r="C4450" s="5" t="s">
        <v>6440</v>
      </c>
      <c r="D4450" s="1" t="s">
        <v>2537</v>
      </c>
      <c r="E4450" s="5" t="s">
        <v>16221</v>
      </c>
      <c r="F4450" s="6">
        <v>5417</v>
      </c>
    </row>
    <row r="4451" spans="1:6" x14ac:dyDescent="0.25">
      <c r="A4451" s="4" t="s">
        <v>1904</v>
      </c>
      <c r="B4451" s="1" t="s">
        <v>3151</v>
      </c>
      <c r="C4451" s="5" t="s">
        <v>5424</v>
      </c>
      <c r="D4451" s="1" t="s">
        <v>1904</v>
      </c>
      <c r="E4451" s="5" t="s">
        <v>14737</v>
      </c>
      <c r="F4451" s="6">
        <v>3447</v>
      </c>
    </row>
    <row r="4452" spans="1:6" x14ac:dyDescent="0.25">
      <c r="A4452" s="4" t="s">
        <v>137</v>
      </c>
      <c r="B4452" s="1" t="s">
        <v>3147</v>
      </c>
      <c r="C4452" s="5" t="s">
        <v>3409</v>
      </c>
      <c r="D4452" s="1" t="s">
        <v>7536</v>
      </c>
      <c r="E4452" s="5" t="s">
        <v>11821</v>
      </c>
      <c r="F4452" s="6">
        <v>252</v>
      </c>
    </row>
    <row r="4453" spans="1:6" x14ac:dyDescent="0.25">
      <c r="A4453" s="4" t="s">
        <v>137</v>
      </c>
      <c r="B4453" s="1" t="s">
        <v>3147</v>
      </c>
      <c r="C4453" s="5" t="s">
        <v>5050</v>
      </c>
      <c r="D4453" s="1" t="s">
        <v>8949</v>
      </c>
      <c r="E4453" s="5" t="s">
        <v>13928</v>
      </c>
      <c r="F4453" s="6">
        <v>2580</v>
      </c>
    </row>
    <row r="4454" spans="1:6" x14ac:dyDescent="0.25">
      <c r="A4454" s="4" t="s">
        <v>137</v>
      </c>
      <c r="B4454" s="1" t="s">
        <v>3147</v>
      </c>
      <c r="C4454" s="5" t="s">
        <v>5050</v>
      </c>
      <c r="D4454" s="1" t="s">
        <v>9918</v>
      </c>
      <c r="E4454" s="5" t="s">
        <v>15861</v>
      </c>
      <c r="F4454" s="6">
        <v>4775</v>
      </c>
    </row>
    <row r="4455" spans="1:6" x14ac:dyDescent="0.25">
      <c r="A4455" s="4" t="s">
        <v>2501</v>
      </c>
      <c r="B4455" s="1" t="s">
        <v>3149</v>
      </c>
      <c r="C4455" s="5">
        <v>571432</v>
      </c>
      <c r="D4455" s="1" t="s">
        <v>10080</v>
      </c>
      <c r="E4455" s="5" t="s">
        <v>16077</v>
      </c>
      <c r="F4455" s="6">
        <v>5117</v>
      </c>
    </row>
    <row r="4456" spans="1:6" x14ac:dyDescent="0.25">
      <c r="A4456" s="4" t="s">
        <v>861</v>
      </c>
      <c r="B4456" s="1" t="s">
        <v>3164</v>
      </c>
      <c r="C4456" s="5" t="s">
        <v>4601</v>
      </c>
      <c r="D4456" s="1" t="s">
        <v>861</v>
      </c>
      <c r="E4456" s="5" t="s">
        <v>13403</v>
      </c>
      <c r="F4456" s="6">
        <v>2036</v>
      </c>
    </row>
    <row r="4457" spans="1:6" x14ac:dyDescent="0.25">
      <c r="A4457" s="4" t="s">
        <v>861</v>
      </c>
      <c r="B4457" s="1" t="s">
        <v>3164</v>
      </c>
      <c r="C4457" s="5" t="s">
        <v>7130</v>
      </c>
      <c r="D4457" s="1" t="s">
        <v>11236</v>
      </c>
      <c r="E4457" s="5" t="s">
        <v>17632</v>
      </c>
      <c r="F4457" s="6">
        <v>9250</v>
      </c>
    </row>
    <row r="4458" spans="1:6" x14ac:dyDescent="0.25">
      <c r="A4458" s="4" t="s">
        <v>741</v>
      </c>
      <c r="B4458" s="1" t="s">
        <v>3146</v>
      </c>
      <c r="C4458" s="5" t="s">
        <v>4455</v>
      </c>
      <c r="D4458" s="1" t="s">
        <v>741</v>
      </c>
      <c r="E4458" s="5" t="s">
        <v>13220</v>
      </c>
      <c r="F4458" s="6">
        <v>1853</v>
      </c>
    </row>
    <row r="4459" spans="1:6" x14ac:dyDescent="0.25">
      <c r="A4459" s="4" t="s">
        <v>862</v>
      </c>
      <c r="B4459" s="1" t="s">
        <v>3156</v>
      </c>
      <c r="C4459" s="5" t="s">
        <v>4602</v>
      </c>
      <c r="D4459" s="1" t="s">
        <v>862</v>
      </c>
      <c r="E4459" s="5" t="s">
        <v>13404</v>
      </c>
      <c r="F4459" s="6">
        <v>2037</v>
      </c>
    </row>
    <row r="4460" spans="1:6" x14ac:dyDescent="0.25">
      <c r="A4460" s="4" t="s">
        <v>862</v>
      </c>
      <c r="B4460" s="1" t="s">
        <v>3156</v>
      </c>
      <c r="C4460" s="5">
        <v>341001</v>
      </c>
      <c r="D4460" s="1" t="s">
        <v>11044</v>
      </c>
      <c r="E4460" s="5" t="s">
        <v>17371</v>
      </c>
      <c r="F4460" s="6">
        <v>8911</v>
      </c>
    </row>
    <row r="4461" spans="1:6" x14ac:dyDescent="0.25">
      <c r="A4461" s="4" t="s">
        <v>1197</v>
      </c>
      <c r="B4461" s="1" t="s">
        <v>3153</v>
      </c>
      <c r="C4461" s="5" t="s">
        <v>4950</v>
      </c>
      <c r="D4461" s="1" t="s">
        <v>8881</v>
      </c>
      <c r="E4461" s="5" t="s">
        <v>13799</v>
      </c>
      <c r="F4461" s="6">
        <v>2449</v>
      </c>
    </row>
    <row r="4462" spans="1:6" x14ac:dyDescent="0.25">
      <c r="A4462" s="4" t="s">
        <v>1634</v>
      </c>
      <c r="B4462" s="1" t="s">
        <v>3147</v>
      </c>
      <c r="C4462" s="5" t="s">
        <v>5442</v>
      </c>
      <c r="D4462" s="1" t="s">
        <v>1634</v>
      </c>
      <c r="E4462" s="5" t="s">
        <v>14422</v>
      </c>
      <c r="F4462" s="6">
        <v>3103</v>
      </c>
    </row>
    <row r="4463" spans="1:6" x14ac:dyDescent="0.25">
      <c r="A4463" s="4" t="s">
        <v>446</v>
      </c>
      <c r="B4463" s="1" t="s">
        <v>3146</v>
      </c>
      <c r="C4463" s="5" t="s">
        <v>3993</v>
      </c>
      <c r="D4463" s="1" t="s">
        <v>446</v>
      </c>
      <c r="E4463" s="5" t="s">
        <v>12536</v>
      </c>
      <c r="F4463" s="6">
        <v>1061</v>
      </c>
    </row>
    <row r="4464" spans="1:6" x14ac:dyDescent="0.25">
      <c r="A4464" s="4" t="s">
        <v>446</v>
      </c>
      <c r="B4464" s="1" t="s">
        <v>3146</v>
      </c>
      <c r="C4464" s="5" t="s">
        <v>4042</v>
      </c>
      <c r="D4464" s="1" t="s">
        <v>8202</v>
      </c>
      <c r="E4464" s="5" t="s">
        <v>12606</v>
      </c>
      <c r="F4464" s="6">
        <v>1177</v>
      </c>
    </row>
    <row r="4465" spans="1:6" x14ac:dyDescent="0.25">
      <c r="A4465" s="4" t="s">
        <v>446</v>
      </c>
      <c r="B4465" s="1" t="s">
        <v>3146</v>
      </c>
      <c r="C4465" s="5" t="s">
        <v>4042</v>
      </c>
      <c r="D4465" s="1" t="s">
        <v>9338</v>
      </c>
      <c r="E4465" s="5" t="s">
        <v>15047</v>
      </c>
      <c r="F4465" s="6">
        <v>3775</v>
      </c>
    </row>
    <row r="4466" spans="1:6" x14ac:dyDescent="0.25">
      <c r="A4466" s="4" t="s">
        <v>446</v>
      </c>
      <c r="B4466" s="1" t="s">
        <v>3146</v>
      </c>
      <c r="C4466" s="5" t="s">
        <v>3993</v>
      </c>
      <c r="D4466" s="1" t="s">
        <v>10156</v>
      </c>
      <c r="E4466" s="5" t="s">
        <v>16167</v>
      </c>
      <c r="F4466" s="6">
        <v>5287</v>
      </c>
    </row>
    <row r="4467" spans="1:6" x14ac:dyDescent="0.25">
      <c r="A4467" s="4" t="s">
        <v>446</v>
      </c>
      <c r="B4467" s="1" t="s">
        <v>3146</v>
      </c>
      <c r="C4467" s="5" t="s">
        <v>3993</v>
      </c>
      <c r="D4467" s="1" t="s">
        <v>11042</v>
      </c>
      <c r="E4467" s="5" t="s">
        <v>17369</v>
      </c>
      <c r="F4467" s="6">
        <v>8905</v>
      </c>
    </row>
    <row r="4468" spans="1:6" x14ac:dyDescent="0.25">
      <c r="A4468" s="4" t="s">
        <v>2312</v>
      </c>
      <c r="B4468" s="1" t="s">
        <v>3158</v>
      </c>
      <c r="C4468" s="5" t="s">
        <v>6077</v>
      </c>
      <c r="D4468" s="1" t="s">
        <v>2312</v>
      </c>
      <c r="E4468" s="5" t="s">
        <v>15506</v>
      </c>
      <c r="F4468" s="6">
        <v>4244</v>
      </c>
    </row>
    <row r="4469" spans="1:6" x14ac:dyDescent="0.25">
      <c r="A4469" s="4" t="s">
        <v>2860</v>
      </c>
      <c r="B4469" s="1" t="s">
        <v>3153</v>
      </c>
      <c r="C4469" s="5" t="s">
        <v>6866</v>
      </c>
      <c r="D4469" s="1" t="s">
        <v>10788</v>
      </c>
      <c r="E4469" s="5" t="s">
        <v>17049</v>
      </c>
      <c r="F4469" s="6">
        <v>7676</v>
      </c>
    </row>
    <row r="4470" spans="1:6" x14ac:dyDescent="0.25">
      <c r="A4470" s="4" t="s">
        <v>2628</v>
      </c>
      <c r="B4470" s="1" t="s">
        <v>3144</v>
      </c>
      <c r="C4470" s="5" t="s">
        <v>6541</v>
      </c>
      <c r="D4470" s="1" t="s">
        <v>2628</v>
      </c>
      <c r="E4470" s="5" t="s">
        <v>16395</v>
      </c>
      <c r="F4470" s="6">
        <v>5821</v>
      </c>
    </row>
    <row r="4471" spans="1:6" x14ac:dyDescent="0.25">
      <c r="A4471" s="4" t="s">
        <v>49</v>
      </c>
      <c r="B4471" s="1" t="s">
        <v>3144</v>
      </c>
      <c r="C4471" s="5" t="s">
        <v>3280</v>
      </c>
      <c r="D4471" s="1" t="s">
        <v>7408</v>
      </c>
      <c r="E4471" s="5" t="s">
        <v>11683</v>
      </c>
      <c r="F4471" s="6">
        <v>102</v>
      </c>
    </row>
    <row r="4472" spans="1:6" x14ac:dyDescent="0.25">
      <c r="A4472" s="4" t="s">
        <v>49</v>
      </c>
      <c r="B4472" s="1" t="s">
        <v>3144</v>
      </c>
      <c r="C4472" s="5" t="s">
        <v>3617</v>
      </c>
      <c r="D4472" s="1" t="s">
        <v>7761</v>
      </c>
      <c r="E4472" s="5" t="s">
        <v>12060</v>
      </c>
      <c r="F4472" s="6">
        <v>502</v>
      </c>
    </row>
    <row r="4473" spans="1:6" x14ac:dyDescent="0.25">
      <c r="A4473" s="4" t="s">
        <v>49</v>
      </c>
      <c r="B4473" s="1" t="s">
        <v>3144</v>
      </c>
      <c r="C4473" s="5" t="s">
        <v>3955</v>
      </c>
      <c r="D4473" s="1" t="s">
        <v>8109</v>
      </c>
      <c r="E4473" s="5" t="s">
        <v>12488</v>
      </c>
      <c r="F4473" s="6">
        <v>1009</v>
      </c>
    </row>
    <row r="4474" spans="1:6" x14ac:dyDescent="0.25">
      <c r="A4474" s="4" t="s">
        <v>49</v>
      </c>
      <c r="B4474" s="1" t="s">
        <v>3144</v>
      </c>
      <c r="C4474" s="5" t="s">
        <v>4040</v>
      </c>
      <c r="D4474" s="1" t="s">
        <v>8198</v>
      </c>
      <c r="E4474" s="5" t="s">
        <v>12600</v>
      </c>
      <c r="F4474" s="6">
        <v>1150</v>
      </c>
    </row>
    <row r="4475" spans="1:6" x14ac:dyDescent="0.25">
      <c r="A4475" s="4" t="s">
        <v>49</v>
      </c>
      <c r="B4475" s="1" t="s">
        <v>3144</v>
      </c>
      <c r="C4475" s="5" t="s">
        <v>4068</v>
      </c>
      <c r="D4475" s="1" t="s">
        <v>8246</v>
      </c>
      <c r="E4475" s="5" t="s">
        <v>12653</v>
      </c>
      <c r="F4475" s="6">
        <v>1248</v>
      </c>
    </row>
    <row r="4476" spans="1:6" x14ac:dyDescent="0.25">
      <c r="A4476" s="4" t="s">
        <v>49</v>
      </c>
      <c r="B4476" s="1" t="s">
        <v>3144</v>
      </c>
      <c r="C4476" s="5" t="s">
        <v>4400</v>
      </c>
      <c r="D4476" s="1" t="s">
        <v>8619</v>
      </c>
      <c r="E4476" s="5" t="s">
        <v>13153</v>
      </c>
      <c r="F4476" s="6">
        <v>1786</v>
      </c>
    </row>
    <row r="4477" spans="1:6" x14ac:dyDescent="0.25">
      <c r="A4477" s="4" t="s">
        <v>49</v>
      </c>
      <c r="B4477" s="1" t="s">
        <v>3144</v>
      </c>
      <c r="C4477" s="5" t="s">
        <v>4952</v>
      </c>
      <c r="D4477" s="1" t="s">
        <v>8882</v>
      </c>
      <c r="E4477" s="5" t="s">
        <v>13801</v>
      </c>
      <c r="F4477" s="6">
        <v>2451</v>
      </c>
    </row>
    <row r="4478" spans="1:6" x14ac:dyDescent="0.25">
      <c r="A4478" s="4" t="s">
        <v>49</v>
      </c>
      <c r="B4478" s="1" t="s">
        <v>3144</v>
      </c>
      <c r="C4478" s="5" t="s">
        <v>5228</v>
      </c>
      <c r="D4478" s="1" t="s">
        <v>9063</v>
      </c>
      <c r="E4478" s="5" t="s">
        <v>14161</v>
      </c>
      <c r="F4478" s="6">
        <v>2818</v>
      </c>
    </row>
    <row r="4479" spans="1:6" x14ac:dyDescent="0.25">
      <c r="A4479" s="4" t="s">
        <v>49</v>
      </c>
      <c r="B4479" s="1" t="s">
        <v>3144</v>
      </c>
      <c r="C4479" s="5" t="s">
        <v>5738</v>
      </c>
      <c r="D4479" s="1" t="s">
        <v>9242</v>
      </c>
      <c r="E4479" s="5" t="s">
        <v>14911</v>
      </c>
      <c r="F4479" s="6">
        <v>3632</v>
      </c>
    </row>
    <row r="4480" spans="1:6" x14ac:dyDescent="0.25">
      <c r="A4480" s="4" t="s">
        <v>49</v>
      </c>
      <c r="B4480" s="1" t="s">
        <v>3144</v>
      </c>
      <c r="C4480" s="5" t="s">
        <v>5747</v>
      </c>
      <c r="D4480" s="1" t="s">
        <v>9251</v>
      </c>
      <c r="E4480" s="5" t="s">
        <v>14925</v>
      </c>
      <c r="F4480" s="6">
        <v>3646</v>
      </c>
    </row>
    <row r="4481" spans="1:6" x14ac:dyDescent="0.25">
      <c r="A4481" s="4" t="s">
        <v>49</v>
      </c>
      <c r="B4481" s="1" t="s">
        <v>3144</v>
      </c>
      <c r="C4481" s="5" t="s">
        <v>5816</v>
      </c>
      <c r="D4481" s="1" t="s">
        <v>9336</v>
      </c>
      <c r="E4481" s="5" t="s">
        <v>15045</v>
      </c>
      <c r="F4481" s="6">
        <v>3773</v>
      </c>
    </row>
    <row r="4482" spans="1:6" x14ac:dyDescent="0.25">
      <c r="A4482" s="4" t="s">
        <v>49</v>
      </c>
      <c r="B4482" s="1" t="s">
        <v>3144</v>
      </c>
      <c r="C4482" s="5" t="s">
        <v>5830</v>
      </c>
      <c r="D4482" s="1" t="s">
        <v>9359</v>
      </c>
      <c r="E4482" s="5" t="s">
        <v>15075</v>
      </c>
      <c r="F4482" s="6">
        <v>3803</v>
      </c>
    </row>
    <row r="4483" spans="1:6" x14ac:dyDescent="0.25">
      <c r="A4483" s="4" t="s">
        <v>49</v>
      </c>
      <c r="B4483" s="1" t="s">
        <v>3144</v>
      </c>
      <c r="C4483" s="5" t="s">
        <v>5844</v>
      </c>
      <c r="D4483" s="1" t="s">
        <v>9379</v>
      </c>
      <c r="E4483" s="5" t="s">
        <v>15110</v>
      </c>
      <c r="F4483" s="6">
        <v>3839</v>
      </c>
    </row>
    <row r="4484" spans="1:6" x14ac:dyDescent="0.25">
      <c r="A4484" s="4" t="s">
        <v>49</v>
      </c>
      <c r="B4484" s="1" t="s">
        <v>3144</v>
      </c>
      <c r="C4484" s="5" t="s">
        <v>5884</v>
      </c>
      <c r="D4484" s="1" t="s">
        <v>9435</v>
      </c>
      <c r="E4484" s="5" t="s">
        <v>15193</v>
      </c>
      <c r="F4484" s="6">
        <v>3927</v>
      </c>
    </row>
    <row r="4485" spans="1:6" x14ac:dyDescent="0.25">
      <c r="A4485" s="4" t="s">
        <v>49</v>
      </c>
      <c r="B4485" s="1" t="s">
        <v>3144</v>
      </c>
      <c r="C4485" s="5" t="s">
        <v>3617</v>
      </c>
      <c r="D4485" s="1" t="s">
        <v>9511</v>
      </c>
      <c r="E4485" s="5" t="s">
        <v>15297</v>
      </c>
      <c r="F4485" s="6">
        <v>4034</v>
      </c>
    </row>
    <row r="4486" spans="1:6" x14ac:dyDescent="0.25">
      <c r="A4486" s="4" t="s">
        <v>49</v>
      </c>
      <c r="B4486" s="1" t="s">
        <v>3144</v>
      </c>
      <c r="C4486" s="5" t="s">
        <v>3280</v>
      </c>
      <c r="D4486" s="1" t="s">
        <v>9810</v>
      </c>
      <c r="E4486" s="5" t="s">
        <v>15728</v>
      </c>
      <c r="F4486" s="6">
        <v>4497</v>
      </c>
    </row>
    <row r="4487" spans="1:6" x14ac:dyDescent="0.25">
      <c r="A4487" s="4" t="s">
        <v>49</v>
      </c>
      <c r="B4487" s="1" t="s">
        <v>3144</v>
      </c>
      <c r="C4487" s="5" t="s">
        <v>6241</v>
      </c>
      <c r="D4487" s="1" t="s">
        <v>9864</v>
      </c>
      <c r="E4487" s="5" t="s">
        <v>15796</v>
      </c>
      <c r="F4487" s="6">
        <v>4704</v>
      </c>
    </row>
    <row r="4488" spans="1:6" x14ac:dyDescent="0.25">
      <c r="A4488" s="4" t="s">
        <v>49</v>
      </c>
      <c r="B4488" s="1" t="s">
        <v>3144</v>
      </c>
      <c r="C4488" s="5" t="s">
        <v>4400</v>
      </c>
      <c r="D4488" s="1" t="s">
        <v>10119</v>
      </c>
      <c r="E4488" s="5" t="s">
        <v>16121</v>
      </c>
      <c r="F4488" s="6">
        <v>5192</v>
      </c>
    </row>
    <row r="4489" spans="1:6" x14ac:dyDescent="0.25">
      <c r="A4489" s="4" t="s">
        <v>49</v>
      </c>
      <c r="B4489" s="1" t="s">
        <v>3144</v>
      </c>
      <c r="C4489" s="5" t="s">
        <v>3280</v>
      </c>
      <c r="D4489" s="1" t="s">
        <v>10339</v>
      </c>
      <c r="E4489" s="5" t="s">
        <v>16446</v>
      </c>
      <c r="F4489" s="6">
        <v>5927</v>
      </c>
    </row>
    <row r="4490" spans="1:6" x14ac:dyDescent="0.25">
      <c r="A4490" s="4" t="s">
        <v>49</v>
      </c>
      <c r="B4490" s="1" t="s">
        <v>3144</v>
      </c>
      <c r="C4490" s="5" t="s">
        <v>6649</v>
      </c>
      <c r="D4490" s="1" t="s">
        <v>10458</v>
      </c>
      <c r="E4490" s="5" t="s">
        <v>16615</v>
      </c>
      <c r="F4490" s="6">
        <v>6389</v>
      </c>
    </row>
    <row r="4491" spans="1:6" x14ac:dyDescent="0.25">
      <c r="A4491" s="4" t="s">
        <v>49</v>
      </c>
      <c r="B4491" s="1" t="s">
        <v>3144</v>
      </c>
      <c r="C4491" s="5">
        <v>440034</v>
      </c>
      <c r="D4491" s="1" t="s">
        <v>10722</v>
      </c>
      <c r="E4491" s="5" t="s">
        <v>16957</v>
      </c>
      <c r="F4491" s="6">
        <v>7405</v>
      </c>
    </row>
    <row r="4492" spans="1:6" x14ac:dyDescent="0.25">
      <c r="A4492" s="4" t="s">
        <v>49</v>
      </c>
      <c r="B4492" s="1" t="s">
        <v>3144</v>
      </c>
      <c r="C4492" s="5">
        <v>440014</v>
      </c>
      <c r="D4492" s="1" t="s">
        <v>10871</v>
      </c>
      <c r="E4492" s="5" t="s">
        <v>17154</v>
      </c>
      <c r="F4492" s="6">
        <v>8059</v>
      </c>
    </row>
    <row r="4493" spans="1:6" x14ac:dyDescent="0.25">
      <c r="A4493" s="4" t="s">
        <v>49</v>
      </c>
      <c r="B4493" s="1" t="s">
        <v>3144</v>
      </c>
      <c r="C4493" s="5" t="s">
        <v>5884</v>
      </c>
      <c r="D4493" s="1" t="s">
        <v>11109</v>
      </c>
      <c r="E4493" s="5" t="s">
        <v>17463</v>
      </c>
      <c r="F4493" s="6">
        <v>9074</v>
      </c>
    </row>
    <row r="4494" spans="1:6" x14ac:dyDescent="0.25">
      <c r="A4494" s="4" t="s">
        <v>49</v>
      </c>
      <c r="B4494" s="1" t="s">
        <v>3144</v>
      </c>
      <c r="C4494" s="5" t="s">
        <v>4040</v>
      </c>
      <c r="D4494" s="1" t="s">
        <v>11432</v>
      </c>
      <c r="E4494" s="5" t="s">
        <v>17865</v>
      </c>
      <c r="F4494" s="6">
        <v>9494</v>
      </c>
    </row>
    <row r="4495" spans="1:6" x14ac:dyDescent="0.25">
      <c r="A4495" s="4" t="s">
        <v>49</v>
      </c>
      <c r="B4495" s="1" t="s">
        <v>3144</v>
      </c>
      <c r="C4495" s="5" t="s">
        <v>4952</v>
      </c>
      <c r="D4495" s="1" t="s">
        <v>11460</v>
      </c>
      <c r="E4495" s="5" t="s">
        <v>17895</v>
      </c>
      <c r="F4495" s="6">
        <v>9524</v>
      </c>
    </row>
    <row r="4496" spans="1:6" x14ac:dyDescent="0.25">
      <c r="A4496" s="4" t="s">
        <v>49</v>
      </c>
      <c r="B4496" s="1" t="s">
        <v>3144</v>
      </c>
      <c r="C4496" s="5" t="s">
        <v>3955</v>
      </c>
      <c r="D4496" s="1" t="s">
        <v>11583</v>
      </c>
      <c r="E4496" s="5" t="s">
        <v>18060</v>
      </c>
      <c r="F4496" s="6">
        <v>9694</v>
      </c>
    </row>
    <row r="4497" spans="1:6" x14ac:dyDescent="0.25">
      <c r="A4497" s="4" t="s">
        <v>49</v>
      </c>
      <c r="B4497" s="1" t="s">
        <v>3144</v>
      </c>
      <c r="C4497" s="5" t="s">
        <v>5816</v>
      </c>
      <c r="D4497" s="1" t="s">
        <v>11584</v>
      </c>
      <c r="E4497" s="5" t="s">
        <v>18061</v>
      </c>
      <c r="F4497" s="6">
        <v>9695</v>
      </c>
    </row>
    <row r="4498" spans="1:6" x14ac:dyDescent="0.25">
      <c r="A4498" s="4" t="s">
        <v>2939</v>
      </c>
      <c r="B4498" s="1" t="s">
        <v>3159</v>
      </c>
      <c r="C4498" s="5" t="s">
        <v>6957</v>
      </c>
      <c r="D4498" s="1" t="s">
        <v>11000</v>
      </c>
      <c r="E4498" s="5" t="s">
        <v>17315</v>
      </c>
      <c r="F4498" s="6">
        <v>8691</v>
      </c>
    </row>
    <row r="4499" spans="1:6" x14ac:dyDescent="0.25">
      <c r="A4499" s="4" t="s">
        <v>2939</v>
      </c>
      <c r="B4499" s="1" t="s">
        <v>3161</v>
      </c>
      <c r="C4499" s="5">
        <v>493778</v>
      </c>
      <c r="D4499" s="1" t="s">
        <v>2939</v>
      </c>
      <c r="E4499" s="5" t="s">
        <v>17386</v>
      </c>
      <c r="F4499" s="6">
        <v>8977</v>
      </c>
    </row>
    <row r="4500" spans="1:6" x14ac:dyDescent="0.25">
      <c r="A4500" s="4" t="s">
        <v>1019</v>
      </c>
      <c r="B4500" s="1" t="s">
        <v>3165</v>
      </c>
      <c r="C4500" s="5" t="s">
        <v>4762</v>
      </c>
      <c r="D4500" s="1" t="s">
        <v>1019</v>
      </c>
      <c r="E4500" s="5" t="s">
        <v>13586</v>
      </c>
      <c r="F4500" s="6">
        <v>2227</v>
      </c>
    </row>
    <row r="4501" spans="1:6" x14ac:dyDescent="0.25">
      <c r="A4501" s="4" t="s">
        <v>668</v>
      </c>
      <c r="B4501" s="1" t="s">
        <v>3165</v>
      </c>
      <c r="C4501" s="5" t="s">
        <v>4365</v>
      </c>
      <c r="D4501" s="1" t="s">
        <v>668</v>
      </c>
      <c r="E4501" s="5" t="s">
        <v>13105</v>
      </c>
      <c r="F4501" s="6">
        <v>1738</v>
      </c>
    </row>
    <row r="4502" spans="1:6" x14ac:dyDescent="0.25">
      <c r="A4502" s="4" t="s">
        <v>2337</v>
      </c>
      <c r="B4502" s="1" t="s">
        <v>3172</v>
      </c>
      <c r="C4502" s="5" t="s">
        <v>6119</v>
      </c>
      <c r="D4502" s="1" t="s">
        <v>2337</v>
      </c>
      <c r="E4502" s="5" t="s">
        <v>15571</v>
      </c>
      <c r="F4502" s="6">
        <v>4313</v>
      </c>
    </row>
    <row r="4503" spans="1:6" x14ac:dyDescent="0.25">
      <c r="A4503" s="4" t="s">
        <v>1728</v>
      </c>
      <c r="B4503" s="1" t="s">
        <v>3154</v>
      </c>
      <c r="C4503" s="5" t="s">
        <v>3375</v>
      </c>
      <c r="D4503" s="1" t="s">
        <v>1728</v>
      </c>
      <c r="E4503" s="5" t="s">
        <v>14527</v>
      </c>
      <c r="F4503" s="6">
        <v>3215</v>
      </c>
    </row>
    <row r="4504" spans="1:6" x14ac:dyDescent="0.25">
      <c r="A4504" s="4" t="s">
        <v>2041</v>
      </c>
      <c r="B4504" s="1" t="s">
        <v>3154</v>
      </c>
      <c r="C4504" s="5" t="s">
        <v>5699</v>
      </c>
      <c r="D4504" s="1" t="s">
        <v>2041</v>
      </c>
      <c r="E4504" s="5" t="s">
        <v>14881</v>
      </c>
      <c r="F4504" s="6">
        <v>3598</v>
      </c>
    </row>
    <row r="4505" spans="1:6" x14ac:dyDescent="0.25">
      <c r="A4505" s="4" t="s">
        <v>2888</v>
      </c>
      <c r="B4505" s="1" t="s">
        <v>3189</v>
      </c>
      <c r="C4505" s="5">
        <v>524126</v>
      </c>
      <c r="D4505" s="1" t="s">
        <v>2888</v>
      </c>
      <c r="E4505" s="5" t="s">
        <v>17151</v>
      </c>
      <c r="F4505" s="6">
        <v>8055</v>
      </c>
    </row>
    <row r="4506" spans="1:6" x14ac:dyDescent="0.25">
      <c r="A4506" s="4" t="s">
        <v>1177</v>
      </c>
      <c r="B4506" s="1" t="s">
        <v>3148</v>
      </c>
      <c r="C4506" s="5" t="s">
        <v>4928</v>
      </c>
      <c r="D4506" s="1" t="s">
        <v>1177</v>
      </c>
      <c r="E4506" s="5" t="s">
        <v>13773</v>
      </c>
      <c r="F4506" s="6">
        <v>2422</v>
      </c>
    </row>
    <row r="4507" spans="1:6" x14ac:dyDescent="0.25">
      <c r="A4507" s="4" t="s">
        <v>3027</v>
      </c>
      <c r="B4507" s="1" t="s">
        <v>3161</v>
      </c>
      <c r="C4507" s="5" t="s">
        <v>7107</v>
      </c>
      <c r="D4507" s="1" t="s">
        <v>11206</v>
      </c>
      <c r="E4507" s="5" t="s">
        <v>17595</v>
      </c>
      <c r="F4507" s="6">
        <v>9210</v>
      </c>
    </row>
    <row r="4508" spans="1:6" x14ac:dyDescent="0.25">
      <c r="A4508" s="4" t="s">
        <v>334</v>
      </c>
      <c r="B4508" s="1" t="s">
        <v>3162</v>
      </c>
      <c r="C4508" s="5" t="s">
        <v>3818</v>
      </c>
      <c r="D4508" s="1" t="s">
        <v>7995</v>
      </c>
      <c r="E4508" s="5" t="s">
        <v>12314</v>
      </c>
      <c r="F4508" s="6">
        <v>810</v>
      </c>
    </row>
    <row r="4509" spans="1:6" x14ac:dyDescent="0.25">
      <c r="A4509" s="4" t="s">
        <v>2146</v>
      </c>
      <c r="B4509" s="1" t="s">
        <v>3154</v>
      </c>
      <c r="C4509" s="5" t="s">
        <v>4355</v>
      </c>
      <c r="D4509" s="1" t="s">
        <v>2146</v>
      </c>
      <c r="E4509" s="5" t="s">
        <v>15118</v>
      </c>
      <c r="F4509" s="6">
        <v>3847</v>
      </c>
    </row>
    <row r="4510" spans="1:6" x14ac:dyDescent="0.25">
      <c r="A4510" s="4" t="s">
        <v>797</v>
      </c>
      <c r="B4510" s="1" t="s">
        <v>3158</v>
      </c>
      <c r="C4510" s="5" t="s">
        <v>4526</v>
      </c>
      <c r="D4510" s="1" t="s">
        <v>8699</v>
      </c>
      <c r="E4510" s="5" t="s">
        <v>13308</v>
      </c>
      <c r="F4510" s="6">
        <v>1941</v>
      </c>
    </row>
    <row r="4511" spans="1:6" x14ac:dyDescent="0.25">
      <c r="A4511" s="4" t="s">
        <v>1587</v>
      </c>
      <c r="B4511" s="1" t="s">
        <v>3147</v>
      </c>
      <c r="C4511" s="5" t="s">
        <v>5407</v>
      </c>
      <c r="D4511" s="1" t="s">
        <v>9137</v>
      </c>
      <c r="E4511" s="5" t="s">
        <v>14372</v>
      </c>
      <c r="F4511" s="6">
        <v>3037</v>
      </c>
    </row>
    <row r="4512" spans="1:6" x14ac:dyDescent="0.25">
      <c r="A4512" s="4" t="s">
        <v>506</v>
      </c>
      <c r="B4512" s="1" t="s">
        <v>3152</v>
      </c>
      <c r="C4512" s="5" t="s">
        <v>4134</v>
      </c>
      <c r="D4512" s="1" t="s">
        <v>8352</v>
      </c>
      <c r="E4512" s="5" t="s">
        <v>12773</v>
      </c>
      <c r="F4512" s="6">
        <v>1370</v>
      </c>
    </row>
    <row r="4513" spans="1:6" x14ac:dyDescent="0.25">
      <c r="A4513" s="4" t="s">
        <v>506</v>
      </c>
      <c r="B4513" s="1" t="s">
        <v>3152</v>
      </c>
      <c r="C4513" s="5" t="s">
        <v>3486</v>
      </c>
      <c r="D4513" s="1" t="s">
        <v>8639</v>
      </c>
      <c r="E4513" s="5" t="s">
        <v>13194</v>
      </c>
      <c r="F4513" s="6">
        <v>1827</v>
      </c>
    </row>
    <row r="4514" spans="1:6" x14ac:dyDescent="0.25">
      <c r="A4514" s="4" t="s">
        <v>2970</v>
      </c>
      <c r="B4514" s="1" t="s">
        <v>3151</v>
      </c>
      <c r="C4514" s="5" t="s">
        <v>6998</v>
      </c>
      <c r="D4514" s="1" t="s">
        <v>2970</v>
      </c>
      <c r="E4514" s="5" t="s">
        <v>17411</v>
      </c>
      <c r="F4514" s="6">
        <v>9018</v>
      </c>
    </row>
    <row r="4515" spans="1:6" x14ac:dyDescent="0.25">
      <c r="A4515" s="4" t="s">
        <v>863</v>
      </c>
      <c r="B4515" s="1" t="s">
        <v>3165</v>
      </c>
      <c r="C4515" s="5" t="s">
        <v>4603</v>
      </c>
      <c r="D4515" s="1" t="s">
        <v>863</v>
      </c>
      <c r="E4515" s="5" t="s">
        <v>13405</v>
      </c>
      <c r="F4515" s="6">
        <v>2038</v>
      </c>
    </row>
    <row r="4516" spans="1:6" x14ac:dyDescent="0.25">
      <c r="A4516" s="4" t="s">
        <v>265</v>
      </c>
      <c r="B4516" s="1" t="s">
        <v>3144</v>
      </c>
      <c r="C4516" s="5" t="s">
        <v>3708</v>
      </c>
      <c r="D4516" s="1" t="s">
        <v>7881</v>
      </c>
      <c r="E4516" s="5" t="s">
        <v>12187</v>
      </c>
      <c r="F4516" s="6">
        <v>662</v>
      </c>
    </row>
    <row r="4517" spans="1:6" x14ac:dyDescent="0.25">
      <c r="A4517" s="4" t="s">
        <v>265</v>
      </c>
      <c r="B4517" s="1" t="s">
        <v>3144</v>
      </c>
      <c r="C4517" s="5" t="s">
        <v>4418</v>
      </c>
      <c r="D4517" s="1" t="s">
        <v>8634</v>
      </c>
      <c r="E4517" s="5" t="s">
        <v>13175</v>
      </c>
      <c r="F4517" s="6">
        <v>1808</v>
      </c>
    </row>
    <row r="4518" spans="1:6" x14ac:dyDescent="0.25">
      <c r="A4518" s="4" t="s">
        <v>864</v>
      </c>
      <c r="B4518" s="1" t="s">
        <v>3164</v>
      </c>
      <c r="C4518" s="5">
        <v>781335</v>
      </c>
      <c r="D4518" s="1" t="s">
        <v>864</v>
      </c>
      <c r="E4518" s="5" t="s">
        <v>13406</v>
      </c>
      <c r="F4518" s="6">
        <v>2039</v>
      </c>
    </row>
    <row r="4519" spans="1:6" x14ac:dyDescent="0.25">
      <c r="A4519" s="4" t="s">
        <v>617</v>
      </c>
      <c r="B4519" s="1" t="s">
        <v>3151</v>
      </c>
      <c r="C4519" s="5" t="s">
        <v>4295</v>
      </c>
      <c r="D4519" s="1" t="s">
        <v>617</v>
      </c>
      <c r="E4519" s="5" t="s">
        <v>13009</v>
      </c>
      <c r="F4519" s="6">
        <v>1636</v>
      </c>
    </row>
    <row r="4520" spans="1:6" x14ac:dyDescent="0.25">
      <c r="A4520" s="4" t="s">
        <v>617</v>
      </c>
      <c r="B4520" s="1" t="s">
        <v>3151</v>
      </c>
      <c r="C4520" s="5" t="s">
        <v>5389</v>
      </c>
      <c r="D4520" s="1" t="s">
        <v>9132</v>
      </c>
      <c r="E4520" s="5" t="s">
        <v>14352</v>
      </c>
      <c r="F4520" s="6">
        <v>3016</v>
      </c>
    </row>
    <row r="4521" spans="1:6" x14ac:dyDescent="0.25">
      <c r="A4521" s="4" t="s">
        <v>617</v>
      </c>
      <c r="B4521" s="1" t="s">
        <v>3151</v>
      </c>
      <c r="C4521" s="5" t="s">
        <v>4294</v>
      </c>
      <c r="D4521" s="1" t="s">
        <v>9428</v>
      </c>
      <c r="E4521" s="5" t="s">
        <v>15183</v>
      </c>
      <c r="F4521" s="6">
        <v>3916</v>
      </c>
    </row>
    <row r="4522" spans="1:6" x14ac:dyDescent="0.25">
      <c r="A4522" s="4" t="s">
        <v>617</v>
      </c>
      <c r="B4522" s="1" t="s">
        <v>3151</v>
      </c>
      <c r="C4522" s="5">
        <v>508001</v>
      </c>
      <c r="D4522" s="1" t="s">
        <v>10070</v>
      </c>
      <c r="E4522" s="5" t="s">
        <v>16063</v>
      </c>
      <c r="F4522" s="6">
        <v>5093</v>
      </c>
    </row>
    <row r="4523" spans="1:6" x14ac:dyDescent="0.25">
      <c r="A4523" s="4" t="s">
        <v>617</v>
      </c>
      <c r="B4523" s="1" t="s">
        <v>3151</v>
      </c>
      <c r="C4523" s="5" t="s">
        <v>4295</v>
      </c>
      <c r="D4523" s="1" t="s">
        <v>11561</v>
      </c>
      <c r="E4523" s="5" t="s">
        <v>18032</v>
      </c>
      <c r="F4523" s="6">
        <v>9664</v>
      </c>
    </row>
    <row r="4524" spans="1:6" x14ac:dyDescent="0.25">
      <c r="A4524" s="4" t="s">
        <v>3069</v>
      </c>
      <c r="B4524" s="1" t="s">
        <v>3148</v>
      </c>
      <c r="C4524" s="5" t="s">
        <v>7205</v>
      </c>
      <c r="D4524" s="1" t="s">
        <v>3069</v>
      </c>
      <c r="E4524" s="5" t="s">
        <v>17826</v>
      </c>
      <c r="F4524" s="6">
        <v>9452</v>
      </c>
    </row>
    <row r="4525" spans="1:6" x14ac:dyDescent="0.25">
      <c r="A4525" s="4" t="s">
        <v>2561</v>
      </c>
      <c r="B4525" s="1" t="s">
        <v>3155</v>
      </c>
      <c r="C4525" s="5" t="s">
        <v>6469</v>
      </c>
      <c r="D4525" s="1" t="s">
        <v>2561</v>
      </c>
      <c r="E4525" s="5" t="s">
        <v>16277</v>
      </c>
      <c r="F4525" s="6">
        <v>5553</v>
      </c>
    </row>
    <row r="4526" spans="1:6" x14ac:dyDescent="0.25">
      <c r="A4526" s="4" t="s">
        <v>273</v>
      </c>
      <c r="B4526" s="1" t="s">
        <v>3146</v>
      </c>
      <c r="C4526" s="5" t="s">
        <v>3732</v>
      </c>
      <c r="D4526" s="1" t="s">
        <v>7907</v>
      </c>
      <c r="E4526" s="5" t="s">
        <v>12216</v>
      </c>
      <c r="F4526" s="6">
        <v>695</v>
      </c>
    </row>
    <row r="4527" spans="1:6" x14ac:dyDescent="0.25">
      <c r="A4527" s="4" t="s">
        <v>273</v>
      </c>
      <c r="B4527" s="1" t="s">
        <v>3146</v>
      </c>
      <c r="C4527" s="5">
        <v>637001</v>
      </c>
      <c r="D4527" s="1" t="s">
        <v>10913</v>
      </c>
      <c r="E4527" s="5" t="s">
        <v>17202</v>
      </c>
      <c r="F4527" s="6">
        <v>8181</v>
      </c>
    </row>
    <row r="4528" spans="1:6" x14ac:dyDescent="0.25">
      <c r="A4528" s="4" t="s">
        <v>273</v>
      </c>
      <c r="B4528" s="1" t="s">
        <v>3146</v>
      </c>
      <c r="C4528" s="5" t="s">
        <v>3732</v>
      </c>
      <c r="D4528" s="1" t="s">
        <v>11157</v>
      </c>
      <c r="E4528" s="5" t="s">
        <v>17518</v>
      </c>
      <c r="F4528" s="6">
        <v>9131</v>
      </c>
    </row>
    <row r="4529" spans="1:6" x14ac:dyDescent="0.25">
      <c r="A4529" s="4" t="s">
        <v>896</v>
      </c>
      <c r="B4529" s="1" t="s">
        <v>3166</v>
      </c>
      <c r="C4529" s="5" t="s">
        <v>4644</v>
      </c>
      <c r="D4529" s="1" t="s">
        <v>896</v>
      </c>
      <c r="E4529" s="5" t="s">
        <v>13462</v>
      </c>
      <c r="F4529" s="6">
        <v>2099</v>
      </c>
    </row>
    <row r="4530" spans="1:6" x14ac:dyDescent="0.25">
      <c r="A4530" s="4" t="s">
        <v>2404</v>
      </c>
      <c r="B4530" s="1" t="s">
        <v>3144</v>
      </c>
      <c r="C4530" s="5" t="s">
        <v>6235</v>
      </c>
      <c r="D4530" s="1" t="s">
        <v>2404</v>
      </c>
      <c r="E4530" s="5" t="s">
        <v>15788</v>
      </c>
      <c r="F4530" s="6">
        <v>4695</v>
      </c>
    </row>
    <row r="4531" spans="1:6" x14ac:dyDescent="0.25">
      <c r="A4531" s="4" t="s">
        <v>2655</v>
      </c>
      <c r="B4531" s="1" t="s">
        <v>3162</v>
      </c>
      <c r="C4531" s="5" t="s">
        <v>6572</v>
      </c>
      <c r="D4531" s="1" t="s">
        <v>2655</v>
      </c>
      <c r="E4531" s="5" t="s">
        <v>16448</v>
      </c>
      <c r="F4531" s="6">
        <v>5932</v>
      </c>
    </row>
    <row r="4532" spans="1:6" x14ac:dyDescent="0.25">
      <c r="A4532" s="4" t="s">
        <v>1795</v>
      </c>
      <c r="B4532" s="1" t="s">
        <v>3152</v>
      </c>
      <c r="C4532" s="5">
        <v>142036</v>
      </c>
      <c r="D4532" s="1" t="s">
        <v>1795</v>
      </c>
      <c r="E4532" s="5" t="s">
        <v>14616</v>
      </c>
      <c r="F4532" s="6">
        <v>3312</v>
      </c>
    </row>
    <row r="4533" spans="1:6" x14ac:dyDescent="0.25">
      <c r="A4533" s="4" t="s">
        <v>3004</v>
      </c>
      <c r="B4533" s="1" t="s">
        <v>3147</v>
      </c>
      <c r="C4533" s="5" t="s">
        <v>7066</v>
      </c>
      <c r="D4533" s="1" t="s">
        <v>11166</v>
      </c>
      <c r="E4533" s="5" t="s">
        <v>17536</v>
      </c>
      <c r="F4533" s="6">
        <v>9150</v>
      </c>
    </row>
    <row r="4534" spans="1:6" x14ac:dyDescent="0.25">
      <c r="A4534" s="4" t="s">
        <v>429</v>
      </c>
      <c r="B4534" s="1" t="s">
        <v>3144</v>
      </c>
      <c r="C4534" s="5" t="s">
        <v>3959</v>
      </c>
      <c r="D4534" s="1" t="s">
        <v>429</v>
      </c>
      <c r="E4534" s="5" t="s">
        <v>12493</v>
      </c>
      <c r="F4534" s="6">
        <v>1016</v>
      </c>
    </row>
    <row r="4535" spans="1:6" x14ac:dyDescent="0.25">
      <c r="A4535" s="4" t="s">
        <v>429</v>
      </c>
      <c r="B4535" s="1" t="s">
        <v>3144</v>
      </c>
      <c r="C4535" s="5" t="s">
        <v>5010</v>
      </c>
      <c r="D4535" s="1" t="s">
        <v>8919</v>
      </c>
      <c r="E4535" s="5" t="s">
        <v>13872</v>
      </c>
      <c r="F4535" s="6">
        <v>2522</v>
      </c>
    </row>
    <row r="4536" spans="1:6" x14ac:dyDescent="0.25">
      <c r="A4536" s="4" t="s">
        <v>2366</v>
      </c>
      <c r="B4536" s="1" t="s">
        <v>3144</v>
      </c>
      <c r="C4536" s="5">
        <v>423106</v>
      </c>
      <c r="D4536" s="1" t="s">
        <v>9740</v>
      </c>
      <c r="E4536" s="5" t="s">
        <v>15645</v>
      </c>
      <c r="F4536" s="6">
        <v>4387</v>
      </c>
    </row>
    <row r="4537" spans="1:6" x14ac:dyDescent="0.25">
      <c r="A4537" s="4" t="s">
        <v>3016</v>
      </c>
      <c r="B4537" s="1" t="s">
        <v>3155</v>
      </c>
      <c r="C4537" s="5" t="s">
        <v>7088</v>
      </c>
      <c r="D4537" s="1" t="s">
        <v>3016</v>
      </c>
      <c r="E4537" s="5" t="s">
        <v>17567</v>
      </c>
      <c r="F4537" s="6">
        <v>9181</v>
      </c>
    </row>
    <row r="4538" spans="1:6" x14ac:dyDescent="0.25">
      <c r="A4538" s="4" t="s">
        <v>2359</v>
      </c>
      <c r="B4538" s="1" t="s">
        <v>3144</v>
      </c>
      <c r="C4538" s="5" t="s">
        <v>6154</v>
      </c>
      <c r="D4538" s="1" t="s">
        <v>2359</v>
      </c>
      <c r="E4538" s="5" t="s">
        <v>15633</v>
      </c>
      <c r="F4538" s="6">
        <v>4375</v>
      </c>
    </row>
    <row r="4539" spans="1:6" x14ac:dyDescent="0.25">
      <c r="A4539" s="4" t="s">
        <v>697</v>
      </c>
      <c r="B4539" s="1" t="s">
        <v>3144</v>
      </c>
      <c r="C4539" s="5" t="s">
        <v>4401</v>
      </c>
      <c r="D4539" s="1" t="s">
        <v>697</v>
      </c>
      <c r="E4539" s="5" t="s">
        <v>13154</v>
      </c>
      <c r="F4539" s="6">
        <v>1787</v>
      </c>
    </row>
    <row r="4540" spans="1:6" x14ac:dyDescent="0.25">
      <c r="A4540" s="4" t="s">
        <v>697</v>
      </c>
      <c r="B4540" s="1" t="s">
        <v>3144</v>
      </c>
      <c r="C4540" s="5" t="s">
        <v>4401</v>
      </c>
      <c r="D4540" s="1" t="s">
        <v>10887</v>
      </c>
      <c r="E4540" s="5" t="s">
        <v>17174</v>
      </c>
      <c r="F4540" s="6">
        <v>8121</v>
      </c>
    </row>
    <row r="4541" spans="1:6" x14ac:dyDescent="0.25">
      <c r="A4541" s="4" t="s">
        <v>422</v>
      </c>
      <c r="B4541" s="1" t="s">
        <v>3155</v>
      </c>
      <c r="C4541" s="5" t="s">
        <v>3947</v>
      </c>
      <c r="D4541" s="1" t="s">
        <v>8099</v>
      </c>
      <c r="E4541" s="5" t="s">
        <v>12475</v>
      </c>
      <c r="F4541" s="6">
        <v>995</v>
      </c>
    </row>
    <row r="4542" spans="1:6" x14ac:dyDescent="0.25">
      <c r="A4542" s="4" t="s">
        <v>422</v>
      </c>
      <c r="B4542" s="1" t="s">
        <v>3155</v>
      </c>
      <c r="C4542" s="5" t="s">
        <v>3947</v>
      </c>
      <c r="D4542" s="1" t="s">
        <v>11351</v>
      </c>
      <c r="E4542" s="5" t="s">
        <v>17774</v>
      </c>
      <c r="F4542" s="6">
        <v>9396</v>
      </c>
    </row>
    <row r="4543" spans="1:6" x14ac:dyDescent="0.25">
      <c r="A4543" s="4" t="s">
        <v>352</v>
      </c>
      <c r="B4543" s="1" t="s">
        <v>3152</v>
      </c>
      <c r="C4543" s="5" t="s">
        <v>3848</v>
      </c>
      <c r="D4543" s="1" t="s">
        <v>8022</v>
      </c>
      <c r="E4543" s="5" t="s">
        <v>12349</v>
      </c>
      <c r="F4543" s="6">
        <v>854</v>
      </c>
    </row>
    <row r="4544" spans="1:6" x14ac:dyDescent="0.25">
      <c r="A4544" s="4" t="s">
        <v>352</v>
      </c>
      <c r="B4544" s="1" t="s">
        <v>3152</v>
      </c>
      <c r="C4544" s="5" t="s">
        <v>3565</v>
      </c>
      <c r="D4544" s="1" t="s">
        <v>352</v>
      </c>
      <c r="E4544" s="5" t="s">
        <v>14804</v>
      </c>
      <c r="F4544" s="6">
        <v>3516</v>
      </c>
    </row>
    <row r="4545" spans="1:6" x14ac:dyDescent="0.25">
      <c r="A4545" s="4" t="s">
        <v>1668</v>
      </c>
      <c r="B4545" s="1" t="s">
        <v>3165</v>
      </c>
      <c r="C4545" s="5" t="s">
        <v>5462</v>
      </c>
      <c r="D4545" s="1" t="s">
        <v>1668</v>
      </c>
      <c r="E4545" s="5" t="s">
        <v>14458</v>
      </c>
      <c r="F4545" s="6">
        <v>3143</v>
      </c>
    </row>
    <row r="4546" spans="1:6" x14ac:dyDescent="0.25">
      <c r="A4546" s="4" t="s">
        <v>928</v>
      </c>
      <c r="B4546" s="1" t="s">
        <v>3149</v>
      </c>
      <c r="C4546" s="5" t="s">
        <v>4676</v>
      </c>
      <c r="D4546" s="1" t="s">
        <v>928</v>
      </c>
      <c r="E4546" s="5" t="s">
        <v>13494</v>
      </c>
      <c r="F4546" s="6">
        <v>2132</v>
      </c>
    </row>
    <row r="4547" spans="1:6" x14ac:dyDescent="0.25">
      <c r="A4547" s="4" t="s">
        <v>2639</v>
      </c>
      <c r="B4547" s="1" t="s">
        <v>3165</v>
      </c>
      <c r="C4547" s="5" t="s">
        <v>6555</v>
      </c>
      <c r="D4547" s="1" t="s">
        <v>2639</v>
      </c>
      <c r="E4547" s="5" t="s">
        <v>16420</v>
      </c>
      <c r="F4547" s="6">
        <v>5877</v>
      </c>
    </row>
    <row r="4548" spans="1:6" x14ac:dyDescent="0.25">
      <c r="A4548" s="4" t="s">
        <v>955</v>
      </c>
      <c r="B4548" s="1" t="s">
        <v>3158</v>
      </c>
      <c r="C4548" s="5" t="s">
        <v>4703</v>
      </c>
      <c r="D4548" s="1" t="s">
        <v>955</v>
      </c>
      <c r="E4548" s="5" t="s">
        <v>13521</v>
      </c>
      <c r="F4548" s="6">
        <v>2159</v>
      </c>
    </row>
    <row r="4549" spans="1:6" x14ac:dyDescent="0.25">
      <c r="A4549" s="4" t="s">
        <v>497</v>
      </c>
      <c r="B4549" s="1" t="s">
        <v>3154</v>
      </c>
      <c r="C4549" s="5" t="s">
        <v>4125</v>
      </c>
      <c r="D4549" s="1" t="s">
        <v>497</v>
      </c>
      <c r="E4549" s="5" t="s">
        <v>12745</v>
      </c>
      <c r="F4549" s="6">
        <v>1342</v>
      </c>
    </row>
    <row r="4550" spans="1:6" x14ac:dyDescent="0.25">
      <c r="A4550" s="4" t="s">
        <v>1134</v>
      </c>
      <c r="B4550" s="1" t="s">
        <v>3151</v>
      </c>
      <c r="C4550" s="5" t="s">
        <v>4876</v>
      </c>
      <c r="D4550" s="1" t="s">
        <v>8830</v>
      </c>
      <c r="E4550" s="5" t="s">
        <v>13707</v>
      </c>
      <c r="F4550" s="6">
        <v>2354</v>
      </c>
    </row>
    <row r="4551" spans="1:6" x14ac:dyDescent="0.25">
      <c r="A4551" s="4" t="s">
        <v>2755</v>
      </c>
      <c r="B4551" s="1" t="s">
        <v>3155</v>
      </c>
      <c r="C4551" s="5" t="s">
        <v>6708</v>
      </c>
      <c r="D4551" s="1" t="s">
        <v>2755</v>
      </c>
      <c r="E4551" s="5" t="s">
        <v>16731</v>
      </c>
      <c r="F4551" s="6">
        <v>6728</v>
      </c>
    </row>
    <row r="4552" spans="1:6" x14ac:dyDescent="0.25">
      <c r="A4552" s="4" t="s">
        <v>1158</v>
      </c>
      <c r="B4552" s="1" t="s">
        <v>3155</v>
      </c>
      <c r="C4552" s="5" t="s">
        <v>4898</v>
      </c>
      <c r="D4552" s="1" t="s">
        <v>2988</v>
      </c>
      <c r="E4552" s="5" t="s">
        <v>13734</v>
      </c>
      <c r="F4552" s="6">
        <v>2382</v>
      </c>
    </row>
    <row r="4553" spans="1:6" x14ac:dyDescent="0.25">
      <c r="A4553" s="4" t="s">
        <v>433</v>
      </c>
      <c r="B4553" s="1" t="s">
        <v>3155</v>
      </c>
      <c r="C4553" s="5" t="s">
        <v>3970</v>
      </c>
      <c r="D4553" s="1" t="s">
        <v>8125</v>
      </c>
      <c r="E4553" s="5" t="s">
        <v>12509</v>
      </c>
      <c r="F4553" s="6">
        <v>1034</v>
      </c>
    </row>
    <row r="4554" spans="1:6" x14ac:dyDescent="0.25">
      <c r="A4554" s="4" t="s">
        <v>701</v>
      </c>
      <c r="B4554" s="1" t="s">
        <v>3144</v>
      </c>
      <c r="C4554" s="5" t="s">
        <v>4406</v>
      </c>
      <c r="D4554" s="1" t="s">
        <v>701</v>
      </c>
      <c r="E4554" s="5" t="s">
        <v>13159</v>
      </c>
      <c r="F4554" s="6">
        <v>1792</v>
      </c>
    </row>
    <row r="4555" spans="1:6" x14ac:dyDescent="0.25">
      <c r="A4555" s="4" t="s">
        <v>2473</v>
      </c>
      <c r="B4555" s="1" t="s">
        <v>3151</v>
      </c>
      <c r="C4555" s="5">
        <v>502286</v>
      </c>
      <c r="D4555" s="1" t="s">
        <v>2473</v>
      </c>
      <c r="E4555" s="5" t="s">
        <v>16000</v>
      </c>
      <c r="F4555" s="6">
        <v>4937</v>
      </c>
    </row>
    <row r="4556" spans="1:6" x14ac:dyDescent="0.25">
      <c r="A4556" s="4" t="s">
        <v>1810</v>
      </c>
      <c r="B4556" s="1" t="s">
        <v>3151</v>
      </c>
      <c r="C4556" s="5" t="s">
        <v>5582</v>
      </c>
      <c r="D4556" s="1" t="s">
        <v>1810</v>
      </c>
      <c r="E4556" s="5" t="s">
        <v>14632</v>
      </c>
      <c r="F4556" s="6">
        <v>3328</v>
      </c>
    </row>
    <row r="4557" spans="1:6" x14ac:dyDescent="0.25">
      <c r="A4557" s="4" t="s">
        <v>2686</v>
      </c>
      <c r="B4557" s="1" t="s">
        <v>3161</v>
      </c>
      <c r="C4557" s="5" t="s">
        <v>6610</v>
      </c>
      <c r="D4557" s="1" t="s">
        <v>2686</v>
      </c>
      <c r="E4557" s="5" t="s">
        <v>16526</v>
      </c>
      <c r="F4557" s="6">
        <v>6162</v>
      </c>
    </row>
    <row r="4558" spans="1:6" x14ac:dyDescent="0.25">
      <c r="A4558" s="4" t="s">
        <v>2679</v>
      </c>
      <c r="B4558" s="1" t="s">
        <v>3144</v>
      </c>
      <c r="C4558" s="5" t="s">
        <v>6599</v>
      </c>
      <c r="D4558" s="1" t="s">
        <v>2679</v>
      </c>
      <c r="E4558" s="5" t="s">
        <v>16511</v>
      </c>
      <c r="F4558" s="6">
        <v>6111</v>
      </c>
    </row>
    <row r="4559" spans="1:6" x14ac:dyDescent="0.25">
      <c r="A4559" s="4" t="s">
        <v>2784</v>
      </c>
      <c r="B4559" s="1" t="s">
        <v>812</v>
      </c>
      <c r="C4559" s="5" t="s">
        <v>6752</v>
      </c>
      <c r="D4559" s="1" t="s">
        <v>2784</v>
      </c>
      <c r="E4559" s="5" t="s">
        <v>16806</v>
      </c>
      <c r="F4559" s="6">
        <v>6994</v>
      </c>
    </row>
    <row r="4560" spans="1:6" x14ac:dyDescent="0.25">
      <c r="A4560" s="4" t="s">
        <v>2653</v>
      </c>
      <c r="B4560" s="1" t="s">
        <v>3144</v>
      </c>
      <c r="C4560" s="5">
        <v>441304</v>
      </c>
      <c r="D4560" s="1" t="s">
        <v>2653</v>
      </c>
      <c r="E4560" s="5" t="s">
        <v>16445</v>
      </c>
      <c r="F4560" s="6">
        <v>5924</v>
      </c>
    </row>
    <row r="4561" spans="1:6" x14ac:dyDescent="0.25">
      <c r="A4561" s="4" t="s">
        <v>2080</v>
      </c>
      <c r="B4561" s="1" t="s">
        <v>3153</v>
      </c>
      <c r="C4561" s="5" t="s">
        <v>5771</v>
      </c>
      <c r="D4561" s="1" t="s">
        <v>2080</v>
      </c>
      <c r="E4561" s="5" t="s">
        <v>14972</v>
      </c>
      <c r="F4561" s="6">
        <v>3695</v>
      </c>
    </row>
    <row r="4562" spans="1:6" x14ac:dyDescent="0.25">
      <c r="A4562" s="4" t="s">
        <v>247</v>
      </c>
      <c r="B4562" s="1" t="s">
        <v>3154</v>
      </c>
      <c r="C4562" s="5" t="s">
        <v>3676</v>
      </c>
      <c r="D4562" s="1" t="s">
        <v>7846</v>
      </c>
      <c r="E4562" s="5" t="s">
        <v>12149</v>
      </c>
      <c r="F4562" s="6">
        <v>623</v>
      </c>
    </row>
    <row r="4563" spans="1:6" x14ac:dyDescent="0.25">
      <c r="A4563" s="4" t="s">
        <v>2248</v>
      </c>
      <c r="B4563" s="1" t="s">
        <v>3154</v>
      </c>
      <c r="C4563" s="5" t="s">
        <v>5980</v>
      </c>
      <c r="D4563" s="1" t="s">
        <v>2248</v>
      </c>
      <c r="E4563" s="5" t="s">
        <v>15353</v>
      </c>
      <c r="F4563" s="6">
        <v>4090</v>
      </c>
    </row>
    <row r="4564" spans="1:6" x14ac:dyDescent="0.25">
      <c r="A4564" s="4" t="s">
        <v>2460</v>
      </c>
      <c r="B4564" s="1" t="s">
        <v>3157</v>
      </c>
      <c r="C4564" s="5" t="s">
        <v>6341</v>
      </c>
      <c r="D4564" s="1" t="s">
        <v>2460</v>
      </c>
      <c r="E4564" s="5" t="s">
        <v>15974</v>
      </c>
      <c r="F4564" s="6">
        <v>4893</v>
      </c>
    </row>
    <row r="4565" spans="1:6" x14ac:dyDescent="0.25">
      <c r="A4565" s="4" t="s">
        <v>2619</v>
      </c>
      <c r="B4565" s="1" t="s">
        <v>3152</v>
      </c>
      <c r="C4565" s="5" t="s">
        <v>6531</v>
      </c>
      <c r="D4565" s="1" t="s">
        <v>2619</v>
      </c>
      <c r="E4565" s="5" t="s">
        <v>16372</v>
      </c>
      <c r="F4565" s="6">
        <v>5775</v>
      </c>
    </row>
    <row r="4566" spans="1:6" x14ac:dyDescent="0.25">
      <c r="A4566" s="4" t="s">
        <v>2988</v>
      </c>
      <c r="B4566" s="1" t="s">
        <v>3151</v>
      </c>
      <c r="C4566" s="5" t="s">
        <v>7035</v>
      </c>
      <c r="D4566" s="1" t="s">
        <v>11119</v>
      </c>
      <c r="E4566" s="5" t="s">
        <v>17475</v>
      </c>
      <c r="F4566" s="6">
        <v>9086</v>
      </c>
    </row>
    <row r="4567" spans="1:6" x14ac:dyDescent="0.25">
      <c r="A4567" s="4" t="s">
        <v>2442</v>
      </c>
      <c r="B4567" s="1" t="s">
        <v>3149</v>
      </c>
      <c r="C4567" s="5" t="s">
        <v>6313</v>
      </c>
      <c r="D4567" s="1" t="s">
        <v>9966</v>
      </c>
      <c r="E4567" s="5" t="s">
        <v>15923</v>
      </c>
      <c r="F4567" s="6">
        <v>4841</v>
      </c>
    </row>
    <row r="4568" spans="1:6" x14ac:dyDescent="0.25">
      <c r="A4568" s="4" t="s">
        <v>2744</v>
      </c>
      <c r="B4568" s="1" t="s">
        <v>3153</v>
      </c>
      <c r="C4568" s="5" t="s">
        <v>6691</v>
      </c>
      <c r="D4568" s="1" t="s">
        <v>2744</v>
      </c>
      <c r="E4568" s="5" t="s">
        <v>16706</v>
      </c>
      <c r="F4568" s="6">
        <v>6636</v>
      </c>
    </row>
    <row r="4569" spans="1:6" x14ac:dyDescent="0.25">
      <c r="A4569" s="4" t="s">
        <v>1572</v>
      </c>
      <c r="B4569" s="1" t="s">
        <v>3153</v>
      </c>
      <c r="C4569" s="5" t="s">
        <v>5392</v>
      </c>
      <c r="D4569" s="1" t="s">
        <v>1572</v>
      </c>
      <c r="E4569" s="5" t="s">
        <v>14356</v>
      </c>
      <c r="F4569" s="6">
        <v>3021</v>
      </c>
    </row>
    <row r="4570" spans="1:6" x14ac:dyDescent="0.25">
      <c r="A4570" s="4" t="s">
        <v>1508</v>
      </c>
      <c r="B4570" s="1" t="s">
        <v>3155</v>
      </c>
      <c r="C4570" s="5" t="s">
        <v>5327</v>
      </c>
      <c r="D4570" s="1" t="s">
        <v>1508</v>
      </c>
      <c r="E4570" s="5" t="s">
        <v>14286</v>
      </c>
      <c r="F4570" s="6">
        <v>2948</v>
      </c>
    </row>
    <row r="4571" spans="1:6" x14ac:dyDescent="0.25">
      <c r="A4571" s="4" t="s">
        <v>1939</v>
      </c>
      <c r="B4571" s="1" t="s">
        <v>3148</v>
      </c>
      <c r="C4571" s="5" t="s">
        <v>5675</v>
      </c>
      <c r="D4571" s="1" t="s">
        <v>1939</v>
      </c>
      <c r="E4571" s="5" t="s">
        <v>14773</v>
      </c>
      <c r="F4571" s="6">
        <v>3484</v>
      </c>
    </row>
    <row r="4572" spans="1:6" x14ac:dyDescent="0.25">
      <c r="A4572" s="4" t="s">
        <v>655</v>
      </c>
      <c r="B4572" s="1" t="s">
        <v>3154</v>
      </c>
      <c r="C4572" s="5" t="s">
        <v>4350</v>
      </c>
      <c r="D4572" s="1" t="s">
        <v>655</v>
      </c>
      <c r="E4572" s="5" t="s">
        <v>13090</v>
      </c>
      <c r="F4572" s="6">
        <v>1722</v>
      </c>
    </row>
    <row r="4573" spans="1:6" x14ac:dyDescent="0.25">
      <c r="A4573" s="4" t="s">
        <v>655</v>
      </c>
      <c r="B4573" s="1" t="s">
        <v>3154</v>
      </c>
      <c r="C4573" s="5">
        <v>126116</v>
      </c>
      <c r="D4573" s="1" t="s">
        <v>655</v>
      </c>
      <c r="E4573" s="5" t="s">
        <v>17070</v>
      </c>
      <c r="F4573" s="6">
        <v>7763</v>
      </c>
    </row>
    <row r="4574" spans="1:6" x14ac:dyDescent="0.25">
      <c r="A4574" s="4" t="s">
        <v>36</v>
      </c>
      <c r="B4574" s="1" t="s">
        <v>3144</v>
      </c>
      <c r="C4574" s="5" t="s">
        <v>3256</v>
      </c>
      <c r="D4574" s="1" t="s">
        <v>7381</v>
      </c>
      <c r="E4574" s="5" t="s">
        <v>11655</v>
      </c>
      <c r="F4574" s="6">
        <v>64</v>
      </c>
    </row>
    <row r="4575" spans="1:6" x14ac:dyDescent="0.25">
      <c r="A4575" s="4" t="s">
        <v>36</v>
      </c>
      <c r="B4575" s="1" t="s">
        <v>3144</v>
      </c>
      <c r="C4575" s="5" t="s">
        <v>3588</v>
      </c>
      <c r="D4575" s="1" t="s">
        <v>7727</v>
      </c>
      <c r="E4575" s="5" t="s">
        <v>12023</v>
      </c>
      <c r="F4575" s="6">
        <v>456</v>
      </c>
    </row>
    <row r="4576" spans="1:6" x14ac:dyDescent="0.25">
      <c r="A4576" s="4" t="s">
        <v>36</v>
      </c>
      <c r="B4576" s="1" t="s">
        <v>3144</v>
      </c>
      <c r="C4576" s="5" t="s">
        <v>3804</v>
      </c>
      <c r="D4576" s="1" t="s">
        <v>7980</v>
      </c>
      <c r="E4576" s="5" t="s">
        <v>12299</v>
      </c>
      <c r="F4576" s="6">
        <v>793</v>
      </c>
    </row>
    <row r="4577" spans="1:6" x14ac:dyDescent="0.25">
      <c r="A4577" s="4" t="s">
        <v>36</v>
      </c>
      <c r="B4577" s="1" t="s">
        <v>3144</v>
      </c>
      <c r="C4577" s="5" t="s">
        <v>3869</v>
      </c>
      <c r="D4577" s="1" t="s">
        <v>8036</v>
      </c>
      <c r="E4577" s="5" t="s">
        <v>12371</v>
      </c>
      <c r="F4577" s="6">
        <v>878</v>
      </c>
    </row>
    <row r="4578" spans="1:6" x14ac:dyDescent="0.25">
      <c r="A4578" s="4" t="s">
        <v>36</v>
      </c>
      <c r="B4578" s="1" t="s">
        <v>3144</v>
      </c>
      <c r="C4578" s="5" t="s">
        <v>4066</v>
      </c>
      <c r="D4578" s="1" t="s">
        <v>8244</v>
      </c>
      <c r="E4578" s="5" t="s">
        <v>12651</v>
      </c>
      <c r="F4578" s="6">
        <v>1246</v>
      </c>
    </row>
    <row r="4579" spans="1:6" x14ac:dyDescent="0.25">
      <c r="A4579" s="4" t="s">
        <v>36</v>
      </c>
      <c r="B4579" s="1" t="s">
        <v>3144</v>
      </c>
      <c r="C4579" s="5" t="s">
        <v>4604</v>
      </c>
      <c r="D4579" s="1" t="s">
        <v>8751</v>
      </c>
      <c r="E4579" s="5" t="s">
        <v>13408</v>
      </c>
      <c r="F4579" s="6">
        <v>2041</v>
      </c>
    </row>
    <row r="4580" spans="1:6" x14ac:dyDescent="0.25">
      <c r="A4580" s="4" t="s">
        <v>36</v>
      </c>
      <c r="B4580" s="1" t="s">
        <v>3144</v>
      </c>
      <c r="C4580" s="5" t="s">
        <v>5022</v>
      </c>
      <c r="D4580" s="1" t="s">
        <v>8929</v>
      </c>
      <c r="E4580" s="5" t="s">
        <v>13890</v>
      </c>
      <c r="F4580" s="6">
        <v>2541</v>
      </c>
    </row>
    <row r="4581" spans="1:6" x14ac:dyDescent="0.25">
      <c r="A4581" s="4" t="s">
        <v>36</v>
      </c>
      <c r="B4581" s="1" t="s">
        <v>3144</v>
      </c>
      <c r="C4581" s="5" t="s">
        <v>5215</v>
      </c>
      <c r="D4581" s="1" t="s">
        <v>9054</v>
      </c>
      <c r="E4581" s="5" t="s">
        <v>14145</v>
      </c>
      <c r="F4581" s="6">
        <v>2802</v>
      </c>
    </row>
    <row r="4582" spans="1:6" x14ac:dyDescent="0.25">
      <c r="A4582" s="4" t="s">
        <v>36</v>
      </c>
      <c r="B4582" s="1" t="s">
        <v>3144</v>
      </c>
      <c r="C4582" s="5" t="s">
        <v>5759</v>
      </c>
      <c r="D4582" s="1" t="s">
        <v>9272</v>
      </c>
      <c r="E4582" s="5" t="s">
        <v>14947</v>
      </c>
      <c r="F4582" s="6">
        <v>3669</v>
      </c>
    </row>
    <row r="4583" spans="1:6" x14ac:dyDescent="0.25">
      <c r="A4583" s="4" t="s">
        <v>36</v>
      </c>
      <c r="B4583" s="1" t="s">
        <v>3144</v>
      </c>
      <c r="C4583" s="5" t="s">
        <v>6216</v>
      </c>
      <c r="D4583" s="1" t="s">
        <v>9837</v>
      </c>
      <c r="E4583" s="5" t="s">
        <v>15757</v>
      </c>
      <c r="F4583" s="6">
        <v>4663</v>
      </c>
    </row>
    <row r="4584" spans="1:6" x14ac:dyDescent="0.25">
      <c r="A4584" s="4" t="s">
        <v>36</v>
      </c>
      <c r="B4584" s="1" t="s">
        <v>3144</v>
      </c>
      <c r="C4584" s="5" t="s">
        <v>3869</v>
      </c>
      <c r="D4584" s="1" t="s">
        <v>9843</v>
      </c>
      <c r="E4584" s="5" t="s">
        <v>15767</v>
      </c>
      <c r="F4584" s="6">
        <v>4673</v>
      </c>
    </row>
    <row r="4585" spans="1:6" x14ac:dyDescent="0.25">
      <c r="A4585" s="4" t="s">
        <v>36</v>
      </c>
      <c r="B4585" s="1" t="s">
        <v>3144</v>
      </c>
      <c r="C4585" s="5" t="s">
        <v>5215</v>
      </c>
      <c r="D4585" s="1" t="s">
        <v>9855</v>
      </c>
      <c r="E4585" s="5" t="s">
        <v>15783</v>
      </c>
      <c r="F4585" s="6">
        <v>4690</v>
      </c>
    </row>
    <row r="4586" spans="1:6" x14ac:dyDescent="0.25">
      <c r="A4586" s="4" t="s">
        <v>36</v>
      </c>
      <c r="B4586" s="1" t="s">
        <v>3144</v>
      </c>
      <c r="C4586" s="5" t="s">
        <v>6306</v>
      </c>
      <c r="D4586" s="1" t="s">
        <v>9957</v>
      </c>
      <c r="E4586" s="5" t="s">
        <v>15912</v>
      </c>
      <c r="F4586" s="6">
        <v>4828</v>
      </c>
    </row>
    <row r="4587" spans="1:6" x14ac:dyDescent="0.25">
      <c r="A4587" s="4" t="s">
        <v>36</v>
      </c>
      <c r="B4587" s="1" t="s">
        <v>3144</v>
      </c>
      <c r="C4587" s="5" t="s">
        <v>6310</v>
      </c>
      <c r="D4587" s="1" t="s">
        <v>9963</v>
      </c>
      <c r="E4587" s="5" t="s">
        <v>15919</v>
      </c>
      <c r="F4587" s="6">
        <v>4837</v>
      </c>
    </row>
    <row r="4588" spans="1:6" x14ac:dyDescent="0.25">
      <c r="A4588" s="4" t="s">
        <v>36</v>
      </c>
      <c r="B4588" s="1" t="s">
        <v>3144</v>
      </c>
      <c r="C4588" s="5" t="s">
        <v>6336</v>
      </c>
      <c r="D4588" s="1" t="s">
        <v>9999</v>
      </c>
      <c r="E4588" s="5" t="s">
        <v>15966</v>
      </c>
      <c r="F4588" s="6">
        <v>4885</v>
      </c>
    </row>
    <row r="4589" spans="1:6" x14ac:dyDescent="0.25">
      <c r="A4589" s="4" t="s">
        <v>36</v>
      </c>
      <c r="B4589" s="1" t="s">
        <v>3144</v>
      </c>
      <c r="C4589" s="5" t="s">
        <v>4066</v>
      </c>
      <c r="D4589" s="1" t="s">
        <v>10071</v>
      </c>
      <c r="E4589" s="5" t="s">
        <v>16065</v>
      </c>
      <c r="F4589" s="6">
        <v>5095</v>
      </c>
    </row>
    <row r="4590" spans="1:6" x14ac:dyDescent="0.25">
      <c r="A4590" s="4" t="s">
        <v>36</v>
      </c>
      <c r="B4590" s="1" t="s">
        <v>3144</v>
      </c>
      <c r="C4590" s="5" t="s">
        <v>6393</v>
      </c>
      <c r="D4590" s="1" t="s">
        <v>10125</v>
      </c>
      <c r="E4590" s="5" t="s">
        <v>16128</v>
      </c>
      <c r="F4590" s="6">
        <v>5210</v>
      </c>
    </row>
    <row r="4591" spans="1:6" x14ac:dyDescent="0.25">
      <c r="A4591" s="4" t="s">
        <v>36</v>
      </c>
      <c r="B4591" s="1" t="s">
        <v>3144</v>
      </c>
      <c r="C4591" s="5" t="s">
        <v>6549</v>
      </c>
      <c r="D4591" s="1" t="s">
        <v>10313</v>
      </c>
      <c r="E4591" s="5" t="s">
        <v>16405</v>
      </c>
      <c r="F4591" s="6">
        <v>5841</v>
      </c>
    </row>
    <row r="4592" spans="1:6" x14ac:dyDescent="0.25">
      <c r="A4592" s="4" t="s">
        <v>36</v>
      </c>
      <c r="B4592" s="1" t="s">
        <v>3144</v>
      </c>
      <c r="C4592" s="5" t="s">
        <v>4604</v>
      </c>
      <c r="D4592" s="1" t="s">
        <v>10368</v>
      </c>
      <c r="E4592" s="5" t="s">
        <v>16488</v>
      </c>
      <c r="F4592" s="6">
        <v>6037</v>
      </c>
    </row>
    <row r="4593" spans="1:6" x14ac:dyDescent="0.25">
      <c r="A4593" s="4" t="s">
        <v>36</v>
      </c>
      <c r="B4593" s="1" t="s">
        <v>3144</v>
      </c>
      <c r="C4593" s="5" t="s">
        <v>5022</v>
      </c>
      <c r="D4593" s="1" t="s">
        <v>11213</v>
      </c>
      <c r="E4593" s="5" t="s">
        <v>17604</v>
      </c>
      <c r="F4593" s="6">
        <v>9220</v>
      </c>
    </row>
    <row r="4594" spans="1:6" x14ac:dyDescent="0.25">
      <c r="A4594" s="4" t="s">
        <v>36</v>
      </c>
      <c r="B4594" s="1" t="s">
        <v>3144</v>
      </c>
      <c r="C4594" s="5" t="s">
        <v>7131</v>
      </c>
      <c r="D4594" s="1" t="s">
        <v>11240</v>
      </c>
      <c r="E4594" s="5" t="s">
        <v>17637</v>
      </c>
      <c r="F4594" s="6">
        <v>9255</v>
      </c>
    </row>
    <row r="4595" spans="1:6" x14ac:dyDescent="0.25">
      <c r="A4595" s="4" t="s">
        <v>36</v>
      </c>
      <c r="B4595" s="1" t="s">
        <v>3144</v>
      </c>
      <c r="C4595" s="5" t="s">
        <v>4066</v>
      </c>
      <c r="D4595" s="1" t="s">
        <v>11397</v>
      </c>
      <c r="E4595" s="5" t="s">
        <v>17823</v>
      </c>
      <c r="F4595" s="6">
        <v>9449</v>
      </c>
    </row>
    <row r="4596" spans="1:6" x14ac:dyDescent="0.25">
      <c r="A4596" s="4" t="s">
        <v>36</v>
      </c>
      <c r="B4596" s="1" t="s">
        <v>3144</v>
      </c>
      <c r="C4596" s="5" t="s">
        <v>7226</v>
      </c>
      <c r="D4596" s="1" t="s">
        <v>11439</v>
      </c>
      <c r="E4596" s="5" t="s">
        <v>17872</v>
      </c>
      <c r="F4596" s="6">
        <v>9501</v>
      </c>
    </row>
    <row r="4597" spans="1:6" x14ac:dyDescent="0.25">
      <c r="A4597" s="4" t="s">
        <v>36</v>
      </c>
      <c r="B4597" s="1" t="s">
        <v>3144</v>
      </c>
      <c r="C4597" s="5" t="s">
        <v>4604</v>
      </c>
      <c r="D4597" s="1" t="s">
        <v>11455</v>
      </c>
      <c r="E4597" s="5" t="s">
        <v>17890</v>
      </c>
      <c r="F4597" s="6">
        <v>9519</v>
      </c>
    </row>
    <row r="4598" spans="1:6" x14ac:dyDescent="0.25">
      <c r="A4598" s="4" t="s">
        <v>3097</v>
      </c>
      <c r="B4598" s="1" t="s">
        <v>3144</v>
      </c>
      <c r="C4598" s="5" t="s">
        <v>7253</v>
      </c>
      <c r="D4598" s="1" t="s">
        <v>11477</v>
      </c>
      <c r="E4598" s="5" t="s">
        <v>17927</v>
      </c>
      <c r="F4598" s="6">
        <v>9557</v>
      </c>
    </row>
    <row r="4599" spans="1:6" x14ac:dyDescent="0.25">
      <c r="A4599" s="4" t="s">
        <v>36</v>
      </c>
      <c r="B4599" s="1" t="s">
        <v>3144</v>
      </c>
      <c r="C4599" s="5" t="s">
        <v>7261</v>
      </c>
      <c r="D4599" s="1" t="s">
        <v>11480</v>
      </c>
      <c r="E4599" s="5" t="s">
        <v>17935</v>
      </c>
      <c r="F4599" s="6">
        <v>9566</v>
      </c>
    </row>
    <row r="4600" spans="1:6" x14ac:dyDescent="0.25">
      <c r="A4600" s="4" t="s">
        <v>1573</v>
      </c>
      <c r="B4600" s="1" t="s">
        <v>3156</v>
      </c>
      <c r="C4600" s="5" t="s">
        <v>5393</v>
      </c>
      <c r="D4600" s="1" t="s">
        <v>1573</v>
      </c>
      <c r="E4600" s="5" t="s">
        <v>14357</v>
      </c>
      <c r="F4600" s="6">
        <v>3022</v>
      </c>
    </row>
    <row r="4601" spans="1:6" x14ac:dyDescent="0.25">
      <c r="A4601" s="4" t="s">
        <v>2622</v>
      </c>
      <c r="B4601" s="1" t="s">
        <v>3152</v>
      </c>
      <c r="C4601" s="5">
        <v>146022</v>
      </c>
      <c r="D4601" s="1" t="s">
        <v>2622</v>
      </c>
      <c r="E4601" s="5" t="s">
        <v>16379</v>
      </c>
      <c r="F4601" s="6">
        <v>5788</v>
      </c>
    </row>
    <row r="4602" spans="1:6" x14ac:dyDescent="0.25">
      <c r="A4602" s="4" t="s">
        <v>2532</v>
      </c>
      <c r="B4602" s="1" t="s">
        <v>3153</v>
      </c>
      <c r="C4602" s="5" t="s">
        <v>6436</v>
      </c>
      <c r="D4602" s="1" t="s">
        <v>2532</v>
      </c>
      <c r="E4602" s="5" t="s">
        <v>16211</v>
      </c>
      <c r="F4602" s="6">
        <v>5386</v>
      </c>
    </row>
    <row r="4603" spans="1:6" x14ac:dyDescent="0.25">
      <c r="A4603" s="4" t="s">
        <v>3024</v>
      </c>
      <c r="B4603" s="1" t="s">
        <v>3147</v>
      </c>
      <c r="C4603" s="5" t="s">
        <v>7104</v>
      </c>
      <c r="D4603" s="1" t="s">
        <v>11202</v>
      </c>
      <c r="E4603" s="5" t="s">
        <v>17589</v>
      </c>
      <c r="F4603" s="6">
        <v>9204</v>
      </c>
    </row>
    <row r="4604" spans="1:6" x14ac:dyDescent="0.25">
      <c r="A4604" s="4" t="s">
        <v>1929</v>
      </c>
      <c r="B4604" s="1" t="s">
        <v>3148</v>
      </c>
      <c r="C4604" s="5" t="s">
        <v>5666</v>
      </c>
      <c r="D4604" s="1" t="s">
        <v>1929</v>
      </c>
      <c r="E4604" s="5" t="s">
        <v>14763</v>
      </c>
      <c r="F4604" s="6">
        <v>3474</v>
      </c>
    </row>
    <row r="4605" spans="1:6" x14ac:dyDescent="0.25">
      <c r="A4605" s="4" t="s">
        <v>1796</v>
      </c>
      <c r="B4605" s="1" t="s">
        <v>3152</v>
      </c>
      <c r="C4605" s="5" t="s">
        <v>5459</v>
      </c>
      <c r="D4605" s="1" t="s">
        <v>1796</v>
      </c>
      <c r="E4605" s="5" t="s">
        <v>14617</v>
      </c>
      <c r="F4605" s="6">
        <v>3313</v>
      </c>
    </row>
    <row r="4606" spans="1:6" x14ac:dyDescent="0.25">
      <c r="A4606" s="4" t="s">
        <v>2315</v>
      </c>
      <c r="B4606" s="1" t="s">
        <v>3156</v>
      </c>
      <c r="C4606" s="5" t="s">
        <v>6084</v>
      </c>
      <c r="D4606" s="1" t="s">
        <v>2315</v>
      </c>
      <c r="E4606" s="5" t="s">
        <v>15518</v>
      </c>
      <c r="F4606" s="6">
        <v>4256</v>
      </c>
    </row>
    <row r="4607" spans="1:6" x14ac:dyDescent="0.25">
      <c r="A4607" s="4" t="s">
        <v>929</v>
      </c>
      <c r="B4607" s="1" t="s">
        <v>812</v>
      </c>
      <c r="C4607" s="5" t="s">
        <v>4677</v>
      </c>
      <c r="D4607" s="1" t="s">
        <v>929</v>
      </c>
      <c r="E4607" s="5" t="s">
        <v>13495</v>
      </c>
      <c r="F4607" s="6">
        <v>2133</v>
      </c>
    </row>
    <row r="4608" spans="1:6" x14ac:dyDescent="0.25">
      <c r="A4608" s="4" t="s">
        <v>1234</v>
      </c>
      <c r="B4608" s="1" t="s">
        <v>3158</v>
      </c>
      <c r="C4608" s="5" t="s">
        <v>5001</v>
      </c>
      <c r="D4608" s="1" t="s">
        <v>1234</v>
      </c>
      <c r="E4608" s="5" t="s">
        <v>13860</v>
      </c>
      <c r="F4608" s="6">
        <v>2510</v>
      </c>
    </row>
    <row r="4609" spans="1:6" x14ac:dyDescent="0.25">
      <c r="A4609" s="4" t="s">
        <v>1756</v>
      </c>
      <c r="B4609" s="1" t="s">
        <v>3152</v>
      </c>
      <c r="C4609" s="5" t="s">
        <v>5543</v>
      </c>
      <c r="D4609" s="1" t="s">
        <v>1756</v>
      </c>
      <c r="E4609" s="5" t="s">
        <v>14573</v>
      </c>
      <c r="F4609" s="6">
        <v>3265</v>
      </c>
    </row>
    <row r="4610" spans="1:6" x14ac:dyDescent="0.25">
      <c r="A4610" s="4" t="s">
        <v>1869</v>
      </c>
      <c r="B4610" s="1" t="s">
        <v>3152</v>
      </c>
      <c r="C4610" s="5" t="s">
        <v>5632</v>
      </c>
      <c r="D4610" s="1" t="s">
        <v>1869</v>
      </c>
      <c r="E4610" s="5" t="s">
        <v>14700</v>
      </c>
      <c r="F4610" s="6">
        <v>3405</v>
      </c>
    </row>
    <row r="4611" spans="1:6" x14ac:dyDescent="0.25">
      <c r="A4611" s="4" t="s">
        <v>1463</v>
      </c>
      <c r="B4611" s="1" t="s">
        <v>3152</v>
      </c>
      <c r="C4611" s="5" t="s">
        <v>5277</v>
      </c>
      <c r="D4611" s="1" t="s">
        <v>1463</v>
      </c>
      <c r="E4611" s="5" t="s">
        <v>14233</v>
      </c>
      <c r="F4611" s="6">
        <v>2894</v>
      </c>
    </row>
    <row r="4612" spans="1:6" x14ac:dyDescent="0.25">
      <c r="A4612" s="4" t="s">
        <v>956</v>
      </c>
      <c r="B4612" s="1" t="s">
        <v>3158</v>
      </c>
      <c r="C4612" s="5" t="s">
        <v>4704</v>
      </c>
      <c r="D4612" s="1" t="s">
        <v>956</v>
      </c>
      <c r="E4612" s="5" t="s">
        <v>13522</v>
      </c>
      <c r="F4612" s="6">
        <v>2160</v>
      </c>
    </row>
    <row r="4613" spans="1:6" x14ac:dyDescent="0.25">
      <c r="A4613" s="4" t="s">
        <v>473</v>
      </c>
      <c r="B4613" s="1" t="s">
        <v>1147</v>
      </c>
      <c r="C4613" s="5" t="s">
        <v>4051</v>
      </c>
      <c r="D4613" s="1" t="s">
        <v>8222</v>
      </c>
      <c r="E4613" s="5" t="s">
        <v>12627</v>
      </c>
      <c r="F4613" s="6">
        <v>1221</v>
      </c>
    </row>
    <row r="4614" spans="1:6" x14ac:dyDescent="0.25">
      <c r="A4614" s="4" t="s">
        <v>143</v>
      </c>
      <c r="B4614" s="1" t="s">
        <v>3144</v>
      </c>
      <c r="C4614" s="5" t="s">
        <v>3415</v>
      </c>
      <c r="D4614" s="1" t="s">
        <v>7541</v>
      </c>
      <c r="E4614" s="5" t="s">
        <v>11827</v>
      </c>
      <c r="F4614" s="6">
        <v>258</v>
      </c>
    </row>
    <row r="4615" spans="1:6" x14ac:dyDescent="0.25">
      <c r="A4615" s="4" t="s">
        <v>143</v>
      </c>
      <c r="B4615" s="1" t="s">
        <v>3144</v>
      </c>
      <c r="C4615" s="5" t="s">
        <v>3613</v>
      </c>
      <c r="D4615" s="1" t="s">
        <v>7755</v>
      </c>
      <c r="E4615" s="5" t="s">
        <v>12054</v>
      </c>
      <c r="F4615" s="6">
        <v>489</v>
      </c>
    </row>
    <row r="4616" spans="1:6" x14ac:dyDescent="0.25">
      <c r="A4616" s="4" t="s">
        <v>143</v>
      </c>
      <c r="B4616" s="1" t="s">
        <v>3144</v>
      </c>
      <c r="C4616" s="5">
        <v>400703</v>
      </c>
      <c r="D4616" s="1" t="s">
        <v>7787</v>
      </c>
      <c r="E4616" s="5" t="s">
        <v>12088</v>
      </c>
      <c r="F4616" s="6">
        <v>540</v>
      </c>
    </row>
    <row r="4617" spans="1:6" x14ac:dyDescent="0.25">
      <c r="A4617" s="4" t="s">
        <v>143</v>
      </c>
      <c r="B4617" s="1" t="s">
        <v>3144</v>
      </c>
      <c r="C4617" s="5" t="s">
        <v>3725</v>
      </c>
      <c r="D4617" s="1" t="s">
        <v>2215</v>
      </c>
      <c r="E4617" s="5" t="s">
        <v>12209</v>
      </c>
      <c r="F4617" s="6">
        <v>685</v>
      </c>
    </row>
    <row r="4618" spans="1:6" x14ac:dyDescent="0.25">
      <c r="A4618" s="4" t="s">
        <v>143</v>
      </c>
      <c r="B4618" s="1" t="s">
        <v>3144</v>
      </c>
      <c r="C4618" s="5" t="s">
        <v>3835</v>
      </c>
      <c r="D4618" s="1" t="s">
        <v>8009</v>
      </c>
      <c r="E4618" s="5" t="s">
        <v>12333</v>
      </c>
      <c r="F4618" s="6">
        <v>829</v>
      </c>
    </row>
    <row r="4619" spans="1:6" x14ac:dyDescent="0.25">
      <c r="A4619" s="4" t="s">
        <v>143</v>
      </c>
      <c r="B4619" s="1" t="s">
        <v>3144</v>
      </c>
      <c r="C4619" s="5" t="s">
        <v>3836</v>
      </c>
      <c r="D4619" s="1" t="s">
        <v>8010</v>
      </c>
      <c r="E4619" s="5" t="s">
        <v>12334</v>
      </c>
      <c r="F4619" s="6">
        <v>830</v>
      </c>
    </row>
    <row r="4620" spans="1:6" x14ac:dyDescent="0.25">
      <c r="A4620" s="4" t="s">
        <v>143</v>
      </c>
      <c r="B4620" s="1" t="s">
        <v>3144</v>
      </c>
      <c r="C4620" s="5" t="s">
        <v>3837</v>
      </c>
      <c r="D4620" s="1" t="s">
        <v>8011</v>
      </c>
      <c r="E4620" s="5" t="s">
        <v>12335</v>
      </c>
      <c r="F4620" s="6">
        <v>831</v>
      </c>
    </row>
    <row r="4621" spans="1:6" x14ac:dyDescent="0.25">
      <c r="A4621" s="4" t="s">
        <v>143</v>
      </c>
      <c r="B4621" s="1" t="s">
        <v>3144</v>
      </c>
      <c r="C4621" s="5">
        <v>410210</v>
      </c>
      <c r="D4621" s="1" t="s">
        <v>8097</v>
      </c>
      <c r="E4621" s="5" t="s">
        <v>12473</v>
      </c>
      <c r="F4621" s="6">
        <v>991</v>
      </c>
    </row>
    <row r="4622" spans="1:6" x14ac:dyDescent="0.25">
      <c r="A4622" s="4" t="s">
        <v>143</v>
      </c>
      <c r="B4622" s="1" t="s">
        <v>3144</v>
      </c>
      <c r="C4622" s="5" t="s">
        <v>3415</v>
      </c>
      <c r="D4622" s="1" t="s">
        <v>8119</v>
      </c>
      <c r="E4622" s="5" t="s">
        <v>12503</v>
      </c>
      <c r="F4622" s="6">
        <v>1028</v>
      </c>
    </row>
    <row r="4623" spans="1:6" x14ac:dyDescent="0.25">
      <c r="A4623" s="4" t="s">
        <v>143</v>
      </c>
      <c r="B4623" s="1" t="s">
        <v>3144</v>
      </c>
      <c r="C4623" s="5" t="s">
        <v>3835</v>
      </c>
      <c r="D4623" s="1" t="s">
        <v>8120</v>
      </c>
      <c r="E4623" s="5" t="s">
        <v>12504</v>
      </c>
      <c r="F4623" s="6">
        <v>1029</v>
      </c>
    </row>
    <row r="4624" spans="1:6" x14ac:dyDescent="0.25">
      <c r="A4624" s="4" t="s">
        <v>143</v>
      </c>
      <c r="B4624" s="1" t="s">
        <v>3144</v>
      </c>
      <c r="C4624" s="5" t="s">
        <v>3835</v>
      </c>
      <c r="D4624" s="1" t="s">
        <v>8121</v>
      </c>
      <c r="E4624" s="5" t="s">
        <v>12505</v>
      </c>
      <c r="F4624" s="6">
        <v>1030</v>
      </c>
    </row>
    <row r="4625" spans="1:6" x14ac:dyDescent="0.25">
      <c r="A4625" s="4" t="s">
        <v>143</v>
      </c>
      <c r="B4625" s="1" t="s">
        <v>3144</v>
      </c>
      <c r="C4625" s="5" t="s">
        <v>4021</v>
      </c>
      <c r="D4625" s="1" t="s">
        <v>8172</v>
      </c>
      <c r="E4625" s="5" t="s">
        <v>12572</v>
      </c>
      <c r="F4625" s="6">
        <v>1102</v>
      </c>
    </row>
    <row r="4626" spans="1:6" x14ac:dyDescent="0.25">
      <c r="A4626" s="4" t="s">
        <v>143</v>
      </c>
      <c r="B4626" s="1" t="s">
        <v>3144</v>
      </c>
      <c r="C4626" s="5" t="s">
        <v>3837</v>
      </c>
      <c r="D4626" s="1" t="s">
        <v>8400</v>
      </c>
      <c r="E4626" s="5" t="s">
        <v>12836</v>
      </c>
      <c r="F4626" s="6">
        <v>1436</v>
      </c>
    </row>
    <row r="4627" spans="1:6" x14ac:dyDescent="0.25">
      <c r="A4627" s="4" t="s">
        <v>143</v>
      </c>
      <c r="B4627" s="1" t="s">
        <v>3144</v>
      </c>
      <c r="C4627" s="5" t="s">
        <v>4262</v>
      </c>
      <c r="D4627" s="1" t="s">
        <v>8502</v>
      </c>
      <c r="E4627" s="5" t="s">
        <v>12966</v>
      </c>
      <c r="F4627" s="6">
        <v>1575</v>
      </c>
    </row>
    <row r="4628" spans="1:6" x14ac:dyDescent="0.25">
      <c r="A4628" s="4" t="s">
        <v>143</v>
      </c>
      <c r="B4628" s="1" t="s">
        <v>3144</v>
      </c>
      <c r="C4628" s="5" t="s">
        <v>4279</v>
      </c>
      <c r="D4628" s="1" t="s">
        <v>8526</v>
      </c>
      <c r="E4628" s="5" t="s">
        <v>12991</v>
      </c>
      <c r="F4628" s="6">
        <v>1602</v>
      </c>
    </row>
    <row r="4629" spans="1:6" x14ac:dyDescent="0.25">
      <c r="A4629" s="4" t="s">
        <v>143</v>
      </c>
      <c r="B4629" s="1" t="s">
        <v>3144</v>
      </c>
      <c r="C4629" s="5" t="s">
        <v>3836</v>
      </c>
      <c r="D4629" s="1" t="s">
        <v>9093</v>
      </c>
      <c r="E4629" s="5" t="s">
        <v>14201</v>
      </c>
      <c r="F4629" s="6">
        <v>2860</v>
      </c>
    </row>
    <row r="4630" spans="1:6" x14ac:dyDescent="0.25">
      <c r="A4630" s="4" t="s">
        <v>143</v>
      </c>
      <c r="B4630" s="1" t="s">
        <v>3144</v>
      </c>
      <c r="C4630" s="5" t="s">
        <v>3835</v>
      </c>
      <c r="D4630" s="1" t="s">
        <v>9453</v>
      </c>
      <c r="E4630" s="5" t="s">
        <v>15219</v>
      </c>
      <c r="F4630" s="6">
        <v>3953</v>
      </c>
    </row>
    <row r="4631" spans="1:6" x14ac:dyDescent="0.25">
      <c r="A4631" s="4" t="s">
        <v>143</v>
      </c>
      <c r="B4631" s="1" t="s">
        <v>3144</v>
      </c>
      <c r="C4631" s="5" t="s">
        <v>3835</v>
      </c>
      <c r="D4631" s="1" t="s">
        <v>9722</v>
      </c>
      <c r="E4631" s="5" t="s">
        <v>15618</v>
      </c>
      <c r="F4631" s="6">
        <v>4360</v>
      </c>
    </row>
    <row r="4632" spans="1:6" x14ac:dyDescent="0.25">
      <c r="A4632" s="4" t="s">
        <v>143</v>
      </c>
      <c r="B4632" s="1" t="s">
        <v>3144</v>
      </c>
      <c r="C4632" s="5" t="s">
        <v>3415</v>
      </c>
      <c r="D4632" s="1" t="s">
        <v>9778</v>
      </c>
      <c r="E4632" s="5" t="s">
        <v>15687</v>
      </c>
      <c r="F4632" s="6">
        <v>4435</v>
      </c>
    </row>
    <row r="4633" spans="1:6" x14ac:dyDescent="0.25">
      <c r="A4633" s="4" t="s">
        <v>143</v>
      </c>
      <c r="B4633" s="1" t="s">
        <v>3144</v>
      </c>
      <c r="C4633" s="5" t="s">
        <v>3835</v>
      </c>
      <c r="D4633" s="1" t="s">
        <v>10207</v>
      </c>
      <c r="E4633" s="5" t="s">
        <v>16232</v>
      </c>
      <c r="F4633" s="6">
        <v>5449</v>
      </c>
    </row>
    <row r="4634" spans="1:6" x14ac:dyDescent="0.25">
      <c r="A4634" s="4" t="s">
        <v>143</v>
      </c>
      <c r="B4634" s="1" t="s">
        <v>3144</v>
      </c>
      <c r="C4634" s="5" t="s">
        <v>3613</v>
      </c>
      <c r="D4634" s="1" t="s">
        <v>11451</v>
      </c>
      <c r="E4634" s="5" t="s">
        <v>17884</v>
      </c>
      <c r="F4634" s="6">
        <v>9513</v>
      </c>
    </row>
    <row r="4635" spans="1:6" x14ac:dyDescent="0.25">
      <c r="A4635" s="4" t="s">
        <v>66</v>
      </c>
      <c r="B4635" s="1" t="s">
        <v>3147</v>
      </c>
      <c r="C4635" s="5" t="s">
        <v>3310</v>
      </c>
      <c r="D4635" s="1" t="s">
        <v>7436</v>
      </c>
      <c r="E4635" s="5" t="s">
        <v>11714</v>
      </c>
      <c r="F4635" s="6">
        <v>135</v>
      </c>
    </row>
    <row r="4636" spans="1:6" x14ac:dyDescent="0.25">
      <c r="A4636" s="4" t="s">
        <v>66</v>
      </c>
      <c r="B4636" s="1" t="s">
        <v>3147</v>
      </c>
      <c r="C4636" s="5" t="s">
        <v>3310</v>
      </c>
      <c r="D4636" s="1" t="s">
        <v>8565</v>
      </c>
      <c r="E4636" s="5" t="s">
        <v>13062</v>
      </c>
      <c r="F4636" s="6">
        <v>1694</v>
      </c>
    </row>
    <row r="4637" spans="1:6" x14ac:dyDescent="0.25">
      <c r="A4637" s="4" t="s">
        <v>66</v>
      </c>
      <c r="B4637" s="1" t="s">
        <v>3147</v>
      </c>
      <c r="C4637" s="5">
        <v>396445</v>
      </c>
      <c r="D4637" s="1" t="s">
        <v>10825</v>
      </c>
      <c r="E4637" s="5" t="s">
        <v>17097</v>
      </c>
      <c r="F4637" s="6">
        <v>7865</v>
      </c>
    </row>
    <row r="4638" spans="1:6" x14ac:dyDescent="0.25">
      <c r="A4638" s="4" t="s">
        <v>2884</v>
      </c>
      <c r="B4638" s="1" t="s">
        <v>3156</v>
      </c>
      <c r="C4638" s="5" t="s">
        <v>6891</v>
      </c>
      <c r="D4638" s="1" t="s">
        <v>10852</v>
      </c>
      <c r="E4638" s="5" t="s">
        <v>17132</v>
      </c>
      <c r="F4638" s="6">
        <v>8011</v>
      </c>
    </row>
    <row r="4639" spans="1:6" x14ac:dyDescent="0.25">
      <c r="A4639" s="4" t="s">
        <v>2206</v>
      </c>
      <c r="B4639" s="1" t="s">
        <v>3158</v>
      </c>
      <c r="C4639" s="5" t="s">
        <v>5921</v>
      </c>
      <c r="D4639" s="1" t="s">
        <v>9492</v>
      </c>
      <c r="E4639" s="5" t="s">
        <v>15273</v>
      </c>
      <c r="F4639" s="6">
        <v>4008</v>
      </c>
    </row>
    <row r="4640" spans="1:6" x14ac:dyDescent="0.25">
      <c r="A4640" s="4" t="s">
        <v>2206</v>
      </c>
      <c r="B4640" s="1" t="s">
        <v>3158</v>
      </c>
      <c r="C4640" s="5" t="s">
        <v>6078</v>
      </c>
      <c r="D4640" s="1" t="s">
        <v>2206</v>
      </c>
      <c r="E4640" s="5" t="s">
        <v>15507</v>
      </c>
      <c r="F4640" s="6">
        <v>4245</v>
      </c>
    </row>
    <row r="4641" spans="1:6" x14ac:dyDescent="0.25">
      <c r="A4641" s="4" t="s">
        <v>1287</v>
      </c>
      <c r="B4641" s="1" t="s">
        <v>812</v>
      </c>
      <c r="C4641" s="5" t="s">
        <v>5072</v>
      </c>
      <c r="D4641" s="1" t="s">
        <v>1287</v>
      </c>
      <c r="E4641" s="5" t="s">
        <v>13953</v>
      </c>
      <c r="F4641" s="6">
        <v>2605</v>
      </c>
    </row>
    <row r="4642" spans="1:6" x14ac:dyDescent="0.25">
      <c r="A4642" s="4" t="s">
        <v>2152</v>
      </c>
      <c r="B4642" s="1" t="s">
        <v>3161</v>
      </c>
      <c r="C4642" s="5" t="s">
        <v>5856</v>
      </c>
      <c r="D4642" s="1" t="s">
        <v>2152</v>
      </c>
      <c r="E4642" s="5" t="s">
        <v>15131</v>
      </c>
      <c r="F4642" s="6">
        <v>3862</v>
      </c>
    </row>
    <row r="4643" spans="1:6" x14ac:dyDescent="0.25">
      <c r="A4643" s="4" t="s">
        <v>2976</v>
      </c>
      <c r="B4643" s="1" t="s">
        <v>3156</v>
      </c>
      <c r="C4643" s="5" t="s">
        <v>7013</v>
      </c>
      <c r="D4643" s="1" t="s">
        <v>2976</v>
      </c>
      <c r="E4643" s="5" t="s">
        <v>17438</v>
      </c>
      <c r="F4643" s="6">
        <v>9048</v>
      </c>
    </row>
    <row r="4644" spans="1:6" x14ac:dyDescent="0.25">
      <c r="A4644" s="4" t="s">
        <v>1757</v>
      </c>
      <c r="B4644" s="1" t="s">
        <v>3152</v>
      </c>
      <c r="C4644" s="5" t="s">
        <v>5544</v>
      </c>
      <c r="D4644" s="1" t="s">
        <v>1757</v>
      </c>
      <c r="E4644" s="5" t="s">
        <v>14574</v>
      </c>
      <c r="F4644" s="6">
        <v>3266</v>
      </c>
    </row>
    <row r="4645" spans="1:6" x14ac:dyDescent="0.25">
      <c r="A4645" s="4" t="s">
        <v>2138</v>
      </c>
      <c r="B4645" s="1" t="s">
        <v>3161</v>
      </c>
      <c r="C4645" s="5" t="s">
        <v>3896</v>
      </c>
      <c r="D4645" s="1" t="s">
        <v>2138</v>
      </c>
      <c r="E4645" s="5" t="s">
        <v>15104</v>
      </c>
      <c r="F4645" s="6">
        <v>3833</v>
      </c>
    </row>
    <row r="4646" spans="1:6" x14ac:dyDescent="0.25">
      <c r="A4646" s="4" t="s">
        <v>2006</v>
      </c>
      <c r="B4646" s="1" t="s">
        <v>3152</v>
      </c>
      <c r="C4646" s="5" t="s">
        <v>4739</v>
      </c>
      <c r="D4646" s="1" t="s">
        <v>9229</v>
      </c>
      <c r="E4646" s="5" t="s">
        <v>14844</v>
      </c>
      <c r="F4646" s="6">
        <v>3556</v>
      </c>
    </row>
    <row r="4647" spans="1:6" x14ac:dyDescent="0.25">
      <c r="A4647" s="4" t="s">
        <v>147</v>
      </c>
      <c r="B4647" s="1" t="s">
        <v>3152</v>
      </c>
      <c r="C4647" s="5" t="s">
        <v>3422</v>
      </c>
      <c r="D4647" s="1" t="s">
        <v>7549</v>
      </c>
      <c r="E4647" s="5" t="s">
        <v>11835</v>
      </c>
      <c r="F4647" s="6">
        <v>266</v>
      </c>
    </row>
    <row r="4648" spans="1:6" x14ac:dyDescent="0.25">
      <c r="A4648" s="4" t="s">
        <v>147</v>
      </c>
      <c r="B4648" s="1" t="s">
        <v>3152</v>
      </c>
      <c r="C4648" s="5" t="s">
        <v>3422</v>
      </c>
      <c r="D4648" s="1" t="s">
        <v>8313</v>
      </c>
      <c r="E4648" s="5" t="s">
        <v>12731</v>
      </c>
      <c r="F4648" s="6">
        <v>1328</v>
      </c>
    </row>
    <row r="4649" spans="1:6" x14ac:dyDescent="0.25">
      <c r="A4649" s="4" t="s">
        <v>2253</v>
      </c>
      <c r="B4649" s="1" t="s">
        <v>3144</v>
      </c>
      <c r="C4649" s="5" t="s">
        <v>5985</v>
      </c>
      <c r="D4649" s="1" t="s">
        <v>2253</v>
      </c>
      <c r="E4649" s="5" t="s">
        <v>15360</v>
      </c>
      <c r="F4649" s="6">
        <v>4097</v>
      </c>
    </row>
    <row r="4650" spans="1:6" x14ac:dyDescent="0.25">
      <c r="A4650" s="4" t="s">
        <v>2822</v>
      </c>
      <c r="B4650" s="1" t="s">
        <v>3185</v>
      </c>
      <c r="C4650" s="5" t="s">
        <v>6815</v>
      </c>
      <c r="D4650" s="1" t="s">
        <v>2822</v>
      </c>
      <c r="E4650" s="5" t="s">
        <v>16937</v>
      </c>
      <c r="F4650" s="6">
        <v>7347</v>
      </c>
    </row>
    <row r="4651" spans="1:6" x14ac:dyDescent="0.25">
      <c r="A4651" s="4" t="s">
        <v>1444</v>
      </c>
      <c r="B4651" s="1" t="s">
        <v>3160</v>
      </c>
      <c r="C4651" s="5" t="s">
        <v>5259</v>
      </c>
      <c r="D4651" s="1" t="s">
        <v>1444</v>
      </c>
      <c r="E4651" s="5" t="s">
        <v>14214</v>
      </c>
      <c r="F4651" s="6">
        <v>2874</v>
      </c>
    </row>
    <row r="4652" spans="1:6" x14ac:dyDescent="0.25">
      <c r="A4652" s="4" t="s">
        <v>2518</v>
      </c>
      <c r="B4652" s="1" t="s">
        <v>3150</v>
      </c>
      <c r="C4652" s="5" t="s">
        <v>6407</v>
      </c>
      <c r="D4652" s="1" t="s">
        <v>2518</v>
      </c>
      <c r="E4652" s="5" t="s">
        <v>16151</v>
      </c>
      <c r="F4652" s="6">
        <v>5255</v>
      </c>
    </row>
    <row r="4653" spans="1:6" x14ac:dyDescent="0.25">
      <c r="A4653" s="4" t="s">
        <v>2018</v>
      </c>
      <c r="B4653" s="1" t="s">
        <v>3155</v>
      </c>
      <c r="C4653" s="5" t="s">
        <v>5716</v>
      </c>
      <c r="D4653" s="1" t="s">
        <v>2018</v>
      </c>
      <c r="E4653" s="5" t="s">
        <v>14857</v>
      </c>
      <c r="F4653" s="6">
        <v>3572</v>
      </c>
    </row>
    <row r="4654" spans="1:6" x14ac:dyDescent="0.25">
      <c r="A4654" s="4" t="s">
        <v>1283</v>
      </c>
      <c r="B4654" s="1" t="s">
        <v>3156</v>
      </c>
      <c r="C4654" s="5" t="s">
        <v>5067</v>
      </c>
      <c r="D4654" s="1" t="s">
        <v>1283</v>
      </c>
      <c r="E4654" s="5" t="s">
        <v>13948</v>
      </c>
      <c r="F4654" s="6">
        <v>2600</v>
      </c>
    </row>
    <row r="4655" spans="1:6" x14ac:dyDescent="0.25">
      <c r="A4655" s="4" t="s">
        <v>731</v>
      </c>
      <c r="B4655" s="1" t="s">
        <v>3156</v>
      </c>
      <c r="C4655" s="5" t="s">
        <v>4442</v>
      </c>
      <c r="D4655" s="1" t="s">
        <v>731</v>
      </c>
      <c r="E4655" s="5" t="s">
        <v>13205</v>
      </c>
      <c r="F4655" s="6">
        <v>1838</v>
      </c>
    </row>
    <row r="4656" spans="1:6" x14ac:dyDescent="0.25">
      <c r="A4656" s="4" t="s">
        <v>248</v>
      </c>
      <c r="B4656" s="1" t="s">
        <v>3153</v>
      </c>
      <c r="C4656" s="5" t="s">
        <v>3677</v>
      </c>
      <c r="D4656" s="1" t="s">
        <v>7847</v>
      </c>
      <c r="E4656" s="5" t="s">
        <v>12150</v>
      </c>
      <c r="F4656" s="6">
        <v>624</v>
      </c>
    </row>
    <row r="4657" spans="1:6" x14ac:dyDescent="0.25">
      <c r="A4657" s="4" t="s">
        <v>248</v>
      </c>
      <c r="B4657" s="1" t="s">
        <v>3153</v>
      </c>
      <c r="C4657" s="5" t="s">
        <v>6479</v>
      </c>
      <c r="D4657" s="1" t="s">
        <v>10241</v>
      </c>
      <c r="E4657" s="5" t="s">
        <v>16289</v>
      </c>
      <c r="F4657" s="6">
        <v>5582</v>
      </c>
    </row>
    <row r="4658" spans="1:6" x14ac:dyDescent="0.25">
      <c r="A4658" s="4" t="s">
        <v>222</v>
      </c>
      <c r="B4658" s="1" t="s">
        <v>3155</v>
      </c>
      <c r="C4658" s="5" t="s">
        <v>3602</v>
      </c>
      <c r="D4658" s="1" t="s">
        <v>7740</v>
      </c>
      <c r="E4658" s="5" t="s">
        <v>12039</v>
      </c>
      <c r="F4658" s="6">
        <v>473</v>
      </c>
    </row>
    <row r="4659" spans="1:6" x14ac:dyDescent="0.25">
      <c r="A4659" s="4" t="s">
        <v>222</v>
      </c>
      <c r="B4659" s="1" t="s">
        <v>3155</v>
      </c>
      <c r="C4659" s="5" t="s">
        <v>3935</v>
      </c>
      <c r="D4659" s="1" t="s">
        <v>8086</v>
      </c>
      <c r="E4659" s="5" t="s">
        <v>12457</v>
      </c>
      <c r="F4659" s="6">
        <v>973</v>
      </c>
    </row>
    <row r="4660" spans="1:6" x14ac:dyDescent="0.25">
      <c r="A4660" s="4" t="s">
        <v>222</v>
      </c>
      <c r="B4660" s="1" t="s">
        <v>3155</v>
      </c>
      <c r="C4660" s="5" t="s">
        <v>3602</v>
      </c>
      <c r="D4660" s="1" t="s">
        <v>8947</v>
      </c>
      <c r="E4660" s="5" t="s">
        <v>13926</v>
      </c>
      <c r="F4660" s="6">
        <v>2578</v>
      </c>
    </row>
    <row r="4661" spans="1:6" x14ac:dyDescent="0.25">
      <c r="A4661" s="4" t="s">
        <v>222</v>
      </c>
      <c r="B4661" s="1" t="s">
        <v>3155</v>
      </c>
      <c r="C4661" s="5" t="s">
        <v>6043</v>
      </c>
      <c r="D4661" s="1" t="s">
        <v>9604</v>
      </c>
      <c r="E4661" s="5" t="s">
        <v>15451</v>
      </c>
      <c r="F4661" s="6">
        <v>4189</v>
      </c>
    </row>
    <row r="4662" spans="1:6" x14ac:dyDescent="0.25">
      <c r="A4662" s="4" t="s">
        <v>222</v>
      </c>
      <c r="B4662" s="1" t="s">
        <v>3155</v>
      </c>
      <c r="C4662" s="5" t="s">
        <v>6293</v>
      </c>
      <c r="D4662" s="1" t="s">
        <v>9939</v>
      </c>
      <c r="E4662" s="5" t="s">
        <v>15888</v>
      </c>
      <c r="F4662" s="6">
        <v>4802</v>
      </c>
    </row>
    <row r="4663" spans="1:6" x14ac:dyDescent="0.25">
      <c r="A4663" s="4" t="s">
        <v>222</v>
      </c>
      <c r="B4663" s="1" t="s">
        <v>3155</v>
      </c>
      <c r="C4663" s="5" t="s">
        <v>3602</v>
      </c>
      <c r="D4663" s="1" t="s">
        <v>10320</v>
      </c>
      <c r="E4663" s="5" t="s">
        <v>16413</v>
      </c>
      <c r="F4663" s="6">
        <v>5869</v>
      </c>
    </row>
    <row r="4664" spans="1:6" x14ac:dyDescent="0.25">
      <c r="A4664" s="4" t="s">
        <v>222</v>
      </c>
      <c r="B4664" s="1" t="s">
        <v>3155</v>
      </c>
      <c r="C4664" s="5" t="s">
        <v>3602</v>
      </c>
      <c r="D4664" s="1" t="s">
        <v>10705</v>
      </c>
      <c r="E4664" s="5" t="s">
        <v>16938</v>
      </c>
      <c r="F4664" s="6">
        <v>7351</v>
      </c>
    </row>
    <row r="4665" spans="1:6" x14ac:dyDescent="0.25">
      <c r="A4665" s="4" t="s">
        <v>222</v>
      </c>
      <c r="B4665" s="1" t="s">
        <v>3155</v>
      </c>
      <c r="C4665" s="5" t="s">
        <v>6293</v>
      </c>
      <c r="D4665" s="1" t="s">
        <v>10888</v>
      </c>
      <c r="E4665" s="5" t="s">
        <v>17175</v>
      </c>
      <c r="F4665" s="6">
        <v>8122</v>
      </c>
    </row>
    <row r="4666" spans="1:6" x14ac:dyDescent="0.25">
      <c r="A4666" s="4" t="s">
        <v>222</v>
      </c>
      <c r="B4666" s="1" t="s">
        <v>3155</v>
      </c>
      <c r="C4666" s="5" t="s">
        <v>7284</v>
      </c>
      <c r="D4666" s="1" t="s">
        <v>11517</v>
      </c>
      <c r="E4666" s="5" t="s">
        <v>17981</v>
      </c>
      <c r="F4666" s="6">
        <v>9613</v>
      </c>
    </row>
    <row r="4667" spans="1:6" x14ac:dyDescent="0.25">
      <c r="A4667" s="4" t="s">
        <v>2377</v>
      </c>
      <c r="B4667" s="1" t="s">
        <v>3165</v>
      </c>
      <c r="C4667" s="5" t="s">
        <v>6183</v>
      </c>
      <c r="D4667" s="1" t="s">
        <v>9790</v>
      </c>
      <c r="E4667" s="5" t="s">
        <v>15701</v>
      </c>
      <c r="F4667" s="6">
        <v>4468</v>
      </c>
    </row>
    <row r="4668" spans="1:6" x14ac:dyDescent="0.25">
      <c r="A4668" s="4" t="s">
        <v>2377</v>
      </c>
      <c r="B4668" s="1" t="s">
        <v>3144</v>
      </c>
      <c r="C4668" s="5" t="s">
        <v>7099</v>
      </c>
      <c r="D4668" s="1" t="s">
        <v>11199</v>
      </c>
      <c r="E4668" s="5" t="s">
        <v>17584</v>
      </c>
      <c r="F4668" s="6">
        <v>9199</v>
      </c>
    </row>
    <row r="4669" spans="1:6" x14ac:dyDescent="0.25">
      <c r="A4669" s="4" t="s">
        <v>1594</v>
      </c>
      <c r="B4669" s="1" t="s">
        <v>3144</v>
      </c>
      <c r="C4669" s="5" t="s">
        <v>5415</v>
      </c>
      <c r="D4669" s="1" t="s">
        <v>1594</v>
      </c>
      <c r="E4669" s="5" t="s">
        <v>14380</v>
      </c>
      <c r="F4669" s="6">
        <v>3046</v>
      </c>
    </row>
    <row r="4670" spans="1:6" x14ac:dyDescent="0.25">
      <c r="A4670" s="4" t="s">
        <v>2845</v>
      </c>
      <c r="B4670" s="1" t="s">
        <v>3165</v>
      </c>
      <c r="C4670" s="5" t="s">
        <v>6842</v>
      </c>
      <c r="D4670" s="1" t="s">
        <v>2845</v>
      </c>
      <c r="E4670" s="5" t="s">
        <v>16996</v>
      </c>
      <c r="F4670" s="6">
        <v>7525</v>
      </c>
    </row>
    <row r="4671" spans="1:6" x14ac:dyDescent="0.25">
      <c r="A4671" s="4" t="s">
        <v>1703</v>
      </c>
      <c r="B4671" s="1" t="s">
        <v>3149</v>
      </c>
      <c r="C4671" s="5" t="s">
        <v>5487</v>
      </c>
      <c r="D4671" s="1" t="s">
        <v>1703</v>
      </c>
      <c r="E4671" s="5" t="s">
        <v>14497</v>
      </c>
      <c r="F4671" s="6">
        <v>3182</v>
      </c>
    </row>
    <row r="4672" spans="1:6" x14ac:dyDescent="0.25">
      <c r="A4672" s="4" t="s">
        <v>1976</v>
      </c>
      <c r="B4672" s="1" t="s">
        <v>3147</v>
      </c>
      <c r="C4672" s="5" t="s">
        <v>4338</v>
      </c>
      <c r="D4672" s="1" t="s">
        <v>1976</v>
      </c>
      <c r="E4672" s="5" t="s">
        <v>14813</v>
      </c>
      <c r="F4672" s="6">
        <v>3525</v>
      </c>
    </row>
    <row r="4673" spans="1:6" x14ac:dyDescent="0.25">
      <c r="A4673" s="4" t="s">
        <v>501</v>
      </c>
      <c r="B4673" s="1" t="s">
        <v>3145</v>
      </c>
      <c r="C4673" s="5" t="s">
        <v>3236</v>
      </c>
      <c r="D4673" s="1" t="s">
        <v>8343</v>
      </c>
      <c r="E4673" s="5" t="s">
        <v>12763</v>
      </c>
      <c r="F4673" s="6">
        <v>1360</v>
      </c>
    </row>
    <row r="4674" spans="1:6" x14ac:dyDescent="0.25">
      <c r="A4674" s="4" t="s">
        <v>501</v>
      </c>
      <c r="B4674" s="1" t="s">
        <v>3178</v>
      </c>
      <c r="C4674" s="5">
        <v>110053</v>
      </c>
      <c r="D4674" s="1" t="s">
        <v>10022</v>
      </c>
      <c r="E4674" s="5" t="s">
        <v>16001</v>
      </c>
      <c r="F4674" s="6">
        <v>4938</v>
      </c>
    </row>
    <row r="4675" spans="1:6" x14ac:dyDescent="0.25">
      <c r="A4675" s="4" t="s">
        <v>501</v>
      </c>
      <c r="B4675" s="1" t="s">
        <v>3178</v>
      </c>
      <c r="C4675" s="5">
        <v>110032</v>
      </c>
      <c r="D4675" s="1" t="s">
        <v>10245</v>
      </c>
      <c r="E4675" s="5" t="s">
        <v>16300</v>
      </c>
      <c r="F4675" s="6">
        <v>5603</v>
      </c>
    </row>
    <row r="4676" spans="1:6" x14ac:dyDescent="0.25">
      <c r="A4676" s="4" t="s">
        <v>2520</v>
      </c>
      <c r="B4676" s="1" t="s">
        <v>3146</v>
      </c>
      <c r="C4676" s="5" t="s">
        <v>6411</v>
      </c>
      <c r="D4676" s="1" t="s">
        <v>10146</v>
      </c>
      <c r="E4676" s="5" t="s">
        <v>16156</v>
      </c>
      <c r="F4676" s="6">
        <v>5267</v>
      </c>
    </row>
    <row r="4677" spans="1:6" x14ac:dyDescent="0.25">
      <c r="A4677" s="4" t="s">
        <v>2461</v>
      </c>
      <c r="B4677" s="1" t="s">
        <v>3150</v>
      </c>
      <c r="C4677" s="5" t="s">
        <v>6342</v>
      </c>
      <c r="D4677" s="1" t="s">
        <v>2461</v>
      </c>
      <c r="E4677" s="5" t="s">
        <v>15977</v>
      </c>
      <c r="F4677" s="6">
        <v>4896</v>
      </c>
    </row>
    <row r="4678" spans="1:6" x14ac:dyDescent="0.25">
      <c r="A4678" s="4" t="s">
        <v>2693</v>
      </c>
      <c r="B4678" s="1" t="s">
        <v>3144</v>
      </c>
      <c r="C4678" s="5" t="s">
        <v>6618</v>
      </c>
      <c r="D4678" s="1" t="s">
        <v>2693</v>
      </c>
      <c r="E4678" s="5" t="s">
        <v>16545</v>
      </c>
      <c r="F4678" s="6">
        <v>6197</v>
      </c>
    </row>
    <row r="4679" spans="1:6" x14ac:dyDescent="0.25">
      <c r="A4679" s="4" t="s">
        <v>1516</v>
      </c>
      <c r="B4679" s="1" t="s">
        <v>3155</v>
      </c>
      <c r="C4679" s="5" t="s">
        <v>5335</v>
      </c>
      <c r="D4679" s="1" t="s">
        <v>1516</v>
      </c>
      <c r="E4679" s="5" t="s">
        <v>14294</v>
      </c>
      <c r="F4679" s="6">
        <v>2956</v>
      </c>
    </row>
    <row r="4680" spans="1:6" x14ac:dyDescent="0.25">
      <c r="A4680" s="4" t="s">
        <v>2101</v>
      </c>
      <c r="B4680" s="1" t="s">
        <v>3160</v>
      </c>
      <c r="C4680" s="5" t="s">
        <v>4802</v>
      </c>
      <c r="D4680" s="1" t="s">
        <v>2101</v>
      </c>
      <c r="E4680" s="5" t="s">
        <v>15024</v>
      </c>
      <c r="F4680" s="6">
        <v>3752</v>
      </c>
    </row>
    <row r="4681" spans="1:6" x14ac:dyDescent="0.25">
      <c r="A4681" s="4" t="s">
        <v>98</v>
      </c>
      <c r="B4681" s="1" t="s">
        <v>3144</v>
      </c>
      <c r="C4681" s="5" t="s">
        <v>3356</v>
      </c>
      <c r="D4681" s="1" t="s">
        <v>98</v>
      </c>
      <c r="E4681" s="5" t="s">
        <v>11764</v>
      </c>
      <c r="F4681" s="6">
        <v>185</v>
      </c>
    </row>
    <row r="4682" spans="1:6" x14ac:dyDescent="0.25">
      <c r="A4682" s="4" t="s">
        <v>1983</v>
      </c>
      <c r="B4682" s="1" t="s">
        <v>3144</v>
      </c>
      <c r="C4682" s="5" t="s">
        <v>3761</v>
      </c>
      <c r="D4682" s="1" t="s">
        <v>1983</v>
      </c>
      <c r="E4682" s="5" t="s">
        <v>14820</v>
      </c>
      <c r="F4682" s="6">
        <v>3532</v>
      </c>
    </row>
    <row r="4683" spans="1:6" x14ac:dyDescent="0.25">
      <c r="A4683" s="4" t="s">
        <v>548</v>
      </c>
      <c r="B4683" s="1" t="s">
        <v>3152</v>
      </c>
      <c r="C4683" s="5" t="s">
        <v>4194</v>
      </c>
      <c r="D4683" s="1" t="s">
        <v>8441</v>
      </c>
      <c r="E4683" s="5" t="s">
        <v>12882</v>
      </c>
      <c r="F4683" s="6">
        <v>1483</v>
      </c>
    </row>
    <row r="4684" spans="1:6" x14ac:dyDescent="0.25">
      <c r="A4684" s="4" t="s">
        <v>891</v>
      </c>
      <c r="B4684" s="1" t="s">
        <v>3150</v>
      </c>
      <c r="C4684" s="5" t="s">
        <v>4638</v>
      </c>
      <c r="D4684" s="1" t="s">
        <v>891</v>
      </c>
      <c r="E4684" s="5" t="s">
        <v>13452</v>
      </c>
      <c r="F4684" s="6">
        <v>2088</v>
      </c>
    </row>
    <row r="4685" spans="1:6" x14ac:dyDescent="0.25">
      <c r="A4685" s="4" t="s">
        <v>1467</v>
      </c>
      <c r="B4685" s="1" t="s">
        <v>3154</v>
      </c>
      <c r="C4685" s="5" t="s">
        <v>5281</v>
      </c>
      <c r="D4685" s="1" t="s">
        <v>1467</v>
      </c>
      <c r="E4685" s="5" t="s">
        <v>14237</v>
      </c>
      <c r="F4685" s="6">
        <v>2898</v>
      </c>
    </row>
    <row r="4686" spans="1:6" x14ac:dyDescent="0.25">
      <c r="A4686" s="4" t="s">
        <v>1491</v>
      </c>
      <c r="B4686" s="1" t="s">
        <v>3160</v>
      </c>
      <c r="C4686" s="5" t="s">
        <v>5306</v>
      </c>
      <c r="D4686" s="1" t="s">
        <v>1491</v>
      </c>
      <c r="E4686" s="5" t="s">
        <v>14264</v>
      </c>
      <c r="F4686" s="6">
        <v>2925</v>
      </c>
    </row>
    <row r="4687" spans="1:6" x14ac:dyDescent="0.25">
      <c r="A4687" s="4" t="s">
        <v>1272</v>
      </c>
      <c r="B4687" s="1" t="s">
        <v>3156</v>
      </c>
      <c r="C4687" s="5" t="s">
        <v>5056</v>
      </c>
      <c r="D4687" s="1" t="s">
        <v>1272</v>
      </c>
      <c r="E4687" s="5" t="s">
        <v>13936</v>
      </c>
      <c r="F4687" s="6">
        <v>2588</v>
      </c>
    </row>
    <row r="4688" spans="1:6" x14ac:dyDescent="0.25">
      <c r="A4688" s="4" t="s">
        <v>2134</v>
      </c>
      <c r="B4688" s="1" t="s">
        <v>3147</v>
      </c>
      <c r="C4688" s="5" t="s">
        <v>4344</v>
      </c>
      <c r="D4688" s="1" t="s">
        <v>2134</v>
      </c>
      <c r="E4688" s="5" t="s">
        <v>15098</v>
      </c>
      <c r="F4688" s="6">
        <v>3827</v>
      </c>
    </row>
    <row r="4689" spans="1:6" x14ac:dyDescent="0.25">
      <c r="A4689" s="4" t="s">
        <v>1558</v>
      </c>
      <c r="B4689" s="1" t="s">
        <v>3144</v>
      </c>
      <c r="C4689" s="5" t="s">
        <v>5378</v>
      </c>
      <c r="D4689" s="1" t="s">
        <v>1558</v>
      </c>
      <c r="E4689" s="5" t="s">
        <v>14341</v>
      </c>
      <c r="F4689" s="6">
        <v>3003</v>
      </c>
    </row>
    <row r="4690" spans="1:6" x14ac:dyDescent="0.25">
      <c r="A4690" s="4" t="s">
        <v>1369</v>
      </c>
      <c r="B4690" s="1" t="s">
        <v>3149</v>
      </c>
      <c r="C4690" s="5" t="s">
        <v>5167</v>
      </c>
      <c r="D4690" s="1" t="s">
        <v>1369</v>
      </c>
      <c r="E4690" s="5" t="s">
        <v>14075</v>
      </c>
      <c r="F4690" s="6">
        <v>2730</v>
      </c>
    </row>
    <row r="4691" spans="1:6" x14ac:dyDescent="0.25">
      <c r="A4691" s="4" t="s">
        <v>2885</v>
      </c>
      <c r="B4691" s="1" t="s">
        <v>3172</v>
      </c>
      <c r="C4691" s="5">
        <v>791109</v>
      </c>
      <c r="D4691" s="1" t="s">
        <v>2885</v>
      </c>
      <c r="E4691" s="5" t="s">
        <v>17136</v>
      </c>
      <c r="F4691" s="6">
        <v>8020</v>
      </c>
    </row>
    <row r="4692" spans="1:6" x14ac:dyDescent="0.25">
      <c r="A4692" s="4" t="s">
        <v>865</v>
      </c>
      <c r="B4692" s="1" t="s">
        <v>3151</v>
      </c>
      <c r="C4692" s="5" t="s">
        <v>4607</v>
      </c>
      <c r="D4692" s="1" t="s">
        <v>865</v>
      </c>
      <c r="E4692" s="5" t="s">
        <v>13411</v>
      </c>
      <c r="F4692" s="6">
        <v>2044</v>
      </c>
    </row>
    <row r="4693" spans="1:6" x14ac:dyDescent="0.25">
      <c r="A4693" s="4" t="s">
        <v>1400</v>
      </c>
      <c r="B4693" s="1" t="s">
        <v>812</v>
      </c>
      <c r="C4693" s="5">
        <v>847452</v>
      </c>
      <c r="D4693" s="1" t="s">
        <v>1400</v>
      </c>
      <c r="E4693" s="5" t="s">
        <v>14133</v>
      </c>
      <c r="F4693" s="6">
        <v>2790</v>
      </c>
    </row>
    <row r="4694" spans="1:6" x14ac:dyDescent="0.25">
      <c r="A4694" s="4" t="s">
        <v>2078</v>
      </c>
      <c r="B4694" s="1" t="s">
        <v>3147</v>
      </c>
      <c r="C4694" s="5" t="s">
        <v>3764</v>
      </c>
      <c r="D4694" s="1" t="s">
        <v>2078</v>
      </c>
      <c r="E4694" s="5" t="s">
        <v>14961</v>
      </c>
      <c r="F4694" s="6">
        <v>3684</v>
      </c>
    </row>
    <row r="4695" spans="1:6" x14ac:dyDescent="0.25">
      <c r="A4695" s="4" t="s">
        <v>478</v>
      </c>
      <c r="B4695" s="1" t="s">
        <v>3154</v>
      </c>
      <c r="C4695" s="5" t="s">
        <v>4076</v>
      </c>
      <c r="D4695" s="1" t="s">
        <v>8258</v>
      </c>
      <c r="E4695" s="5" t="s">
        <v>12665</v>
      </c>
      <c r="F4695" s="6">
        <v>1260</v>
      </c>
    </row>
    <row r="4696" spans="1:6" x14ac:dyDescent="0.25">
      <c r="A4696" s="4" t="s">
        <v>1408</v>
      </c>
      <c r="B4696" s="1" t="s">
        <v>3156</v>
      </c>
      <c r="C4696" s="5" t="s">
        <v>5211</v>
      </c>
      <c r="D4696" s="1" t="s">
        <v>1408</v>
      </c>
      <c r="E4696" s="5" t="s">
        <v>14141</v>
      </c>
      <c r="F4696" s="6">
        <v>2798</v>
      </c>
    </row>
    <row r="4697" spans="1:6" x14ac:dyDescent="0.25">
      <c r="A4697" s="4" t="s">
        <v>3138</v>
      </c>
      <c r="B4697" s="1" t="s">
        <v>3153</v>
      </c>
      <c r="C4697" s="5" t="s">
        <v>7314</v>
      </c>
      <c r="D4697" s="1" t="s">
        <v>3138</v>
      </c>
      <c r="E4697" s="5" t="s">
        <v>18053</v>
      </c>
      <c r="F4697" s="6">
        <v>9687</v>
      </c>
    </row>
    <row r="4698" spans="1:6" x14ac:dyDescent="0.25">
      <c r="A4698" s="4" t="s">
        <v>1924</v>
      </c>
      <c r="B4698" s="1" t="s">
        <v>3156</v>
      </c>
      <c r="C4698" s="5" t="s">
        <v>5649</v>
      </c>
      <c r="D4698" s="1" t="s">
        <v>1924</v>
      </c>
      <c r="E4698" s="5" t="s">
        <v>14757</v>
      </c>
      <c r="F4698" s="6">
        <v>3468</v>
      </c>
    </row>
    <row r="4699" spans="1:6" x14ac:dyDescent="0.25">
      <c r="A4699" s="4" t="s">
        <v>418</v>
      </c>
      <c r="B4699" s="1" t="s">
        <v>3151</v>
      </c>
      <c r="C4699" s="5" t="s">
        <v>3940</v>
      </c>
      <c r="D4699" s="1" t="s">
        <v>8091</v>
      </c>
      <c r="E4699" s="5" t="s">
        <v>12464</v>
      </c>
      <c r="F4699" s="6">
        <v>982</v>
      </c>
    </row>
    <row r="4700" spans="1:6" x14ac:dyDescent="0.25">
      <c r="A4700" s="4" t="s">
        <v>418</v>
      </c>
      <c r="B4700" s="1" t="s">
        <v>3151</v>
      </c>
      <c r="C4700" s="5" t="s">
        <v>3940</v>
      </c>
      <c r="D4700" s="1" t="s">
        <v>9645</v>
      </c>
      <c r="E4700" s="5" t="s">
        <v>15512</v>
      </c>
      <c r="F4700" s="6">
        <v>4250</v>
      </c>
    </row>
    <row r="4701" spans="1:6" x14ac:dyDescent="0.25">
      <c r="A4701" s="4" t="s">
        <v>418</v>
      </c>
      <c r="B4701" s="1" t="s">
        <v>3151</v>
      </c>
      <c r="C4701" s="5">
        <v>503001</v>
      </c>
      <c r="D4701" s="1" t="s">
        <v>10864</v>
      </c>
      <c r="E4701" s="5" t="s">
        <v>17146</v>
      </c>
      <c r="F4701" s="6">
        <v>8043</v>
      </c>
    </row>
    <row r="4702" spans="1:6" x14ac:dyDescent="0.25">
      <c r="A4702" s="4" t="s">
        <v>3039</v>
      </c>
      <c r="B4702" s="1" t="s">
        <v>3154</v>
      </c>
      <c r="C4702" s="5" t="s">
        <v>3676</v>
      </c>
      <c r="D4702" s="1" t="s">
        <v>3039</v>
      </c>
      <c r="E4702" s="5" t="s">
        <v>17653</v>
      </c>
      <c r="F4702" s="6">
        <v>9271</v>
      </c>
    </row>
    <row r="4703" spans="1:6" x14ac:dyDescent="0.25">
      <c r="A4703" s="4" t="s">
        <v>2765</v>
      </c>
      <c r="B4703" s="1" t="s">
        <v>3156</v>
      </c>
      <c r="C4703" s="5" t="s">
        <v>6725</v>
      </c>
      <c r="D4703" s="1" t="s">
        <v>10569</v>
      </c>
      <c r="E4703" s="5" t="s">
        <v>16760</v>
      </c>
      <c r="F4703" s="6">
        <v>6859</v>
      </c>
    </row>
    <row r="4704" spans="1:6" x14ac:dyDescent="0.25">
      <c r="A4704" s="4" t="s">
        <v>45</v>
      </c>
      <c r="B4704" s="1" t="s">
        <v>3158</v>
      </c>
      <c r="C4704" s="5" t="s">
        <v>3273</v>
      </c>
      <c r="D4704" s="1" t="s">
        <v>7400</v>
      </c>
      <c r="E4704" s="5" t="s">
        <v>11675</v>
      </c>
      <c r="F4704" s="6">
        <v>88</v>
      </c>
    </row>
    <row r="4705" spans="1:6" x14ac:dyDescent="0.25">
      <c r="A4705" s="4" t="s">
        <v>45</v>
      </c>
      <c r="B4705" s="1" t="s">
        <v>3158</v>
      </c>
      <c r="C4705" s="5" t="s">
        <v>3273</v>
      </c>
      <c r="D4705" s="1" t="s">
        <v>7669</v>
      </c>
      <c r="E4705" s="5" t="s">
        <v>11961</v>
      </c>
      <c r="F4705" s="6">
        <v>394</v>
      </c>
    </row>
    <row r="4706" spans="1:6" x14ac:dyDescent="0.25">
      <c r="A4706" s="4" t="s">
        <v>45</v>
      </c>
      <c r="B4706" s="1" t="s">
        <v>3158</v>
      </c>
      <c r="C4706" s="5" t="s">
        <v>3273</v>
      </c>
      <c r="D4706" s="1" t="s">
        <v>7871</v>
      </c>
      <c r="E4706" s="5" t="s">
        <v>12177</v>
      </c>
      <c r="F4706" s="6">
        <v>651</v>
      </c>
    </row>
    <row r="4707" spans="1:6" x14ac:dyDescent="0.25">
      <c r="A4707" s="4" t="s">
        <v>45</v>
      </c>
      <c r="B4707" s="1" t="s">
        <v>3158</v>
      </c>
      <c r="C4707" s="5" t="s">
        <v>3273</v>
      </c>
      <c r="D4707" s="1" t="s">
        <v>7931</v>
      </c>
      <c r="E4707" s="5" t="s">
        <v>12241</v>
      </c>
      <c r="F4707" s="6">
        <v>728</v>
      </c>
    </row>
    <row r="4708" spans="1:6" x14ac:dyDescent="0.25">
      <c r="A4708" s="4" t="s">
        <v>45</v>
      </c>
      <c r="B4708" s="1" t="s">
        <v>3158</v>
      </c>
      <c r="C4708" s="5" t="s">
        <v>3903</v>
      </c>
      <c r="D4708" s="1" t="s">
        <v>8063</v>
      </c>
      <c r="E4708" s="5" t="s">
        <v>12417</v>
      </c>
      <c r="F4708" s="6">
        <v>930</v>
      </c>
    </row>
    <row r="4709" spans="1:6" x14ac:dyDescent="0.25">
      <c r="A4709" s="4" t="s">
        <v>45</v>
      </c>
      <c r="B4709" s="1" t="s">
        <v>3158</v>
      </c>
      <c r="C4709" s="5" t="s">
        <v>3434</v>
      </c>
      <c r="D4709" s="1" t="s">
        <v>8087</v>
      </c>
      <c r="E4709" s="5" t="s">
        <v>12459</v>
      </c>
      <c r="F4709" s="6">
        <v>975</v>
      </c>
    </row>
    <row r="4710" spans="1:6" x14ac:dyDescent="0.25">
      <c r="A4710" s="4" t="s">
        <v>45</v>
      </c>
      <c r="B4710" s="1" t="s">
        <v>3158</v>
      </c>
      <c r="C4710" s="5" t="s">
        <v>3273</v>
      </c>
      <c r="D4710" s="1" t="s">
        <v>8224</v>
      </c>
      <c r="E4710" s="5" t="s">
        <v>12629</v>
      </c>
      <c r="F4710" s="6">
        <v>1223</v>
      </c>
    </row>
    <row r="4711" spans="1:6" x14ac:dyDescent="0.25">
      <c r="A4711" s="4" t="s">
        <v>45</v>
      </c>
      <c r="B4711" s="1" t="s">
        <v>3158</v>
      </c>
      <c r="C4711" s="5" t="s">
        <v>4098</v>
      </c>
      <c r="D4711" s="1" t="s">
        <v>8286</v>
      </c>
      <c r="E4711" s="5" t="s">
        <v>12696</v>
      </c>
      <c r="F4711" s="6">
        <v>1292</v>
      </c>
    </row>
    <row r="4712" spans="1:6" x14ac:dyDescent="0.25">
      <c r="A4712" s="4" t="s">
        <v>45</v>
      </c>
      <c r="B4712" s="1" t="s">
        <v>3158</v>
      </c>
      <c r="C4712" s="5" t="s">
        <v>3273</v>
      </c>
      <c r="D4712" s="1" t="s">
        <v>8335</v>
      </c>
      <c r="E4712" s="5" t="s">
        <v>12754</v>
      </c>
      <c r="F4712" s="6">
        <v>1351</v>
      </c>
    </row>
    <row r="4713" spans="1:6" x14ac:dyDescent="0.25">
      <c r="A4713" s="4" t="s">
        <v>45</v>
      </c>
      <c r="B4713" s="1" t="s">
        <v>3158</v>
      </c>
      <c r="C4713" s="5" t="s">
        <v>3273</v>
      </c>
      <c r="D4713" s="1" t="s">
        <v>8517</v>
      </c>
      <c r="E4713" s="5" t="s">
        <v>12981</v>
      </c>
      <c r="F4713" s="6">
        <v>1592</v>
      </c>
    </row>
    <row r="4714" spans="1:6" x14ac:dyDescent="0.25">
      <c r="A4714" s="4" t="s">
        <v>45</v>
      </c>
      <c r="B4714" s="1" t="s">
        <v>3158</v>
      </c>
      <c r="C4714" s="5" t="s">
        <v>3273</v>
      </c>
      <c r="D4714" s="1" t="s">
        <v>8527</v>
      </c>
      <c r="E4714" s="5" t="s">
        <v>12992</v>
      </c>
      <c r="F4714" s="6">
        <v>1603</v>
      </c>
    </row>
    <row r="4715" spans="1:6" x14ac:dyDescent="0.25">
      <c r="A4715" s="4" t="s">
        <v>45</v>
      </c>
      <c r="B4715" s="1" t="s">
        <v>3158</v>
      </c>
      <c r="C4715" s="5" t="s">
        <v>3273</v>
      </c>
      <c r="D4715" s="1" t="s">
        <v>8675</v>
      </c>
      <c r="E4715" s="5" t="s">
        <v>13264</v>
      </c>
      <c r="F4715" s="6">
        <v>1897</v>
      </c>
    </row>
    <row r="4716" spans="1:6" x14ac:dyDescent="0.25">
      <c r="A4716" s="4" t="s">
        <v>45</v>
      </c>
      <c r="B4716" s="1" t="s">
        <v>3158</v>
      </c>
      <c r="C4716" s="5" t="s">
        <v>3273</v>
      </c>
      <c r="D4716" s="1" t="s">
        <v>8676</v>
      </c>
      <c r="E4716" s="5" t="s">
        <v>13265</v>
      </c>
      <c r="F4716" s="6">
        <v>1898</v>
      </c>
    </row>
    <row r="4717" spans="1:6" x14ac:dyDescent="0.25">
      <c r="A4717" s="4" t="s">
        <v>45</v>
      </c>
      <c r="B4717" s="1" t="s">
        <v>3158</v>
      </c>
      <c r="C4717" s="5" t="s">
        <v>3273</v>
      </c>
      <c r="D4717" s="1" t="s">
        <v>8677</v>
      </c>
      <c r="E4717" s="5" t="s">
        <v>13266</v>
      </c>
      <c r="F4717" s="6">
        <v>1899</v>
      </c>
    </row>
    <row r="4718" spans="1:6" x14ac:dyDescent="0.25">
      <c r="A4718" s="4" t="s">
        <v>45</v>
      </c>
      <c r="B4718" s="1" t="s">
        <v>3158</v>
      </c>
      <c r="C4718" s="5" t="s">
        <v>3273</v>
      </c>
      <c r="D4718" s="1" t="s">
        <v>8678</v>
      </c>
      <c r="E4718" s="5" t="s">
        <v>13267</v>
      </c>
      <c r="F4718" s="6">
        <v>1900</v>
      </c>
    </row>
    <row r="4719" spans="1:6" x14ac:dyDescent="0.25">
      <c r="A4719" s="4" t="s">
        <v>45</v>
      </c>
      <c r="B4719" s="1" t="s">
        <v>3158</v>
      </c>
      <c r="C4719" s="5" t="s">
        <v>3434</v>
      </c>
      <c r="D4719" s="1" t="s">
        <v>8977</v>
      </c>
      <c r="E4719" s="5" t="s">
        <v>13995</v>
      </c>
      <c r="F4719" s="6">
        <v>2649</v>
      </c>
    </row>
    <row r="4720" spans="1:6" x14ac:dyDescent="0.25">
      <c r="A4720" s="4" t="s">
        <v>45</v>
      </c>
      <c r="B4720" s="1" t="s">
        <v>3158</v>
      </c>
      <c r="C4720" s="5" t="s">
        <v>3273</v>
      </c>
      <c r="D4720" s="1" t="s">
        <v>8992</v>
      </c>
      <c r="E4720" s="5" t="s">
        <v>14020</v>
      </c>
      <c r="F4720" s="6">
        <v>2674</v>
      </c>
    </row>
    <row r="4721" spans="1:6" x14ac:dyDescent="0.25">
      <c r="A4721" s="4" t="s">
        <v>45</v>
      </c>
      <c r="B4721" s="1" t="s">
        <v>3158</v>
      </c>
      <c r="C4721" s="5" t="s">
        <v>3273</v>
      </c>
      <c r="D4721" s="1" t="s">
        <v>9072</v>
      </c>
      <c r="E4721" s="5" t="s">
        <v>14173</v>
      </c>
      <c r="F4721" s="6">
        <v>2830</v>
      </c>
    </row>
    <row r="4722" spans="1:6" x14ac:dyDescent="0.25">
      <c r="A4722" s="4" t="s">
        <v>45</v>
      </c>
      <c r="B4722" s="1" t="s">
        <v>3158</v>
      </c>
      <c r="C4722" s="5" t="s">
        <v>3434</v>
      </c>
      <c r="D4722" s="1" t="s">
        <v>9082</v>
      </c>
      <c r="E4722" s="5" t="s">
        <v>14188</v>
      </c>
      <c r="F4722" s="6">
        <v>2845</v>
      </c>
    </row>
    <row r="4723" spans="1:6" x14ac:dyDescent="0.25">
      <c r="A4723" s="4" t="s">
        <v>45</v>
      </c>
      <c r="B4723" s="1" t="s">
        <v>3158</v>
      </c>
      <c r="C4723" s="5" t="s">
        <v>3273</v>
      </c>
      <c r="D4723" s="1" t="s">
        <v>9654</v>
      </c>
      <c r="E4723" s="5" t="s">
        <v>15525</v>
      </c>
      <c r="F4723" s="6">
        <v>4263</v>
      </c>
    </row>
    <row r="4724" spans="1:6" x14ac:dyDescent="0.25">
      <c r="A4724" s="4" t="s">
        <v>45</v>
      </c>
      <c r="B4724" s="1" t="s">
        <v>3158</v>
      </c>
      <c r="C4724" s="5" t="s">
        <v>3273</v>
      </c>
      <c r="D4724" s="1" t="s">
        <v>9715</v>
      </c>
      <c r="E4724" s="5" t="s">
        <v>15607</v>
      </c>
      <c r="F4724" s="6">
        <v>4349</v>
      </c>
    </row>
    <row r="4725" spans="1:6" x14ac:dyDescent="0.25">
      <c r="A4725" s="4" t="s">
        <v>45</v>
      </c>
      <c r="B4725" s="1" t="s">
        <v>3158</v>
      </c>
      <c r="C4725" s="5" t="s">
        <v>3273</v>
      </c>
      <c r="D4725" s="1" t="s">
        <v>9743</v>
      </c>
      <c r="E4725" s="5" t="s">
        <v>15649</v>
      </c>
      <c r="F4725" s="6">
        <v>4392</v>
      </c>
    </row>
    <row r="4726" spans="1:6" x14ac:dyDescent="0.25">
      <c r="A4726" s="4" t="s">
        <v>45</v>
      </c>
      <c r="B4726" s="1" t="s">
        <v>3158</v>
      </c>
      <c r="C4726" s="5" t="s">
        <v>3273</v>
      </c>
      <c r="D4726" s="1" t="s">
        <v>9744</v>
      </c>
      <c r="E4726" s="5" t="s">
        <v>15650</v>
      </c>
      <c r="F4726" s="6">
        <v>4393</v>
      </c>
    </row>
    <row r="4727" spans="1:6" x14ac:dyDescent="0.25">
      <c r="A4727" s="4" t="s">
        <v>45</v>
      </c>
      <c r="B4727" s="1" t="s">
        <v>3158</v>
      </c>
      <c r="C4727" s="5" t="s">
        <v>3273</v>
      </c>
      <c r="D4727" s="1" t="s">
        <v>9745</v>
      </c>
      <c r="E4727" s="5" t="s">
        <v>15651</v>
      </c>
      <c r="F4727" s="6">
        <v>4394</v>
      </c>
    </row>
    <row r="4728" spans="1:6" x14ac:dyDescent="0.25">
      <c r="A4728" s="4" t="s">
        <v>45</v>
      </c>
      <c r="B4728" s="1" t="s">
        <v>3158</v>
      </c>
      <c r="C4728" s="5" t="s">
        <v>3273</v>
      </c>
      <c r="D4728" s="1" t="s">
        <v>9873</v>
      </c>
      <c r="E4728" s="5" t="s">
        <v>15805</v>
      </c>
      <c r="F4728" s="6">
        <v>4714</v>
      </c>
    </row>
    <row r="4729" spans="1:6" x14ac:dyDescent="0.25">
      <c r="A4729" s="4" t="s">
        <v>45</v>
      </c>
      <c r="B4729" s="1" t="s">
        <v>3158</v>
      </c>
      <c r="C4729" s="5" t="s">
        <v>3273</v>
      </c>
      <c r="D4729" s="1" t="s">
        <v>9874</v>
      </c>
      <c r="E4729" s="5" t="s">
        <v>15806</v>
      </c>
      <c r="F4729" s="6">
        <v>4715</v>
      </c>
    </row>
    <row r="4730" spans="1:6" x14ac:dyDescent="0.25">
      <c r="A4730" s="4" t="s">
        <v>45</v>
      </c>
      <c r="B4730" s="1" t="s">
        <v>3158</v>
      </c>
      <c r="C4730" s="5" t="s">
        <v>3273</v>
      </c>
      <c r="D4730" s="1" t="s">
        <v>9928</v>
      </c>
      <c r="E4730" s="5" t="s">
        <v>15874</v>
      </c>
      <c r="F4730" s="6">
        <v>4788</v>
      </c>
    </row>
    <row r="4731" spans="1:6" x14ac:dyDescent="0.25">
      <c r="A4731" s="4" t="s">
        <v>45</v>
      </c>
      <c r="B4731" s="1" t="s">
        <v>3158</v>
      </c>
      <c r="C4731" s="5" t="s">
        <v>3273</v>
      </c>
      <c r="D4731" s="1" t="s">
        <v>9932</v>
      </c>
      <c r="E4731" s="5" t="s">
        <v>15878</v>
      </c>
      <c r="F4731" s="6">
        <v>4792</v>
      </c>
    </row>
    <row r="4732" spans="1:6" x14ac:dyDescent="0.25">
      <c r="A4732" s="4" t="s">
        <v>45</v>
      </c>
      <c r="B4732" s="1" t="s">
        <v>3158</v>
      </c>
      <c r="C4732" s="5" t="s">
        <v>5432</v>
      </c>
      <c r="D4732" s="1" t="s">
        <v>9988</v>
      </c>
      <c r="E4732" s="5" t="s">
        <v>15953</v>
      </c>
      <c r="F4732" s="6">
        <v>4872</v>
      </c>
    </row>
    <row r="4733" spans="1:6" x14ac:dyDescent="0.25">
      <c r="A4733" s="4" t="s">
        <v>45</v>
      </c>
      <c r="B4733" s="1" t="s">
        <v>3158</v>
      </c>
      <c r="C4733" s="5" t="s">
        <v>6520</v>
      </c>
      <c r="D4733" s="1" t="s">
        <v>10279</v>
      </c>
      <c r="E4733" s="5" t="s">
        <v>16355</v>
      </c>
      <c r="F4733" s="6">
        <v>5726</v>
      </c>
    </row>
    <row r="4734" spans="1:6" x14ac:dyDescent="0.25">
      <c r="A4734" s="4" t="s">
        <v>45</v>
      </c>
      <c r="B4734" s="1" t="s">
        <v>3158</v>
      </c>
      <c r="C4734" s="5" t="s">
        <v>3903</v>
      </c>
      <c r="D4734" s="1" t="s">
        <v>10981</v>
      </c>
      <c r="E4734" s="5" t="s">
        <v>17289</v>
      </c>
      <c r="F4734" s="6">
        <v>8555</v>
      </c>
    </row>
    <row r="4735" spans="1:6" x14ac:dyDescent="0.25">
      <c r="A4735" s="4" t="s">
        <v>45</v>
      </c>
      <c r="B4735" s="1" t="s">
        <v>3158</v>
      </c>
      <c r="C4735" s="5" t="s">
        <v>3273</v>
      </c>
      <c r="D4735" s="1" t="s">
        <v>11227</v>
      </c>
      <c r="E4735" s="5" t="s">
        <v>17621</v>
      </c>
      <c r="F4735" s="6">
        <v>9238</v>
      </c>
    </row>
    <row r="4736" spans="1:6" x14ac:dyDescent="0.25">
      <c r="A4736" s="4" t="s">
        <v>45</v>
      </c>
      <c r="B4736" s="1" t="s">
        <v>3158</v>
      </c>
      <c r="C4736" s="5" t="s">
        <v>3273</v>
      </c>
      <c r="D4736" s="1" t="s">
        <v>11228</v>
      </c>
      <c r="E4736" s="5" t="s">
        <v>17622</v>
      </c>
      <c r="F4736" s="6">
        <v>9239</v>
      </c>
    </row>
    <row r="4737" spans="1:6" x14ac:dyDescent="0.25">
      <c r="A4737" s="4" t="s">
        <v>45</v>
      </c>
      <c r="B4737" s="1" t="s">
        <v>3158</v>
      </c>
      <c r="C4737" s="5" t="s">
        <v>3273</v>
      </c>
      <c r="D4737" s="1" t="s">
        <v>11235</v>
      </c>
      <c r="E4737" s="5" t="s">
        <v>17631</v>
      </c>
      <c r="F4737" s="6">
        <v>9248</v>
      </c>
    </row>
    <row r="4738" spans="1:6" x14ac:dyDescent="0.25">
      <c r="A4738" s="4" t="s">
        <v>3072</v>
      </c>
      <c r="B4738" s="1" t="s">
        <v>3158</v>
      </c>
      <c r="C4738" s="5" t="s">
        <v>3273</v>
      </c>
      <c r="D4738" s="1" t="s">
        <v>11419</v>
      </c>
      <c r="E4738" s="5" t="s">
        <v>17849</v>
      </c>
      <c r="F4738" s="6">
        <v>9476</v>
      </c>
    </row>
    <row r="4739" spans="1:6" x14ac:dyDescent="0.25">
      <c r="A4739" s="4" t="s">
        <v>3072</v>
      </c>
      <c r="B4739" s="1" t="s">
        <v>3158</v>
      </c>
      <c r="C4739" s="5" t="s">
        <v>3273</v>
      </c>
      <c r="D4739" s="1" t="s">
        <v>11463</v>
      </c>
      <c r="E4739" s="5" t="s">
        <v>17898</v>
      </c>
      <c r="F4739" s="6">
        <v>9527</v>
      </c>
    </row>
    <row r="4740" spans="1:6" x14ac:dyDescent="0.25">
      <c r="A4740" s="4" t="s">
        <v>45</v>
      </c>
      <c r="B4740" s="1" t="s">
        <v>3158</v>
      </c>
      <c r="C4740" s="5" t="s">
        <v>3434</v>
      </c>
      <c r="D4740" s="1" t="s">
        <v>11531</v>
      </c>
      <c r="E4740" s="5" t="s">
        <v>17997</v>
      </c>
      <c r="F4740" s="6">
        <v>9629</v>
      </c>
    </row>
    <row r="4741" spans="1:6" x14ac:dyDescent="0.25">
      <c r="A4741" s="4" t="s">
        <v>931</v>
      </c>
      <c r="B4741" s="1" t="s">
        <v>3156</v>
      </c>
      <c r="C4741" s="5" t="s">
        <v>4679</v>
      </c>
      <c r="D4741" s="1" t="s">
        <v>931</v>
      </c>
      <c r="E4741" s="5" t="s">
        <v>13497</v>
      </c>
      <c r="F4741" s="6">
        <v>2135</v>
      </c>
    </row>
    <row r="4742" spans="1:6" x14ac:dyDescent="0.25">
      <c r="A4742" s="4" t="s">
        <v>1056</v>
      </c>
      <c r="B4742" s="1" t="s">
        <v>3167</v>
      </c>
      <c r="C4742" s="5" t="s">
        <v>4797</v>
      </c>
      <c r="D4742" s="1" t="s">
        <v>1056</v>
      </c>
      <c r="E4742" s="5" t="s">
        <v>13624</v>
      </c>
      <c r="F4742" s="6">
        <v>2266</v>
      </c>
    </row>
    <row r="4743" spans="1:6" x14ac:dyDescent="0.25">
      <c r="A4743" s="4" t="s">
        <v>1055</v>
      </c>
      <c r="B4743" s="1" t="s">
        <v>3167</v>
      </c>
      <c r="C4743" s="5" t="s">
        <v>4796</v>
      </c>
      <c r="D4743" s="1" t="s">
        <v>1055</v>
      </c>
      <c r="E4743" s="5" t="s">
        <v>13623</v>
      </c>
      <c r="F4743" s="6">
        <v>2265</v>
      </c>
    </row>
    <row r="4744" spans="1:6" x14ac:dyDescent="0.25">
      <c r="A4744" s="4" t="s">
        <v>297</v>
      </c>
      <c r="B4744" s="1" t="s">
        <v>3164</v>
      </c>
      <c r="C4744" s="5" t="s">
        <v>3772</v>
      </c>
      <c r="D4744" s="1" t="s">
        <v>7951</v>
      </c>
      <c r="E4744" s="5" t="s">
        <v>12266</v>
      </c>
      <c r="F4744" s="6">
        <v>758</v>
      </c>
    </row>
    <row r="4745" spans="1:6" x14ac:dyDescent="0.25">
      <c r="A4745" s="4" t="s">
        <v>2570</v>
      </c>
      <c r="B4745" s="1" t="s">
        <v>3148</v>
      </c>
      <c r="C4745" s="5" t="s">
        <v>6478</v>
      </c>
      <c r="D4745" s="1" t="s">
        <v>10239</v>
      </c>
      <c r="E4745" s="5" t="s">
        <v>16287</v>
      </c>
      <c r="F4745" s="6">
        <v>5572</v>
      </c>
    </row>
    <row r="4746" spans="1:6" x14ac:dyDescent="0.25">
      <c r="A4746" s="4" t="s">
        <v>1176</v>
      </c>
      <c r="B4746" s="1" t="s">
        <v>3148</v>
      </c>
      <c r="C4746" s="5" t="s">
        <v>4927</v>
      </c>
      <c r="D4746" s="1" t="s">
        <v>8869</v>
      </c>
      <c r="E4746" s="5" t="s">
        <v>13772</v>
      </c>
      <c r="F4746" s="6">
        <v>2421</v>
      </c>
    </row>
    <row r="4747" spans="1:6" x14ac:dyDescent="0.25">
      <c r="A4747" s="4" t="s">
        <v>866</v>
      </c>
      <c r="B4747" s="1" t="s">
        <v>3164</v>
      </c>
      <c r="C4747" s="5" t="s">
        <v>4608</v>
      </c>
      <c r="D4747" s="1" t="s">
        <v>8754</v>
      </c>
      <c r="E4747" s="5" t="s">
        <v>13412</v>
      </c>
      <c r="F4747" s="6">
        <v>2045</v>
      </c>
    </row>
    <row r="4748" spans="1:6" x14ac:dyDescent="0.25">
      <c r="A4748" s="4" t="s">
        <v>1338</v>
      </c>
      <c r="B4748" s="1" t="s">
        <v>3164</v>
      </c>
      <c r="C4748" s="5" t="s">
        <v>5129</v>
      </c>
      <c r="D4748" s="1" t="s">
        <v>1338</v>
      </c>
      <c r="E4748" s="5" t="s">
        <v>14022</v>
      </c>
      <c r="F4748" s="6">
        <v>2676</v>
      </c>
    </row>
    <row r="4749" spans="1:6" x14ac:dyDescent="0.25">
      <c r="A4749" s="4" t="s">
        <v>343</v>
      </c>
      <c r="B4749" s="1" t="s">
        <v>3150</v>
      </c>
      <c r="C4749" s="5" t="s">
        <v>3830</v>
      </c>
      <c r="D4749" s="1" t="s">
        <v>8003</v>
      </c>
      <c r="E4749" s="5" t="s">
        <v>12327</v>
      </c>
      <c r="F4749" s="6">
        <v>823</v>
      </c>
    </row>
    <row r="4750" spans="1:6" x14ac:dyDescent="0.25">
      <c r="A4750" s="4" t="s">
        <v>2890</v>
      </c>
      <c r="B4750" s="1" t="s">
        <v>3178</v>
      </c>
      <c r="C4750" s="5" t="s">
        <v>3647</v>
      </c>
      <c r="D4750" s="1" t="s">
        <v>10874</v>
      </c>
      <c r="E4750" s="5" t="s">
        <v>17158</v>
      </c>
      <c r="F4750" s="6">
        <v>8069</v>
      </c>
    </row>
    <row r="4751" spans="1:6" x14ac:dyDescent="0.25">
      <c r="A4751" s="4" t="s">
        <v>2445</v>
      </c>
      <c r="B4751" s="1" t="s">
        <v>3153</v>
      </c>
      <c r="C4751" s="5" t="s">
        <v>6318</v>
      </c>
      <c r="D4751" s="1" t="s">
        <v>2445</v>
      </c>
      <c r="E4751" s="5" t="s">
        <v>15931</v>
      </c>
      <c r="F4751" s="6">
        <v>4849</v>
      </c>
    </row>
    <row r="4752" spans="1:6" x14ac:dyDescent="0.25">
      <c r="A4752" s="4" t="s">
        <v>2283</v>
      </c>
      <c r="B4752" s="1" t="s">
        <v>3160</v>
      </c>
      <c r="C4752" s="5" t="s">
        <v>6032</v>
      </c>
      <c r="D4752" s="1" t="s">
        <v>9592</v>
      </c>
      <c r="E4752" s="5" t="s">
        <v>15437</v>
      </c>
      <c r="F4752" s="6">
        <v>4175</v>
      </c>
    </row>
    <row r="4753" spans="1:6" x14ac:dyDescent="0.25">
      <c r="A4753" s="4" t="s">
        <v>1512</v>
      </c>
      <c r="B4753" s="1" t="s">
        <v>3154</v>
      </c>
      <c r="C4753" s="5" t="s">
        <v>5331</v>
      </c>
      <c r="D4753" s="1" t="s">
        <v>1512</v>
      </c>
      <c r="E4753" s="5" t="s">
        <v>14290</v>
      </c>
      <c r="F4753" s="6">
        <v>2952</v>
      </c>
    </row>
    <row r="4754" spans="1:6" x14ac:dyDescent="0.25">
      <c r="A4754" s="4" t="s">
        <v>626</v>
      </c>
      <c r="B4754" s="1" t="s">
        <v>3164</v>
      </c>
      <c r="C4754" s="5" t="s">
        <v>4304</v>
      </c>
      <c r="D4754" s="1" t="s">
        <v>626</v>
      </c>
      <c r="E4754" s="5" t="s">
        <v>13019</v>
      </c>
      <c r="F4754" s="6">
        <v>1646</v>
      </c>
    </row>
    <row r="4755" spans="1:6" x14ac:dyDescent="0.25">
      <c r="A4755" s="4" t="s">
        <v>1970</v>
      </c>
      <c r="B4755" s="1" t="s">
        <v>3154</v>
      </c>
      <c r="C4755" s="5" t="s">
        <v>3473</v>
      </c>
      <c r="D4755" s="1" t="s">
        <v>1970</v>
      </c>
      <c r="E4755" s="5" t="s">
        <v>14807</v>
      </c>
      <c r="F4755" s="6">
        <v>3519</v>
      </c>
    </row>
    <row r="4756" spans="1:6" x14ac:dyDescent="0.25">
      <c r="A4756" s="4" t="s">
        <v>1495</v>
      </c>
      <c r="B4756" s="1" t="s">
        <v>3152</v>
      </c>
      <c r="C4756" s="5" t="s">
        <v>5310</v>
      </c>
      <c r="D4756" s="1" t="s">
        <v>1495</v>
      </c>
      <c r="E4756" s="5" t="s">
        <v>14268</v>
      </c>
      <c r="F4756" s="6">
        <v>2929</v>
      </c>
    </row>
    <row r="4757" spans="1:6" x14ac:dyDescent="0.25">
      <c r="A4757" s="4" t="s">
        <v>1429</v>
      </c>
      <c r="B4757" s="1" t="s">
        <v>1147</v>
      </c>
      <c r="C4757" s="5" t="s">
        <v>5237</v>
      </c>
      <c r="D4757" s="1" t="s">
        <v>1429</v>
      </c>
      <c r="E4757" s="5" t="s">
        <v>14175</v>
      </c>
      <c r="F4757" s="6">
        <v>2832</v>
      </c>
    </row>
    <row r="4758" spans="1:6" x14ac:dyDescent="0.25">
      <c r="A4758" s="4" t="s">
        <v>1254</v>
      </c>
      <c r="B4758" s="1" t="s">
        <v>3155</v>
      </c>
      <c r="C4758" s="5" t="s">
        <v>5029</v>
      </c>
      <c r="D4758" s="1" t="s">
        <v>1254</v>
      </c>
      <c r="E4758" s="5" t="s">
        <v>13897</v>
      </c>
      <c r="F4758" s="6">
        <v>2548</v>
      </c>
    </row>
    <row r="4759" spans="1:6" x14ac:dyDescent="0.25">
      <c r="A4759" s="4" t="s">
        <v>2397</v>
      </c>
      <c r="B4759" s="1" t="s">
        <v>3153</v>
      </c>
      <c r="C4759" s="5" t="s">
        <v>6221</v>
      </c>
      <c r="D4759" s="1" t="s">
        <v>2397</v>
      </c>
      <c r="E4759" s="5" t="s">
        <v>15764</v>
      </c>
      <c r="F4759" s="6">
        <v>4670</v>
      </c>
    </row>
    <row r="4760" spans="1:6" x14ac:dyDescent="0.25">
      <c r="A4760" s="4" t="s">
        <v>1137</v>
      </c>
      <c r="B4760" s="1" t="s">
        <v>3158</v>
      </c>
      <c r="C4760" s="5" t="s">
        <v>4879</v>
      </c>
      <c r="D4760" s="1" t="s">
        <v>1137</v>
      </c>
      <c r="E4760" s="5" t="s">
        <v>13711</v>
      </c>
      <c r="F4760" s="6">
        <v>2358</v>
      </c>
    </row>
    <row r="4761" spans="1:6" x14ac:dyDescent="0.25">
      <c r="A4761" s="4" t="s">
        <v>1020</v>
      </c>
      <c r="B4761" s="1" t="s">
        <v>3146</v>
      </c>
      <c r="C4761" s="5" t="s">
        <v>4763</v>
      </c>
      <c r="D4761" s="1" t="s">
        <v>1020</v>
      </c>
      <c r="E4761" s="5" t="s">
        <v>13587</v>
      </c>
      <c r="F4761" s="6">
        <v>2228</v>
      </c>
    </row>
    <row r="4762" spans="1:6" x14ac:dyDescent="0.25">
      <c r="A4762" s="4" t="s">
        <v>2088</v>
      </c>
      <c r="B4762" s="1" t="s">
        <v>3158</v>
      </c>
      <c r="C4762" s="5" t="s">
        <v>5781</v>
      </c>
      <c r="D4762" s="1" t="s">
        <v>2088</v>
      </c>
      <c r="E4762" s="5" t="s">
        <v>14990</v>
      </c>
      <c r="F4762" s="6">
        <v>3715</v>
      </c>
    </row>
    <row r="4763" spans="1:6" x14ac:dyDescent="0.25">
      <c r="A4763" s="4" t="s">
        <v>1723</v>
      </c>
      <c r="B4763" s="1" t="s">
        <v>1147</v>
      </c>
      <c r="C4763" s="5" t="s">
        <v>5505</v>
      </c>
      <c r="D4763" s="1" t="s">
        <v>1723</v>
      </c>
      <c r="E4763" s="5" t="s">
        <v>14520</v>
      </c>
      <c r="F4763" s="6">
        <v>3208</v>
      </c>
    </row>
    <row r="4764" spans="1:6" x14ac:dyDescent="0.25">
      <c r="A4764" s="4" t="s">
        <v>2536</v>
      </c>
      <c r="B4764" s="1" t="s">
        <v>3150</v>
      </c>
      <c r="C4764" s="5">
        <v>680306</v>
      </c>
      <c r="D4764" s="1" t="s">
        <v>2536</v>
      </c>
      <c r="E4764" s="5" t="s">
        <v>16220</v>
      </c>
      <c r="F4764" s="6">
        <v>5416</v>
      </c>
    </row>
    <row r="4765" spans="1:6" x14ac:dyDescent="0.25">
      <c r="A4765" s="4" t="s">
        <v>431</v>
      </c>
      <c r="B4765" s="1" t="s">
        <v>3155</v>
      </c>
      <c r="C4765" s="5" t="s">
        <v>3965</v>
      </c>
      <c r="D4765" s="1" t="s">
        <v>8115</v>
      </c>
      <c r="E4765" s="5" t="s">
        <v>12499</v>
      </c>
      <c r="F4765" s="6">
        <v>1023</v>
      </c>
    </row>
    <row r="4766" spans="1:6" x14ac:dyDescent="0.25">
      <c r="A4766" s="4" t="s">
        <v>431</v>
      </c>
      <c r="B4766" s="1" t="s">
        <v>3155</v>
      </c>
      <c r="C4766" s="5" t="s">
        <v>6118</v>
      </c>
      <c r="D4766" s="1" t="s">
        <v>9687</v>
      </c>
      <c r="E4766" s="5" t="s">
        <v>15570</v>
      </c>
      <c r="F4766" s="6">
        <v>4312</v>
      </c>
    </row>
    <row r="4767" spans="1:6" x14ac:dyDescent="0.25">
      <c r="A4767" s="4" t="s">
        <v>431</v>
      </c>
      <c r="B4767" s="1" t="s">
        <v>3155</v>
      </c>
      <c r="C4767" s="5">
        <v>523002</v>
      </c>
      <c r="D4767" s="1" t="s">
        <v>10057</v>
      </c>
      <c r="E4767" s="5" t="s">
        <v>16047</v>
      </c>
      <c r="F4767" s="6">
        <v>5054</v>
      </c>
    </row>
    <row r="4768" spans="1:6" x14ac:dyDescent="0.25">
      <c r="A4768" s="4" t="s">
        <v>431</v>
      </c>
      <c r="B4768" s="1" t="s">
        <v>3155</v>
      </c>
      <c r="C4768" s="5" t="s">
        <v>3965</v>
      </c>
      <c r="D4768" s="1" t="s">
        <v>10073</v>
      </c>
      <c r="E4768" s="5" t="s">
        <v>16068</v>
      </c>
      <c r="F4768" s="6">
        <v>5098</v>
      </c>
    </row>
    <row r="4769" spans="1:6" x14ac:dyDescent="0.25">
      <c r="A4769" s="4" t="s">
        <v>481</v>
      </c>
      <c r="B4769" s="1" t="s">
        <v>3146</v>
      </c>
      <c r="C4769" s="5" t="s">
        <v>4079</v>
      </c>
      <c r="D4769" s="1" t="s">
        <v>8266</v>
      </c>
      <c r="E4769" s="5" t="s">
        <v>12674</v>
      </c>
      <c r="F4769" s="6">
        <v>1270</v>
      </c>
    </row>
    <row r="4770" spans="1:6" x14ac:dyDescent="0.25">
      <c r="A4770" s="4" t="s">
        <v>1386</v>
      </c>
      <c r="B4770" s="1" t="s">
        <v>3146</v>
      </c>
      <c r="C4770" s="5" t="s">
        <v>4070</v>
      </c>
      <c r="D4770" s="1" t="s">
        <v>1386</v>
      </c>
      <c r="E4770" s="5" t="s">
        <v>14100</v>
      </c>
      <c r="F4770" s="6">
        <v>2757</v>
      </c>
    </row>
    <row r="4771" spans="1:6" x14ac:dyDescent="0.25">
      <c r="A4771" s="4" t="s">
        <v>867</v>
      </c>
      <c r="B4771" s="1" t="s">
        <v>3158</v>
      </c>
      <c r="C4771" s="5" t="s">
        <v>4610</v>
      </c>
      <c r="D4771" s="1" t="s">
        <v>867</v>
      </c>
      <c r="E4771" s="5" t="s">
        <v>13414</v>
      </c>
      <c r="F4771" s="6">
        <v>2048</v>
      </c>
    </row>
    <row r="4772" spans="1:6" x14ac:dyDescent="0.25">
      <c r="A4772" s="4" t="s">
        <v>564</v>
      </c>
      <c r="B4772" s="1" t="s">
        <v>3150</v>
      </c>
      <c r="C4772" s="5" t="s">
        <v>4212</v>
      </c>
      <c r="D4772" s="1" t="s">
        <v>8451</v>
      </c>
      <c r="E4772" s="5" t="s">
        <v>12900</v>
      </c>
      <c r="F4772" s="6">
        <v>1502</v>
      </c>
    </row>
    <row r="4773" spans="1:6" x14ac:dyDescent="0.25">
      <c r="A4773" s="4" t="s">
        <v>2738</v>
      </c>
      <c r="B4773" s="1" t="s">
        <v>3156</v>
      </c>
      <c r="C4773" s="5" t="s">
        <v>6680</v>
      </c>
      <c r="D4773" s="1" t="s">
        <v>2738</v>
      </c>
      <c r="E4773" s="5" t="s">
        <v>16684</v>
      </c>
      <c r="F4773" s="6">
        <v>6561</v>
      </c>
    </row>
    <row r="4774" spans="1:6" x14ac:dyDescent="0.25">
      <c r="A4774" s="4" t="s">
        <v>1228</v>
      </c>
      <c r="B4774" s="1" t="s">
        <v>3144</v>
      </c>
      <c r="C4774" s="5" t="s">
        <v>4995</v>
      </c>
      <c r="D4774" s="1" t="s">
        <v>1228</v>
      </c>
      <c r="E4774" s="5" t="s">
        <v>13852</v>
      </c>
      <c r="F4774" s="6">
        <v>2502</v>
      </c>
    </row>
    <row r="4775" spans="1:6" x14ac:dyDescent="0.25">
      <c r="A4775" s="4" t="s">
        <v>1758</v>
      </c>
      <c r="B4775" s="1" t="s">
        <v>3152</v>
      </c>
      <c r="C4775" s="5" t="s">
        <v>4523</v>
      </c>
      <c r="D4775" s="1" t="s">
        <v>1758</v>
      </c>
      <c r="E4775" s="5" t="s">
        <v>14575</v>
      </c>
      <c r="F4775" s="6">
        <v>3267</v>
      </c>
    </row>
    <row r="4776" spans="1:6" x14ac:dyDescent="0.25">
      <c r="A4776" s="4" t="s">
        <v>582</v>
      </c>
      <c r="B4776" s="1" t="s">
        <v>3150</v>
      </c>
      <c r="C4776" s="5" t="s">
        <v>4233</v>
      </c>
      <c r="D4776" s="1" t="s">
        <v>8465</v>
      </c>
      <c r="E4776" s="5" t="s">
        <v>12924</v>
      </c>
      <c r="F4776" s="6">
        <v>1532</v>
      </c>
    </row>
    <row r="4777" spans="1:6" x14ac:dyDescent="0.25">
      <c r="A4777" s="4" t="s">
        <v>2440</v>
      </c>
      <c r="B4777" s="1" t="s">
        <v>3144</v>
      </c>
      <c r="C4777" s="5" t="s">
        <v>6311</v>
      </c>
      <c r="D4777" s="1" t="s">
        <v>2440</v>
      </c>
      <c r="E4777" s="5" t="s">
        <v>15920</v>
      </c>
      <c r="F4777" s="6">
        <v>4838</v>
      </c>
    </row>
    <row r="4778" spans="1:6" x14ac:dyDescent="0.25">
      <c r="A4778" s="4" t="s">
        <v>1759</v>
      </c>
      <c r="B4778" s="1" t="s">
        <v>3152</v>
      </c>
      <c r="C4778" s="5" t="s">
        <v>5545</v>
      </c>
      <c r="D4778" s="1" t="s">
        <v>1759</v>
      </c>
      <c r="E4778" s="5" t="s">
        <v>14576</v>
      </c>
      <c r="F4778" s="6">
        <v>3268</v>
      </c>
    </row>
    <row r="4779" spans="1:6" x14ac:dyDescent="0.25">
      <c r="A4779" s="4" t="s">
        <v>1700</v>
      </c>
      <c r="B4779" s="1" t="s">
        <v>3151</v>
      </c>
      <c r="C4779" s="5" t="s">
        <v>5484</v>
      </c>
      <c r="D4779" s="1" t="s">
        <v>1700</v>
      </c>
      <c r="E4779" s="5" t="s">
        <v>14494</v>
      </c>
      <c r="F4779" s="6">
        <v>3179</v>
      </c>
    </row>
    <row r="4780" spans="1:6" x14ac:dyDescent="0.25">
      <c r="A4780" s="4" t="s">
        <v>932</v>
      </c>
      <c r="B4780" s="1" t="s">
        <v>3144</v>
      </c>
      <c r="C4780" s="5" t="s">
        <v>4680</v>
      </c>
      <c r="D4780" s="1" t="s">
        <v>932</v>
      </c>
      <c r="E4780" s="5" t="s">
        <v>13498</v>
      </c>
      <c r="F4780" s="6">
        <v>2136</v>
      </c>
    </row>
    <row r="4781" spans="1:6" x14ac:dyDescent="0.25">
      <c r="A4781" s="4" t="s">
        <v>2855</v>
      </c>
      <c r="B4781" s="1" t="s">
        <v>3153</v>
      </c>
      <c r="C4781" s="5" t="s">
        <v>6856</v>
      </c>
      <c r="D4781" s="1" t="s">
        <v>2855</v>
      </c>
      <c r="E4781" s="5" t="s">
        <v>17028</v>
      </c>
      <c r="F4781" s="6">
        <v>7632</v>
      </c>
    </row>
    <row r="4782" spans="1:6" x14ac:dyDescent="0.25">
      <c r="A4782" s="4" t="s">
        <v>1853</v>
      </c>
      <c r="B4782" s="1" t="s">
        <v>3156</v>
      </c>
      <c r="C4782" s="5" t="s">
        <v>5623</v>
      </c>
      <c r="D4782" s="1" t="s">
        <v>1853</v>
      </c>
      <c r="E4782" s="5" t="s">
        <v>14683</v>
      </c>
      <c r="F4782" s="6">
        <v>3386</v>
      </c>
    </row>
    <row r="4783" spans="1:6" x14ac:dyDescent="0.25">
      <c r="A4783" s="4" t="s">
        <v>933</v>
      </c>
      <c r="B4783" s="1" t="s">
        <v>3147</v>
      </c>
      <c r="C4783" s="5" t="s">
        <v>4681</v>
      </c>
      <c r="D4783" s="1" t="s">
        <v>933</v>
      </c>
      <c r="E4783" s="5" t="s">
        <v>13499</v>
      </c>
      <c r="F4783" s="6">
        <v>2137</v>
      </c>
    </row>
    <row r="4784" spans="1:6" x14ac:dyDescent="0.25">
      <c r="A4784" s="4" t="s">
        <v>775</v>
      </c>
      <c r="B4784" s="1" t="s">
        <v>3158</v>
      </c>
      <c r="C4784" s="5" t="s">
        <v>4497</v>
      </c>
      <c r="D4784" s="1" t="s">
        <v>775</v>
      </c>
      <c r="E4784" s="5" t="s">
        <v>13273</v>
      </c>
      <c r="F4784" s="6">
        <v>1906</v>
      </c>
    </row>
    <row r="4785" spans="1:6" x14ac:dyDescent="0.25">
      <c r="A4785" s="4" t="s">
        <v>2808</v>
      </c>
      <c r="B4785" s="1" t="s">
        <v>3146</v>
      </c>
      <c r="C4785" s="5" t="s">
        <v>4629</v>
      </c>
      <c r="D4785" s="1" t="s">
        <v>2808</v>
      </c>
      <c r="E4785" s="5" t="s">
        <v>16913</v>
      </c>
      <c r="F4785" s="6">
        <v>7245</v>
      </c>
    </row>
    <row r="4786" spans="1:6" x14ac:dyDescent="0.25">
      <c r="A4786" s="4" t="s">
        <v>2553</v>
      </c>
      <c r="B4786" s="1" t="s">
        <v>3144</v>
      </c>
      <c r="C4786" s="5" t="s">
        <v>6460</v>
      </c>
      <c r="D4786" s="1" t="s">
        <v>2553</v>
      </c>
      <c r="E4786" s="5" t="s">
        <v>16266</v>
      </c>
      <c r="F4786" s="6">
        <v>5521</v>
      </c>
    </row>
    <row r="4787" spans="1:6" x14ac:dyDescent="0.25">
      <c r="A4787" s="4" t="s">
        <v>1819</v>
      </c>
      <c r="B4787" s="1" t="s">
        <v>3144</v>
      </c>
      <c r="C4787" s="5" t="s">
        <v>5592</v>
      </c>
      <c r="D4787" s="1" t="s">
        <v>1819</v>
      </c>
      <c r="E4787" s="5" t="s">
        <v>14643</v>
      </c>
      <c r="F4787" s="6">
        <v>3340</v>
      </c>
    </row>
    <row r="4788" spans="1:6" x14ac:dyDescent="0.25">
      <c r="A4788" s="4" t="s">
        <v>3108</v>
      </c>
      <c r="B4788" s="1" t="s">
        <v>3159</v>
      </c>
      <c r="C4788" s="5" t="s">
        <v>7270</v>
      </c>
      <c r="D4788" s="1" t="s">
        <v>11491</v>
      </c>
      <c r="E4788" s="5" t="s">
        <v>17950</v>
      </c>
      <c r="F4788" s="6">
        <v>9581</v>
      </c>
    </row>
    <row r="4789" spans="1:6" x14ac:dyDescent="0.25">
      <c r="A4789" s="4" t="s">
        <v>1857</v>
      </c>
      <c r="B4789" s="1" t="s">
        <v>3152</v>
      </c>
      <c r="C4789" s="5" t="s">
        <v>4732</v>
      </c>
      <c r="D4789" s="1" t="s">
        <v>1857</v>
      </c>
      <c r="E4789" s="5" t="s">
        <v>14687</v>
      </c>
      <c r="F4789" s="6">
        <v>3390</v>
      </c>
    </row>
    <row r="4790" spans="1:6" x14ac:dyDescent="0.25">
      <c r="A4790" s="4" t="s">
        <v>2051</v>
      </c>
      <c r="B4790" s="1" t="s">
        <v>3158</v>
      </c>
      <c r="C4790" s="5" t="s">
        <v>5730</v>
      </c>
      <c r="D4790" s="1" t="s">
        <v>2051</v>
      </c>
      <c r="E4790" s="5" t="s">
        <v>14891</v>
      </c>
      <c r="F4790" s="6">
        <v>3608</v>
      </c>
    </row>
    <row r="4791" spans="1:6" x14ac:dyDescent="0.25">
      <c r="A4791" s="4" t="s">
        <v>560</v>
      </c>
      <c r="B4791" s="1" t="s">
        <v>3150</v>
      </c>
      <c r="C4791" s="5" t="s">
        <v>4207</v>
      </c>
      <c r="D4791" s="1" t="s">
        <v>560</v>
      </c>
      <c r="E4791" s="5" t="s">
        <v>12895</v>
      </c>
      <c r="F4791" s="6">
        <v>1497</v>
      </c>
    </row>
    <row r="4792" spans="1:6" x14ac:dyDescent="0.25">
      <c r="A4792" s="4" t="s">
        <v>1159</v>
      </c>
      <c r="B4792" s="1" t="s">
        <v>3155</v>
      </c>
      <c r="C4792" s="5" t="s">
        <v>4899</v>
      </c>
      <c r="D4792" s="1" t="s">
        <v>1159</v>
      </c>
      <c r="E4792" s="5" t="s">
        <v>13735</v>
      </c>
      <c r="F4792" s="6">
        <v>2383</v>
      </c>
    </row>
    <row r="4793" spans="1:6" x14ac:dyDescent="0.25">
      <c r="A4793" s="4" t="s">
        <v>583</v>
      </c>
      <c r="B4793" s="1" t="s">
        <v>3150</v>
      </c>
      <c r="C4793" s="5" t="s">
        <v>4234</v>
      </c>
      <c r="D4793" s="1" t="s">
        <v>8466</v>
      </c>
      <c r="E4793" s="5" t="s">
        <v>12925</v>
      </c>
      <c r="F4793" s="6">
        <v>1533</v>
      </c>
    </row>
    <row r="4794" spans="1:6" x14ac:dyDescent="0.25">
      <c r="A4794" s="4" t="s">
        <v>583</v>
      </c>
      <c r="B4794" s="1" t="s">
        <v>3150</v>
      </c>
      <c r="C4794" s="5">
        <v>678623</v>
      </c>
      <c r="D4794" s="1" t="s">
        <v>9830</v>
      </c>
      <c r="E4794" s="5" t="s">
        <v>15749</v>
      </c>
      <c r="F4794" s="6">
        <v>4587</v>
      </c>
    </row>
    <row r="4795" spans="1:6" x14ac:dyDescent="0.25">
      <c r="A4795" s="4" t="s">
        <v>583</v>
      </c>
      <c r="B4795" s="1" t="s">
        <v>3150</v>
      </c>
      <c r="C4795" s="5" t="s">
        <v>6320</v>
      </c>
      <c r="D4795" s="1" t="s">
        <v>9973</v>
      </c>
      <c r="E4795" s="5" t="s">
        <v>15933</v>
      </c>
      <c r="F4795" s="6">
        <v>4851</v>
      </c>
    </row>
    <row r="4796" spans="1:6" x14ac:dyDescent="0.25">
      <c r="A4796" s="4" t="s">
        <v>583</v>
      </c>
      <c r="B4796" s="1" t="s">
        <v>3150</v>
      </c>
      <c r="C4796" s="5" t="s">
        <v>4234</v>
      </c>
      <c r="D4796" s="1" t="s">
        <v>10259</v>
      </c>
      <c r="E4796" s="5" t="s">
        <v>16318</v>
      </c>
      <c r="F4796" s="6">
        <v>5635</v>
      </c>
    </row>
    <row r="4797" spans="1:6" x14ac:dyDescent="0.25">
      <c r="A4797" s="4" t="s">
        <v>583</v>
      </c>
      <c r="B4797" s="1" t="s">
        <v>3150</v>
      </c>
      <c r="C4797" s="5">
        <v>678101</v>
      </c>
      <c r="D4797" s="1" t="s">
        <v>10833</v>
      </c>
      <c r="E4797" s="5" t="s">
        <v>17105</v>
      </c>
      <c r="F4797" s="6">
        <v>7910</v>
      </c>
    </row>
    <row r="4798" spans="1:6" x14ac:dyDescent="0.25">
      <c r="A4798" s="4" t="s">
        <v>583</v>
      </c>
      <c r="B4798" s="1" t="s">
        <v>3150</v>
      </c>
      <c r="C4798" s="5" t="s">
        <v>6979</v>
      </c>
      <c r="D4798" s="1" t="s">
        <v>11052</v>
      </c>
      <c r="E4798" s="5" t="s">
        <v>17381</v>
      </c>
      <c r="F4798" s="6">
        <v>8941</v>
      </c>
    </row>
    <row r="4799" spans="1:6" x14ac:dyDescent="0.25">
      <c r="A4799" s="4" t="s">
        <v>2966</v>
      </c>
      <c r="B4799" s="1" t="s">
        <v>3150</v>
      </c>
      <c r="C4799" s="5" t="s">
        <v>6991</v>
      </c>
      <c r="D4799" s="1" t="s">
        <v>11062</v>
      </c>
      <c r="E4799" s="5" t="s">
        <v>17398</v>
      </c>
      <c r="F4799" s="6">
        <v>9005</v>
      </c>
    </row>
    <row r="4800" spans="1:6" x14ac:dyDescent="0.25">
      <c r="A4800" s="4" t="s">
        <v>583</v>
      </c>
      <c r="B4800" s="1" t="s">
        <v>3150</v>
      </c>
      <c r="C4800" s="5" t="s">
        <v>4234</v>
      </c>
      <c r="D4800" s="1" t="s">
        <v>11254</v>
      </c>
      <c r="E4800" s="5" t="s">
        <v>17656</v>
      </c>
      <c r="F4800" s="6">
        <v>9274</v>
      </c>
    </row>
    <row r="4801" spans="1:6" x14ac:dyDescent="0.25">
      <c r="A4801" s="4" t="s">
        <v>1825</v>
      </c>
      <c r="B4801" s="1" t="s">
        <v>3155</v>
      </c>
      <c r="C4801" s="5" t="s">
        <v>5597</v>
      </c>
      <c r="D4801" s="1" t="s">
        <v>1825</v>
      </c>
      <c r="E4801" s="5" t="s">
        <v>14649</v>
      </c>
      <c r="F4801" s="6">
        <v>3347</v>
      </c>
    </row>
    <row r="4802" spans="1:6" x14ac:dyDescent="0.25">
      <c r="A4802" s="4" t="s">
        <v>666</v>
      </c>
      <c r="B4802" s="1" t="s">
        <v>3165</v>
      </c>
      <c r="C4802" s="5" t="s">
        <v>4363</v>
      </c>
      <c r="D4802" s="1" t="s">
        <v>666</v>
      </c>
      <c r="E4802" s="5" t="s">
        <v>13103</v>
      </c>
      <c r="F4802" s="6">
        <v>1736</v>
      </c>
    </row>
    <row r="4803" spans="1:6" x14ac:dyDescent="0.25">
      <c r="A4803" s="4" t="s">
        <v>3019</v>
      </c>
      <c r="B4803" s="1" t="s">
        <v>3146</v>
      </c>
      <c r="C4803" s="5" t="s">
        <v>7096</v>
      </c>
      <c r="D4803" s="1" t="s">
        <v>3019</v>
      </c>
      <c r="E4803" s="5" t="s">
        <v>17580</v>
      </c>
      <c r="F4803" s="6">
        <v>9195</v>
      </c>
    </row>
    <row r="4804" spans="1:6" x14ac:dyDescent="0.25">
      <c r="A4804" s="4" t="s">
        <v>173</v>
      </c>
      <c r="B4804" s="1" t="s">
        <v>3147</v>
      </c>
      <c r="C4804" s="5" t="s">
        <v>3481</v>
      </c>
      <c r="D4804" s="1" t="s">
        <v>7613</v>
      </c>
      <c r="E4804" s="5" t="s">
        <v>11902</v>
      </c>
      <c r="F4804" s="6">
        <v>335</v>
      </c>
    </row>
    <row r="4805" spans="1:6" x14ac:dyDescent="0.25">
      <c r="A4805" s="4" t="s">
        <v>173</v>
      </c>
      <c r="B4805" s="1" t="s">
        <v>3147</v>
      </c>
      <c r="C4805" s="5" t="s">
        <v>3481</v>
      </c>
      <c r="D4805" s="1" t="s">
        <v>10311</v>
      </c>
      <c r="E4805" s="5" t="s">
        <v>16402</v>
      </c>
      <c r="F4805" s="6">
        <v>5832</v>
      </c>
    </row>
    <row r="4806" spans="1:6" x14ac:dyDescent="0.25">
      <c r="A4806" s="4" t="s">
        <v>2291</v>
      </c>
      <c r="B4806" s="1" t="s">
        <v>3153</v>
      </c>
      <c r="C4806" s="5" t="s">
        <v>6048</v>
      </c>
      <c r="D4806" s="1" t="s">
        <v>2291</v>
      </c>
      <c r="E4806" s="5" t="s">
        <v>15461</v>
      </c>
      <c r="F4806" s="6">
        <v>4199</v>
      </c>
    </row>
    <row r="4807" spans="1:6" x14ac:dyDescent="0.25">
      <c r="A4807" s="4" t="s">
        <v>1621</v>
      </c>
      <c r="B4807" s="1" t="s">
        <v>3147</v>
      </c>
      <c r="C4807" s="5" t="s">
        <v>5434</v>
      </c>
      <c r="D4807" s="1" t="s">
        <v>9142</v>
      </c>
      <c r="E4807" s="5" t="s">
        <v>14408</v>
      </c>
      <c r="F4807" s="6">
        <v>3085</v>
      </c>
    </row>
    <row r="4808" spans="1:6" x14ac:dyDescent="0.25">
      <c r="A4808" s="4" t="s">
        <v>1595</v>
      </c>
      <c r="B4808" s="1" t="s">
        <v>3147</v>
      </c>
      <c r="C4808" s="5" t="s">
        <v>5416</v>
      </c>
      <c r="D4808" s="1" t="s">
        <v>1595</v>
      </c>
      <c r="E4808" s="5" t="s">
        <v>14381</v>
      </c>
      <c r="F4808" s="6">
        <v>3047</v>
      </c>
    </row>
    <row r="4809" spans="1:6" x14ac:dyDescent="0.25">
      <c r="A4809" s="4" t="s">
        <v>266</v>
      </c>
      <c r="B4809" s="1" t="s">
        <v>3144</v>
      </c>
      <c r="C4809" s="5" t="s">
        <v>3709</v>
      </c>
      <c r="D4809" s="1" t="s">
        <v>266</v>
      </c>
      <c r="E4809" s="5" t="s">
        <v>12188</v>
      </c>
      <c r="F4809" s="6">
        <v>663</v>
      </c>
    </row>
    <row r="4810" spans="1:6" x14ac:dyDescent="0.25">
      <c r="A4810" s="4" t="s">
        <v>277</v>
      </c>
      <c r="B4810" s="1" t="s">
        <v>3156</v>
      </c>
      <c r="C4810" s="5" t="s">
        <v>3740</v>
      </c>
      <c r="D4810" s="1" t="s">
        <v>7915</v>
      </c>
      <c r="E4810" s="5" t="s">
        <v>12225</v>
      </c>
      <c r="F4810" s="6">
        <v>710</v>
      </c>
    </row>
    <row r="4811" spans="1:6" x14ac:dyDescent="0.25">
      <c r="A4811" s="4" t="s">
        <v>277</v>
      </c>
      <c r="B4811" s="1" t="s">
        <v>3156</v>
      </c>
      <c r="C4811" s="5">
        <v>306401</v>
      </c>
      <c r="D4811" s="1" t="s">
        <v>10354</v>
      </c>
      <c r="E4811" s="5" t="s">
        <v>16470</v>
      </c>
      <c r="F4811" s="6">
        <v>5997</v>
      </c>
    </row>
    <row r="4812" spans="1:6" x14ac:dyDescent="0.25">
      <c r="A4812" s="4" t="s">
        <v>277</v>
      </c>
      <c r="B4812" s="1" t="s">
        <v>3144</v>
      </c>
      <c r="C4812" s="5" t="s">
        <v>6756</v>
      </c>
      <c r="D4812" s="1" t="s">
        <v>10606</v>
      </c>
      <c r="E4812" s="5" t="s">
        <v>16813</v>
      </c>
      <c r="F4812" s="6">
        <v>7016</v>
      </c>
    </row>
    <row r="4813" spans="1:6" x14ac:dyDescent="0.25">
      <c r="A4813" s="4" t="s">
        <v>277</v>
      </c>
      <c r="B4813" s="1" t="s">
        <v>3156</v>
      </c>
      <c r="C4813" s="5" t="s">
        <v>3740</v>
      </c>
      <c r="D4813" s="1" t="s">
        <v>10918</v>
      </c>
      <c r="E4813" s="5" t="s">
        <v>17210</v>
      </c>
      <c r="F4813" s="6">
        <v>8195</v>
      </c>
    </row>
    <row r="4814" spans="1:6" x14ac:dyDescent="0.25">
      <c r="A4814" s="4" t="s">
        <v>817</v>
      </c>
      <c r="B4814" s="1" t="s">
        <v>3158</v>
      </c>
      <c r="C4814" s="5" t="s">
        <v>4547</v>
      </c>
      <c r="D4814" s="1" t="s">
        <v>817</v>
      </c>
      <c r="E4814" s="5" t="s">
        <v>13332</v>
      </c>
      <c r="F4814" s="6">
        <v>1965</v>
      </c>
    </row>
    <row r="4815" spans="1:6" x14ac:dyDescent="0.25">
      <c r="A4815" s="4" t="s">
        <v>643</v>
      </c>
      <c r="B4815" s="1" t="s">
        <v>3147</v>
      </c>
      <c r="C4815" s="5" t="s">
        <v>4329</v>
      </c>
      <c r="D4815" s="1" t="s">
        <v>643</v>
      </c>
      <c r="E4815" s="5" t="s">
        <v>13057</v>
      </c>
      <c r="F4815" s="6">
        <v>1689</v>
      </c>
    </row>
    <row r="4816" spans="1:6" x14ac:dyDescent="0.25">
      <c r="A4816" s="4" t="s">
        <v>1868</v>
      </c>
      <c r="B4816" s="1" t="s">
        <v>3153</v>
      </c>
      <c r="C4816" s="5" t="s">
        <v>5631</v>
      </c>
      <c r="D4816" s="1" t="s">
        <v>1868</v>
      </c>
      <c r="E4816" s="5" t="s">
        <v>14699</v>
      </c>
      <c r="F4816" s="6">
        <v>3404</v>
      </c>
    </row>
    <row r="4817" spans="1:6" x14ac:dyDescent="0.25">
      <c r="A4817" s="4" t="s">
        <v>987</v>
      </c>
      <c r="B4817" s="1" t="s">
        <v>3146</v>
      </c>
      <c r="C4817" s="5" t="s">
        <v>4733</v>
      </c>
      <c r="D4817" s="1" t="s">
        <v>987</v>
      </c>
      <c r="E4817" s="5" t="s">
        <v>13554</v>
      </c>
      <c r="F4817" s="6">
        <v>2194</v>
      </c>
    </row>
    <row r="4818" spans="1:6" x14ac:dyDescent="0.25">
      <c r="A4818" s="4" t="s">
        <v>869</v>
      </c>
      <c r="B4818" s="1" t="s">
        <v>3146</v>
      </c>
      <c r="C4818" s="5" t="s">
        <v>4612</v>
      </c>
      <c r="D4818" s="1" t="s">
        <v>869</v>
      </c>
      <c r="E4818" s="5" t="s">
        <v>13416</v>
      </c>
      <c r="F4818" s="6">
        <v>2050</v>
      </c>
    </row>
    <row r="4819" spans="1:6" x14ac:dyDescent="0.25">
      <c r="A4819" s="4" t="s">
        <v>757</v>
      </c>
      <c r="B4819" s="1" t="s">
        <v>3146</v>
      </c>
      <c r="C4819" s="5" t="s">
        <v>4478</v>
      </c>
      <c r="D4819" s="1" t="s">
        <v>8668</v>
      </c>
      <c r="E4819" s="5" t="s">
        <v>13247</v>
      </c>
      <c r="F4819" s="6">
        <v>1880</v>
      </c>
    </row>
    <row r="4820" spans="1:6" x14ac:dyDescent="0.25">
      <c r="A4820" s="4" t="s">
        <v>2219</v>
      </c>
      <c r="B4820" s="1" t="s">
        <v>3146</v>
      </c>
      <c r="C4820" s="5" t="s">
        <v>5940</v>
      </c>
      <c r="D4820" s="1" t="s">
        <v>2219</v>
      </c>
      <c r="E4820" s="5" t="s">
        <v>15301</v>
      </c>
      <c r="F4820" s="6">
        <v>4038</v>
      </c>
    </row>
    <row r="4821" spans="1:6" x14ac:dyDescent="0.25">
      <c r="A4821" s="4" t="s">
        <v>571</v>
      </c>
      <c r="B4821" s="1" t="s">
        <v>3150</v>
      </c>
      <c r="C4821" s="5" t="s">
        <v>4221</v>
      </c>
      <c r="D4821" s="1" t="s">
        <v>571</v>
      </c>
      <c r="E4821" s="5" t="s">
        <v>12912</v>
      </c>
      <c r="F4821" s="6">
        <v>1515</v>
      </c>
    </row>
    <row r="4822" spans="1:6" x14ac:dyDescent="0.25">
      <c r="A4822" s="4" t="s">
        <v>3133</v>
      </c>
      <c r="B4822" s="1" t="s">
        <v>3147</v>
      </c>
      <c r="C4822" s="5" t="s">
        <v>7309</v>
      </c>
      <c r="D4822" s="1" t="s">
        <v>3133</v>
      </c>
      <c r="E4822" s="5" t="s">
        <v>18042</v>
      </c>
      <c r="F4822" s="6">
        <v>9675</v>
      </c>
    </row>
    <row r="4823" spans="1:6" x14ac:dyDescent="0.25">
      <c r="A4823" s="4" t="s">
        <v>1307</v>
      </c>
      <c r="B4823" s="1" t="s">
        <v>3144</v>
      </c>
      <c r="C4823" s="5">
        <v>416310</v>
      </c>
      <c r="D4823" s="1" t="s">
        <v>1307</v>
      </c>
      <c r="E4823" s="5" t="s">
        <v>13978</v>
      </c>
      <c r="F4823" s="6">
        <v>2630</v>
      </c>
    </row>
    <row r="4824" spans="1:6" x14ac:dyDescent="0.25">
      <c r="A4824" s="4" t="s">
        <v>1307</v>
      </c>
      <c r="B4824" s="1" t="s">
        <v>3144</v>
      </c>
      <c r="C4824" s="5" t="s">
        <v>5768</v>
      </c>
      <c r="D4824" s="1" t="s">
        <v>9283</v>
      </c>
      <c r="E4824" s="5" t="s">
        <v>14962</v>
      </c>
      <c r="F4824" s="6">
        <v>3685</v>
      </c>
    </row>
    <row r="4825" spans="1:6" x14ac:dyDescent="0.25">
      <c r="A4825" s="4" t="s">
        <v>217</v>
      </c>
      <c r="B4825" s="1" t="s">
        <v>3154</v>
      </c>
      <c r="C4825" s="5" t="s">
        <v>3591</v>
      </c>
      <c r="D4825" s="1" t="s">
        <v>7729</v>
      </c>
      <c r="E4825" s="5" t="s">
        <v>12026</v>
      </c>
      <c r="F4825" s="6">
        <v>459</v>
      </c>
    </row>
    <row r="4826" spans="1:6" x14ac:dyDescent="0.25">
      <c r="A4826" s="4" t="s">
        <v>217</v>
      </c>
      <c r="B4826" s="1" t="s">
        <v>3154</v>
      </c>
      <c r="C4826" s="5" t="s">
        <v>3591</v>
      </c>
      <c r="D4826" s="1" t="s">
        <v>9911</v>
      </c>
      <c r="E4826" s="5" t="s">
        <v>15849</v>
      </c>
      <c r="F4826" s="6">
        <v>4762</v>
      </c>
    </row>
    <row r="4827" spans="1:6" x14ac:dyDescent="0.25">
      <c r="A4827" s="4" t="s">
        <v>1316</v>
      </c>
      <c r="B4827" s="1" t="s">
        <v>3151</v>
      </c>
      <c r="C4827" s="5" t="s">
        <v>5101</v>
      </c>
      <c r="D4827" s="1" t="s">
        <v>1316</v>
      </c>
      <c r="E4827" s="5" t="s">
        <v>13987</v>
      </c>
      <c r="F4827" s="6">
        <v>2641</v>
      </c>
    </row>
    <row r="4828" spans="1:6" x14ac:dyDescent="0.25">
      <c r="A4828" s="4" t="s">
        <v>1943</v>
      </c>
      <c r="B4828" s="1" t="s">
        <v>3152</v>
      </c>
      <c r="C4828" s="5" t="s">
        <v>5677</v>
      </c>
      <c r="D4828" s="1" t="s">
        <v>1943</v>
      </c>
      <c r="E4828" s="5" t="s">
        <v>14777</v>
      </c>
      <c r="F4828" s="6">
        <v>3488</v>
      </c>
    </row>
    <row r="4829" spans="1:6" x14ac:dyDescent="0.25">
      <c r="A4829" s="4" t="s">
        <v>2334</v>
      </c>
      <c r="B4829" s="1" t="s">
        <v>3161</v>
      </c>
      <c r="C4829" s="5" t="s">
        <v>6091</v>
      </c>
      <c r="D4829" s="1" t="s">
        <v>2334</v>
      </c>
      <c r="E4829" s="5" t="s">
        <v>15564</v>
      </c>
      <c r="F4829" s="6">
        <v>4305</v>
      </c>
    </row>
    <row r="4830" spans="1:6" x14ac:dyDescent="0.25">
      <c r="A4830" s="4" t="s">
        <v>2334</v>
      </c>
      <c r="B4830" s="1" t="s">
        <v>3161</v>
      </c>
      <c r="C4830" s="5" t="s">
        <v>6322</v>
      </c>
      <c r="D4830" s="1" t="s">
        <v>9977</v>
      </c>
      <c r="E4830" s="5" t="s">
        <v>15938</v>
      </c>
      <c r="F4830" s="6">
        <v>4856</v>
      </c>
    </row>
    <row r="4831" spans="1:6" x14ac:dyDescent="0.25">
      <c r="A4831" s="4" t="s">
        <v>3110</v>
      </c>
      <c r="B4831" s="1" t="s">
        <v>3150</v>
      </c>
      <c r="C4831" s="5" t="s">
        <v>7274</v>
      </c>
      <c r="D4831" s="1" t="s">
        <v>3110</v>
      </c>
      <c r="E4831" s="5" t="s">
        <v>17957</v>
      </c>
      <c r="F4831" s="6">
        <v>9589</v>
      </c>
    </row>
    <row r="4832" spans="1:6" x14ac:dyDescent="0.25">
      <c r="A4832" s="4" t="s">
        <v>1241</v>
      </c>
      <c r="B4832" s="1" t="s">
        <v>3163</v>
      </c>
      <c r="C4832" s="5" t="s">
        <v>5013</v>
      </c>
      <c r="D4832" s="1" t="s">
        <v>1241</v>
      </c>
      <c r="E4832" s="5" t="s">
        <v>13877</v>
      </c>
      <c r="F4832" s="6">
        <v>2528</v>
      </c>
    </row>
    <row r="4833" spans="1:6" x14ac:dyDescent="0.25">
      <c r="A4833" s="4" t="s">
        <v>1236</v>
      </c>
      <c r="B4833" s="1" t="s">
        <v>3148</v>
      </c>
      <c r="C4833" s="5" t="s">
        <v>5003</v>
      </c>
      <c r="D4833" s="1" t="s">
        <v>1236</v>
      </c>
      <c r="E4833" s="5" t="s">
        <v>13862</v>
      </c>
      <c r="F4833" s="6">
        <v>2512</v>
      </c>
    </row>
    <row r="4834" spans="1:6" x14ac:dyDescent="0.25">
      <c r="A4834" s="4" t="s">
        <v>2668</v>
      </c>
      <c r="B4834" s="1" t="s">
        <v>3144</v>
      </c>
      <c r="C4834" s="5" t="s">
        <v>6587</v>
      </c>
      <c r="D4834" s="1" t="s">
        <v>2668</v>
      </c>
      <c r="E4834" s="5" t="s">
        <v>16493</v>
      </c>
      <c r="F4834" s="6">
        <v>6044</v>
      </c>
    </row>
    <row r="4835" spans="1:6" x14ac:dyDescent="0.25">
      <c r="A4835" s="4" t="s">
        <v>33</v>
      </c>
      <c r="B4835" s="1" t="s">
        <v>3154</v>
      </c>
      <c r="C4835" s="5" t="s">
        <v>3253</v>
      </c>
      <c r="D4835" s="1" t="s">
        <v>7378</v>
      </c>
      <c r="E4835" s="5" t="s">
        <v>11652</v>
      </c>
      <c r="F4835" s="6">
        <v>61</v>
      </c>
    </row>
    <row r="4836" spans="1:6" x14ac:dyDescent="0.25">
      <c r="A4836" s="4" t="s">
        <v>33</v>
      </c>
      <c r="B4836" s="1" t="s">
        <v>3154</v>
      </c>
      <c r="C4836" s="5" t="s">
        <v>3253</v>
      </c>
      <c r="D4836" s="1" t="s">
        <v>7414</v>
      </c>
      <c r="E4836" s="5" t="s">
        <v>11689</v>
      </c>
      <c r="F4836" s="6">
        <v>108</v>
      </c>
    </row>
    <row r="4837" spans="1:6" x14ac:dyDescent="0.25">
      <c r="A4837" s="4" t="s">
        <v>33</v>
      </c>
      <c r="B4837" s="1" t="s">
        <v>3154</v>
      </c>
      <c r="C4837" s="5" t="s">
        <v>3715</v>
      </c>
      <c r="D4837" s="1" t="s">
        <v>7891</v>
      </c>
      <c r="E4837" s="5" t="s">
        <v>12198</v>
      </c>
      <c r="F4837" s="6">
        <v>673</v>
      </c>
    </row>
    <row r="4838" spans="1:6" x14ac:dyDescent="0.25">
      <c r="A4838" s="4" t="s">
        <v>33</v>
      </c>
      <c r="B4838" s="1" t="s">
        <v>3154</v>
      </c>
      <c r="C4838" s="5" t="s">
        <v>3253</v>
      </c>
      <c r="D4838" s="1" t="s">
        <v>8307</v>
      </c>
      <c r="E4838" s="5" t="s">
        <v>12724</v>
      </c>
      <c r="F4838" s="6">
        <v>1321</v>
      </c>
    </row>
    <row r="4839" spans="1:6" x14ac:dyDescent="0.25">
      <c r="A4839" s="4" t="s">
        <v>33</v>
      </c>
      <c r="B4839" s="1" t="s">
        <v>3154</v>
      </c>
      <c r="C4839" s="5" t="s">
        <v>3253</v>
      </c>
      <c r="D4839" s="1" t="s">
        <v>8371</v>
      </c>
      <c r="E4839" s="5" t="s">
        <v>12797</v>
      </c>
      <c r="F4839" s="6">
        <v>1395</v>
      </c>
    </row>
    <row r="4840" spans="1:6" x14ac:dyDescent="0.25">
      <c r="A4840" s="4" t="s">
        <v>33</v>
      </c>
      <c r="B4840" s="1" t="s">
        <v>3154</v>
      </c>
      <c r="C4840" s="5" t="s">
        <v>3253</v>
      </c>
      <c r="D4840" s="1" t="s">
        <v>8878</v>
      </c>
      <c r="E4840" s="5" t="s">
        <v>13796</v>
      </c>
      <c r="F4840" s="6">
        <v>2446</v>
      </c>
    </row>
    <row r="4841" spans="1:6" x14ac:dyDescent="0.25">
      <c r="A4841" s="4" t="s">
        <v>33</v>
      </c>
      <c r="B4841" s="1" t="s">
        <v>3154</v>
      </c>
      <c r="C4841" s="5" t="s">
        <v>4362</v>
      </c>
      <c r="D4841" s="1" t="s">
        <v>9371</v>
      </c>
      <c r="E4841" s="5" t="s">
        <v>15094</v>
      </c>
      <c r="F4841" s="6">
        <v>3823</v>
      </c>
    </row>
    <row r="4842" spans="1:6" x14ac:dyDescent="0.25">
      <c r="A4842" s="4" t="s">
        <v>33</v>
      </c>
      <c r="B4842" s="1" t="s">
        <v>3154</v>
      </c>
      <c r="C4842" s="5" t="s">
        <v>3253</v>
      </c>
      <c r="D4842" s="1" t="s">
        <v>9376</v>
      </c>
      <c r="E4842" s="5" t="s">
        <v>15105</v>
      </c>
      <c r="F4842" s="6">
        <v>3834</v>
      </c>
    </row>
    <row r="4843" spans="1:6" x14ac:dyDescent="0.25">
      <c r="A4843" s="4" t="s">
        <v>33</v>
      </c>
      <c r="B4843" s="1" t="s">
        <v>3154</v>
      </c>
      <c r="C4843" s="5" t="s">
        <v>5935</v>
      </c>
      <c r="D4843" s="1" t="s">
        <v>9507</v>
      </c>
      <c r="E4843" s="5" t="s">
        <v>15293</v>
      </c>
      <c r="F4843" s="6">
        <v>4030</v>
      </c>
    </row>
    <row r="4844" spans="1:6" x14ac:dyDescent="0.25">
      <c r="A4844" s="4" t="s">
        <v>33</v>
      </c>
      <c r="B4844" s="1" t="s">
        <v>3154</v>
      </c>
      <c r="C4844" s="5" t="s">
        <v>3715</v>
      </c>
      <c r="D4844" s="1" t="s">
        <v>9508</v>
      </c>
      <c r="E4844" s="5" t="s">
        <v>15294</v>
      </c>
      <c r="F4844" s="6">
        <v>4031</v>
      </c>
    </row>
    <row r="4845" spans="1:6" x14ac:dyDescent="0.25">
      <c r="A4845" s="4" t="s">
        <v>33</v>
      </c>
      <c r="B4845" s="1" t="s">
        <v>3154</v>
      </c>
      <c r="C4845" s="5" t="s">
        <v>3253</v>
      </c>
      <c r="D4845" s="1" t="s">
        <v>9959</v>
      </c>
      <c r="E4845" s="5" t="s">
        <v>15915</v>
      </c>
      <c r="F4845" s="6">
        <v>4832</v>
      </c>
    </row>
    <row r="4846" spans="1:6" x14ac:dyDescent="0.25">
      <c r="A4846" s="4" t="s">
        <v>33</v>
      </c>
      <c r="B4846" s="1" t="s">
        <v>3154</v>
      </c>
      <c r="C4846" s="5" t="s">
        <v>3715</v>
      </c>
      <c r="D4846" s="1" t="s">
        <v>11205</v>
      </c>
      <c r="E4846" s="5" t="s">
        <v>17594</v>
      </c>
      <c r="F4846" s="6">
        <v>9209</v>
      </c>
    </row>
    <row r="4847" spans="1:6" x14ac:dyDescent="0.25">
      <c r="A4847" s="4" t="s">
        <v>2908</v>
      </c>
      <c r="B4847" s="1" t="s">
        <v>3156</v>
      </c>
      <c r="C4847" s="5">
        <v>305001</v>
      </c>
      <c r="D4847" s="1" t="s">
        <v>2908</v>
      </c>
      <c r="E4847" s="5" t="s">
        <v>17232</v>
      </c>
      <c r="F4847" s="6">
        <v>8264</v>
      </c>
    </row>
    <row r="4848" spans="1:6" x14ac:dyDescent="0.25">
      <c r="A4848" s="4" t="s">
        <v>566</v>
      </c>
      <c r="B4848" s="1" t="s">
        <v>3150</v>
      </c>
      <c r="C4848" s="5" t="s">
        <v>4213</v>
      </c>
      <c r="D4848" s="1" t="s">
        <v>566</v>
      </c>
      <c r="E4848" s="5" t="s">
        <v>12902</v>
      </c>
      <c r="F4848" s="6">
        <v>1504</v>
      </c>
    </row>
    <row r="4849" spans="1:6" x14ac:dyDescent="0.25">
      <c r="A4849" s="4" t="s">
        <v>2325</v>
      </c>
      <c r="B4849" s="1" t="s">
        <v>3144</v>
      </c>
      <c r="C4849" s="5" t="s">
        <v>6100</v>
      </c>
      <c r="D4849" s="1" t="s">
        <v>9670</v>
      </c>
      <c r="E4849" s="5" t="s">
        <v>15545</v>
      </c>
      <c r="F4849" s="6">
        <v>4286</v>
      </c>
    </row>
    <row r="4850" spans="1:6" x14ac:dyDescent="0.25">
      <c r="A4850" s="4" t="s">
        <v>1412</v>
      </c>
      <c r="B4850" s="1" t="s">
        <v>3144</v>
      </c>
      <c r="C4850" s="5" t="s">
        <v>5216</v>
      </c>
      <c r="D4850" s="1" t="s">
        <v>9055</v>
      </c>
      <c r="E4850" s="5" t="s">
        <v>14146</v>
      </c>
      <c r="F4850" s="6">
        <v>2803</v>
      </c>
    </row>
    <row r="4851" spans="1:6" x14ac:dyDescent="0.25">
      <c r="A4851" s="4" t="s">
        <v>1031</v>
      </c>
      <c r="B4851" s="1" t="s">
        <v>3153</v>
      </c>
      <c r="C4851" s="5" t="s">
        <v>4774</v>
      </c>
      <c r="D4851" s="1" t="s">
        <v>1031</v>
      </c>
      <c r="E4851" s="5" t="s">
        <v>13598</v>
      </c>
      <c r="F4851" s="6">
        <v>2239</v>
      </c>
    </row>
    <row r="4852" spans="1:6" x14ac:dyDescent="0.25">
      <c r="A4852" s="4" t="s">
        <v>2102</v>
      </c>
      <c r="B4852" s="1" t="s">
        <v>3160</v>
      </c>
      <c r="C4852" s="5" t="s">
        <v>5801</v>
      </c>
      <c r="D4852" s="1" t="s">
        <v>2102</v>
      </c>
      <c r="E4852" s="5" t="s">
        <v>15025</v>
      </c>
      <c r="F4852" s="6">
        <v>3753</v>
      </c>
    </row>
    <row r="4853" spans="1:6" x14ac:dyDescent="0.25">
      <c r="A4853" s="4" t="s">
        <v>87</v>
      </c>
      <c r="B4853" s="1" t="s">
        <v>3154</v>
      </c>
      <c r="C4853" s="5" t="s">
        <v>3342</v>
      </c>
      <c r="D4853" s="1" t="s">
        <v>7469</v>
      </c>
      <c r="E4853" s="5" t="s">
        <v>11750</v>
      </c>
      <c r="F4853" s="6">
        <v>171</v>
      </c>
    </row>
    <row r="4854" spans="1:6" x14ac:dyDescent="0.25">
      <c r="A4854" s="4" t="s">
        <v>87</v>
      </c>
      <c r="B4854" s="1" t="s">
        <v>3154</v>
      </c>
      <c r="C4854" s="5" t="s">
        <v>3365</v>
      </c>
      <c r="D4854" s="1" t="s">
        <v>8310</v>
      </c>
      <c r="E4854" s="5" t="s">
        <v>12728</v>
      </c>
      <c r="F4854" s="6">
        <v>1325</v>
      </c>
    </row>
    <row r="4855" spans="1:6" x14ac:dyDescent="0.25">
      <c r="A4855" s="4" t="s">
        <v>87</v>
      </c>
      <c r="B4855" s="1" t="s">
        <v>3154</v>
      </c>
      <c r="C4855" s="5" t="s">
        <v>3342</v>
      </c>
      <c r="D4855" s="1" t="s">
        <v>8388</v>
      </c>
      <c r="E4855" s="5" t="s">
        <v>12820</v>
      </c>
      <c r="F4855" s="6">
        <v>1419</v>
      </c>
    </row>
    <row r="4856" spans="1:6" x14ac:dyDescent="0.25">
      <c r="A4856" s="4" t="s">
        <v>87</v>
      </c>
      <c r="B4856" s="1" t="s">
        <v>3154</v>
      </c>
      <c r="C4856" s="5" t="s">
        <v>3342</v>
      </c>
      <c r="D4856" s="1" t="s">
        <v>9006</v>
      </c>
      <c r="E4856" s="5" t="s">
        <v>14052</v>
      </c>
      <c r="F4856" s="6">
        <v>2707</v>
      </c>
    </row>
    <row r="4857" spans="1:6" x14ac:dyDescent="0.25">
      <c r="A4857" s="4" t="s">
        <v>87</v>
      </c>
      <c r="B4857" s="1" t="s">
        <v>3154</v>
      </c>
      <c r="C4857" s="5" t="s">
        <v>5526</v>
      </c>
      <c r="D4857" s="1" t="s">
        <v>9181</v>
      </c>
      <c r="E4857" s="5" t="s">
        <v>14548</v>
      </c>
      <c r="F4857" s="6">
        <v>3238</v>
      </c>
    </row>
    <row r="4858" spans="1:6" x14ac:dyDescent="0.25">
      <c r="A4858" s="4" t="s">
        <v>87</v>
      </c>
      <c r="B4858" s="1" t="s">
        <v>3154</v>
      </c>
      <c r="C4858" s="5" t="s">
        <v>3342</v>
      </c>
      <c r="D4858" s="1" t="s">
        <v>9196</v>
      </c>
      <c r="E4858" s="5" t="s">
        <v>14609</v>
      </c>
      <c r="F4858" s="6">
        <v>3304</v>
      </c>
    </row>
    <row r="4859" spans="1:6" x14ac:dyDescent="0.25">
      <c r="A4859" s="4" t="s">
        <v>87</v>
      </c>
      <c r="B4859" s="1" t="s">
        <v>3154</v>
      </c>
      <c r="C4859" s="5" t="s">
        <v>3342</v>
      </c>
      <c r="D4859" s="1" t="s">
        <v>9582</v>
      </c>
      <c r="E4859" s="5" t="s">
        <v>15422</v>
      </c>
      <c r="F4859" s="6">
        <v>4160</v>
      </c>
    </row>
    <row r="4860" spans="1:6" x14ac:dyDescent="0.25">
      <c r="A4860" s="4" t="s">
        <v>1657</v>
      </c>
      <c r="B4860" s="1" t="s">
        <v>3152</v>
      </c>
      <c r="C4860" s="5" t="s">
        <v>4158</v>
      </c>
      <c r="D4860" s="1" t="s">
        <v>1657</v>
      </c>
      <c r="E4860" s="5" t="s">
        <v>14447</v>
      </c>
      <c r="F4860" s="6">
        <v>3132</v>
      </c>
    </row>
    <row r="4861" spans="1:6" x14ac:dyDescent="0.25">
      <c r="A4861" s="4" t="s">
        <v>1559</v>
      </c>
      <c r="B4861" s="1" t="s">
        <v>3152</v>
      </c>
      <c r="C4861" s="5" t="s">
        <v>5379</v>
      </c>
      <c r="D4861" s="1" t="s">
        <v>9131</v>
      </c>
      <c r="E4861" s="5" t="s">
        <v>14342</v>
      </c>
      <c r="F4861" s="6">
        <v>3004</v>
      </c>
    </row>
    <row r="4862" spans="1:6" x14ac:dyDescent="0.25">
      <c r="A4862" s="4" t="s">
        <v>32</v>
      </c>
      <c r="B4862" s="1" t="s">
        <v>1147</v>
      </c>
      <c r="C4862" s="5" t="s">
        <v>3251</v>
      </c>
      <c r="D4862" s="1" t="s">
        <v>7376</v>
      </c>
      <c r="E4862" s="5" t="s">
        <v>11650</v>
      </c>
      <c r="F4862" s="6">
        <v>59</v>
      </c>
    </row>
    <row r="4863" spans="1:6" x14ac:dyDescent="0.25">
      <c r="A4863" s="4" t="s">
        <v>32</v>
      </c>
      <c r="B4863" s="1" t="s">
        <v>1147</v>
      </c>
      <c r="C4863" s="5" t="s">
        <v>3516</v>
      </c>
      <c r="D4863" s="1" t="s">
        <v>7651</v>
      </c>
      <c r="E4863" s="5" t="s">
        <v>11940</v>
      </c>
      <c r="F4863" s="6">
        <v>373</v>
      </c>
    </row>
    <row r="4864" spans="1:6" x14ac:dyDescent="0.25">
      <c r="A4864" s="4" t="s">
        <v>32</v>
      </c>
      <c r="B4864" s="1" t="s">
        <v>1147</v>
      </c>
      <c r="C4864" s="5" t="s">
        <v>3251</v>
      </c>
      <c r="D4864" s="1" t="s">
        <v>8214</v>
      </c>
      <c r="E4864" s="5" t="s">
        <v>12619</v>
      </c>
      <c r="F4864" s="6">
        <v>1213</v>
      </c>
    </row>
    <row r="4865" spans="1:6" x14ac:dyDescent="0.25">
      <c r="A4865" s="4" t="s">
        <v>32</v>
      </c>
      <c r="B4865" s="1" t="s">
        <v>1147</v>
      </c>
      <c r="C4865" s="5" t="s">
        <v>5336</v>
      </c>
      <c r="D4865" s="1" t="s">
        <v>9122</v>
      </c>
      <c r="E4865" s="5" t="s">
        <v>14295</v>
      </c>
      <c r="F4865" s="6">
        <v>2957</v>
      </c>
    </row>
    <row r="4866" spans="1:6" x14ac:dyDescent="0.25">
      <c r="A4866" s="4" t="s">
        <v>32</v>
      </c>
      <c r="B4866" s="1" t="s">
        <v>1147</v>
      </c>
      <c r="C4866" s="5" t="s">
        <v>3825</v>
      </c>
      <c r="D4866" s="1" t="s">
        <v>9205</v>
      </c>
      <c r="E4866" s="5" t="s">
        <v>14653</v>
      </c>
      <c r="F4866" s="6">
        <v>3351</v>
      </c>
    </row>
    <row r="4867" spans="1:6" x14ac:dyDescent="0.25">
      <c r="A4867" s="4" t="s">
        <v>686</v>
      </c>
      <c r="B4867" s="1" t="s">
        <v>3153</v>
      </c>
      <c r="C4867" s="5" t="s">
        <v>4389</v>
      </c>
      <c r="D4867" s="1" t="s">
        <v>8613</v>
      </c>
      <c r="E4867" s="5" t="s">
        <v>13140</v>
      </c>
      <c r="F4867" s="6">
        <v>1773</v>
      </c>
    </row>
    <row r="4868" spans="1:6" x14ac:dyDescent="0.25">
      <c r="A4868" s="4" t="s">
        <v>686</v>
      </c>
      <c r="B4868" s="1" t="s">
        <v>3153</v>
      </c>
      <c r="C4868" s="5" t="s">
        <v>5995</v>
      </c>
      <c r="D4868" s="1" t="s">
        <v>686</v>
      </c>
      <c r="E4868" s="5" t="s">
        <v>15382</v>
      </c>
      <c r="F4868" s="6">
        <v>4119</v>
      </c>
    </row>
    <row r="4869" spans="1:6" x14ac:dyDescent="0.25">
      <c r="A4869" s="4" t="s">
        <v>2857</v>
      </c>
      <c r="B4869" s="1" t="s">
        <v>3150</v>
      </c>
      <c r="C4869" s="5" t="s">
        <v>6859</v>
      </c>
      <c r="D4869" s="1" t="s">
        <v>2857</v>
      </c>
      <c r="E4869" s="5" t="s">
        <v>17033</v>
      </c>
      <c r="F4869" s="6">
        <v>7641</v>
      </c>
    </row>
    <row r="4870" spans="1:6" x14ac:dyDescent="0.25">
      <c r="A4870" s="4" t="s">
        <v>2017</v>
      </c>
      <c r="B4870" s="1" t="s">
        <v>3146</v>
      </c>
      <c r="C4870" s="5" t="s">
        <v>5715</v>
      </c>
      <c r="D4870" s="1" t="s">
        <v>2017</v>
      </c>
      <c r="E4870" s="5" t="s">
        <v>14856</v>
      </c>
      <c r="F4870" s="6">
        <v>3571</v>
      </c>
    </row>
    <row r="4871" spans="1:6" x14ac:dyDescent="0.25">
      <c r="A4871" s="4" t="s">
        <v>141</v>
      </c>
      <c r="B4871" s="1" t="s">
        <v>3144</v>
      </c>
      <c r="C4871" s="5" t="s">
        <v>3413</v>
      </c>
      <c r="D4871" s="1" t="s">
        <v>7539</v>
      </c>
      <c r="E4871" s="5" t="s">
        <v>11825</v>
      </c>
      <c r="F4871" s="6">
        <v>256</v>
      </c>
    </row>
    <row r="4872" spans="1:6" x14ac:dyDescent="0.25">
      <c r="A4872" s="4" t="s">
        <v>1361</v>
      </c>
      <c r="B4872" s="1" t="s">
        <v>3144</v>
      </c>
      <c r="C4872" s="5" t="s">
        <v>3413</v>
      </c>
      <c r="D4872" s="1" t="s">
        <v>9011</v>
      </c>
      <c r="E4872" s="5" t="s">
        <v>14060</v>
      </c>
      <c r="F4872" s="6">
        <v>2715</v>
      </c>
    </row>
    <row r="4873" spans="1:6" x14ac:dyDescent="0.25">
      <c r="A4873" s="4" t="s">
        <v>1361</v>
      </c>
      <c r="B4873" s="1" t="s">
        <v>3144</v>
      </c>
      <c r="C4873" s="5" t="s">
        <v>3413</v>
      </c>
      <c r="D4873" s="1" t="s">
        <v>9096</v>
      </c>
      <c r="E4873" s="5" t="s">
        <v>14208</v>
      </c>
      <c r="F4873" s="6">
        <v>2868</v>
      </c>
    </row>
    <row r="4874" spans="1:6" x14ac:dyDescent="0.25">
      <c r="A4874" s="4" t="s">
        <v>141</v>
      </c>
      <c r="B4874" s="1" t="s">
        <v>3144</v>
      </c>
      <c r="C4874" s="5">
        <v>410206</v>
      </c>
      <c r="D4874" s="1" t="s">
        <v>10861</v>
      </c>
      <c r="E4874" s="5" t="s">
        <v>17142</v>
      </c>
      <c r="F4874" s="6">
        <v>8036</v>
      </c>
    </row>
    <row r="4875" spans="1:6" x14ac:dyDescent="0.25">
      <c r="A4875" s="4" t="s">
        <v>1678</v>
      </c>
      <c r="B4875" s="1" t="s">
        <v>3158</v>
      </c>
      <c r="C4875" s="5" t="s">
        <v>5469</v>
      </c>
      <c r="D4875" s="1" t="s">
        <v>1678</v>
      </c>
      <c r="E4875" s="5" t="s">
        <v>14468</v>
      </c>
      <c r="F4875" s="6">
        <v>3153</v>
      </c>
    </row>
    <row r="4876" spans="1:6" x14ac:dyDescent="0.25">
      <c r="A4876" s="4" t="s">
        <v>2144</v>
      </c>
      <c r="B4876" s="1" t="s">
        <v>3158</v>
      </c>
      <c r="C4876" s="5" t="s">
        <v>5847</v>
      </c>
      <c r="D4876" s="1" t="s">
        <v>2144</v>
      </c>
      <c r="E4876" s="5" t="s">
        <v>15114</v>
      </c>
      <c r="F4876" s="6">
        <v>3843</v>
      </c>
    </row>
    <row r="4877" spans="1:6" x14ac:dyDescent="0.25">
      <c r="A4877" s="4" t="s">
        <v>699</v>
      </c>
      <c r="B4877" s="1" t="s">
        <v>3144</v>
      </c>
      <c r="C4877" s="5" t="s">
        <v>4403</v>
      </c>
      <c r="D4877" s="1" t="s">
        <v>8621</v>
      </c>
      <c r="E4877" s="5" t="s">
        <v>13156</v>
      </c>
      <c r="F4877" s="6">
        <v>1789</v>
      </c>
    </row>
    <row r="4878" spans="1:6" x14ac:dyDescent="0.25">
      <c r="A4878" s="4" t="s">
        <v>716</v>
      </c>
      <c r="B4878" s="1" t="s">
        <v>3160</v>
      </c>
      <c r="C4878" s="5">
        <v>754142</v>
      </c>
      <c r="D4878" s="1" t="s">
        <v>716</v>
      </c>
      <c r="E4878" s="5" t="s">
        <v>13185</v>
      </c>
      <c r="F4878" s="6">
        <v>1818</v>
      </c>
    </row>
    <row r="4879" spans="1:6" x14ac:dyDescent="0.25">
      <c r="A4879" s="4" t="s">
        <v>2748</v>
      </c>
      <c r="B4879" s="1" t="s">
        <v>3146</v>
      </c>
      <c r="C4879" s="5" t="s">
        <v>6694</v>
      </c>
      <c r="D4879" s="1" t="s">
        <v>2748</v>
      </c>
      <c r="E4879" s="5" t="s">
        <v>16713</v>
      </c>
      <c r="F4879" s="6">
        <v>6661</v>
      </c>
    </row>
    <row r="4880" spans="1:6" x14ac:dyDescent="0.25">
      <c r="A4880" s="4" t="s">
        <v>2854</v>
      </c>
      <c r="B4880" s="1" t="s">
        <v>3146</v>
      </c>
      <c r="C4880" s="5" t="s">
        <v>6855</v>
      </c>
      <c r="D4880" s="1" t="s">
        <v>2854</v>
      </c>
      <c r="E4880" s="5" t="s">
        <v>17026</v>
      </c>
      <c r="F4880" s="6">
        <v>7630</v>
      </c>
    </row>
    <row r="4881" spans="1:6" x14ac:dyDescent="0.25">
      <c r="A4881" s="4" t="s">
        <v>2559</v>
      </c>
      <c r="B4881" s="1" t="s">
        <v>3144</v>
      </c>
      <c r="C4881" s="5" t="s">
        <v>6467</v>
      </c>
      <c r="D4881" s="1" t="s">
        <v>2559</v>
      </c>
      <c r="E4881" s="5" t="s">
        <v>16275</v>
      </c>
      <c r="F4881" s="6">
        <v>5546</v>
      </c>
    </row>
    <row r="4882" spans="1:6" x14ac:dyDescent="0.25">
      <c r="A4882" s="4" t="s">
        <v>3137</v>
      </c>
      <c r="B4882" s="1" t="s">
        <v>3153</v>
      </c>
      <c r="C4882" s="5" t="s">
        <v>7313</v>
      </c>
      <c r="D4882" s="1" t="s">
        <v>3137</v>
      </c>
      <c r="E4882" s="5" t="s">
        <v>18051</v>
      </c>
      <c r="F4882" s="6">
        <v>9684</v>
      </c>
    </row>
    <row r="4883" spans="1:6" x14ac:dyDescent="0.25">
      <c r="A4883" s="4" t="s">
        <v>2843</v>
      </c>
      <c r="B4883" s="1" t="s">
        <v>3155</v>
      </c>
      <c r="C4883" s="5" t="s">
        <v>6841</v>
      </c>
      <c r="D4883" s="1" t="s">
        <v>2843</v>
      </c>
      <c r="E4883" s="5" t="s">
        <v>16992</v>
      </c>
      <c r="F4883" s="6">
        <v>7514</v>
      </c>
    </row>
    <row r="4884" spans="1:6" x14ac:dyDescent="0.25">
      <c r="A4884" s="4" t="s">
        <v>870</v>
      </c>
      <c r="B4884" s="1" t="s">
        <v>3147</v>
      </c>
      <c r="C4884" s="5" t="s">
        <v>4613</v>
      </c>
      <c r="D4884" s="1" t="s">
        <v>870</v>
      </c>
      <c r="E4884" s="5" t="s">
        <v>13417</v>
      </c>
      <c r="F4884" s="6">
        <v>2051</v>
      </c>
    </row>
    <row r="4885" spans="1:6" x14ac:dyDescent="0.25">
      <c r="A4885" s="4" t="s">
        <v>1178</v>
      </c>
      <c r="B4885" s="1" t="s">
        <v>3151</v>
      </c>
      <c r="C4885" s="5" t="s">
        <v>4929</v>
      </c>
      <c r="D4885" s="1" t="s">
        <v>1178</v>
      </c>
      <c r="E4885" s="5" t="s">
        <v>13774</v>
      </c>
      <c r="F4885" s="6">
        <v>2423</v>
      </c>
    </row>
    <row r="4886" spans="1:6" x14ac:dyDescent="0.25">
      <c r="A4886" s="4" t="s">
        <v>1343</v>
      </c>
      <c r="B4886" s="1" t="s">
        <v>3160</v>
      </c>
      <c r="C4886" s="5" t="s">
        <v>5135</v>
      </c>
      <c r="D4886" s="1" t="s">
        <v>1343</v>
      </c>
      <c r="E4886" s="5" t="s">
        <v>14028</v>
      </c>
      <c r="F4886" s="6">
        <v>2682</v>
      </c>
    </row>
    <row r="4887" spans="1:6" x14ac:dyDescent="0.25">
      <c r="A4887" s="4" t="s">
        <v>1434</v>
      </c>
      <c r="B4887" s="1" t="s">
        <v>3144</v>
      </c>
      <c r="C4887" s="5" t="s">
        <v>5245</v>
      </c>
      <c r="D4887" s="1" t="s">
        <v>9083</v>
      </c>
      <c r="E4887" s="5" t="s">
        <v>14190</v>
      </c>
      <c r="F4887" s="6">
        <v>2849</v>
      </c>
    </row>
    <row r="4888" spans="1:6" x14ac:dyDescent="0.25">
      <c r="A4888" s="4" t="s">
        <v>1625</v>
      </c>
      <c r="B4888" s="1" t="s">
        <v>3152</v>
      </c>
      <c r="C4888" s="5" t="s">
        <v>5436</v>
      </c>
      <c r="D4888" s="1" t="s">
        <v>1625</v>
      </c>
      <c r="E4888" s="5" t="s">
        <v>14413</v>
      </c>
      <c r="F4888" s="6">
        <v>3093</v>
      </c>
    </row>
    <row r="4889" spans="1:6" x14ac:dyDescent="0.25">
      <c r="A4889" s="4" t="s">
        <v>1560</v>
      </c>
      <c r="B4889" s="1" t="s">
        <v>3144</v>
      </c>
      <c r="C4889" s="5" t="s">
        <v>5380</v>
      </c>
      <c r="D4889" s="1" t="s">
        <v>1560</v>
      </c>
      <c r="E4889" s="5" t="s">
        <v>14343</v>
      </c>
      <c r="F4889" s="6">
        <v>3005</v>
      </c>
    </row>
    <row r="4890" spans="1:6" x14ac:dyDescent="0.25">
      <c r="A4890" s="4" t="s">
        <v>3023</v>
      </c>
      <c r="B4890" s="1" t="s">
        <v>3144</v>
      </c>
      <c r="C4890" s="5" t="s">
        <v>7101</v>
      </c>
      <c r="D4890" s="1" t="s">
        <v>3023</v>
      </c>
      <c r="E4890" s="5" t="s">
        <v>17586</v>
      </c>
      <c r="F4890" s="6">
        <v>9201</v>
      </c>
    </row>
    <row r="4891" spans="1:6" x14ac:dyDescent="0.25">
      <c r="A4891" s="4" t="s">
        <v>1645</v>
      </c>
      <c r="B4891" s="1" t="s">
        <v>3158</v>
      </c>
      <c r="C4891" s="5" t="s">
        <v>5447</v>
      </c>
      <c r="D4891" s="1" t="s">
        <v>1645</v>
      </c>
      <c r="E4891" s="5" t="s">
        <v>14434</v>
      </c>
      <c r="F4891" s="6">
        <v>3117</v>
      </c>
    </row>
    <row r="4892" spans="1:6" x14ac:dyDescent="0.25">
      <c r="A4892" s="4" t="s">
        <v>2666</v>
      </c>
      <c r="B4892" s="1" t="s">
        <v>3156</v>
      </c>
      <c r="C4892" s="5">
        <v>327024</v>
      </c>
      <c r="D4892" s="1" t="s">
        <v>2666</v>
      </c>
      <c r="E4892" s="5" t="s">
        <v>16478</v>
      </c>
      <c r="F4892" s="6">
        <v>6013</v>
      </c>
    </row>
    <row r="4893" spans="1:6" x14ac:dyDescent="0.25">
      <c r="A4893" s="4" t="s">
        <v>1855</v>
      </c>
      <c r="B4893" s="1" t="s">
        <v>3158</v>
      </c>
      <c r="C4893" s="5" t="s">
        <v>3273</v>
      </c>
      <c r="D4893" s="1" t="s">
        <v>1855</v>
      </c>
      <c r="E4893" s="5" t="s">
        <v>14685</v>
      </c>
      <c r="F4893" s="6">
        <v>3388</v>
      </c>
    </row>
    <row r="4894" spans="1:6" x14ac:dyDescent="0.25">
      <c r="A4894" s="4" t="s">
        <v>988</v>
      </c>
      <c r="B4894" s="1" t="s">
        <v>3155</v>
      </c>
      <c r="C4894" s="5" t="s">
        <v>4734</v>
      </c>
      <c r="D4894" s="1" t="s">
        <v>988</v>
      </c>
      <c r="E4894" s="5" t="s">
        <v>13555</v>
      </c>
      <c r="F4894" s="6">
        <v>2195</v>
      </c>
    </row>
    <row r="4895" spans="1:6" x14ac:dyDescent="0.25">
      <c r="A4895" s="4" t="s">
        <v>900</v>
      </c>
      <c r="B4895" s="1" t="s">
        <v>3165</v>
      </c>
      <c r="C4895" s="5" t="s">
        <v>4648</v>
      </c>
      <c r="D4895" s="1" t="s">
        <v>900</v>
      </c>
      <c r="E4895" s="5" t="s">
        <v>13466</v>
      </c>
      <c r="F4895" s="6">
        <v>2103</v>
      </c>
    </row>
    <row r="4896" spans="1:6" x14ac:dyDescent="0.25">
      <c r="A4896" s="4" t="s">
        <v>1059</v>
      </c>
      <c r="B4896" s="1" t="s">
        <v>3172</v>
      </c>
      <c r="C4896" s="5" t="s">
        <v>4800</v>
      </c>
      <c r="D4896" s="1" t="s">
        <v>1059</v>
      </c>
      <c r="E4896" s="5" t="s">
        <v>13627</v>
      </c>
      <c r="F4896" s="6">
        <v>2270</v>
      </c>
    </row>
    <row r="4897" spans="1:6" x14ac:dyDescent="0.25">
      <c r="A4897" s="4" t="s">
        <v>12</v>
      </c>
      <c r="B4897" s="1" t="s">
        <v>3144</v>
      </c>
      <c r="C4897" s="5" t="s">
        <v>3218</v>
      </c>
      <c r="D4897" s="1" t="s">
        <v>7345</v>
      </c>
      <c r="E4897" s="5" t="s">
        <v>11617</v>
      </c>
      <c r="F4897" s="6">
        <v>25</v>
      </c>
    </row>
    <row r="4898" spans="1:6" x14ac:dyDescent="0.25">
      <c r="A4898" s="4" t="s">
        <v>318</v>
      </c>
      <c r="B4898" s="1" t="s">
        <v>3147</v>
      </c>
      <c r="C4898" s="5" t="s">
        <v>3794</v>
      </c>
      <c r="D4898" s="1" t="s">
        <v>7971</v>
      </c>
      <c r="E4898" s="5" t="s">
        <v>12288</v>
      </c>
      <c r="F4898" s="6">
        <v>782</v>
      </c>
    </row>
    <row r="4899" spans="1:6" x14ac:dyDescent="0.25">
      <c r="A4899" s="4" t="s">
        <v>318</v>
      </c>
      <c r="B4899" s="1" t="s">
        <v>3147</v>
      </c>
      <c r="C4899" s="5" t="s">
        <v>3794</v>
      </c>
      <c r="D4899" s="1" t="s">
        <v>10046</v>
      </c>
      <c r="E4899" s="5" t="s">
        <v>16034</v>
      </c>
      <c r="F4899" s="6">
        <v>5026</v>
      </c>
    </row>
    <row r="4900" spans="1:6" x14ac:dyDescent="0.25">
      <c r="A4900" s="4" t="s">
        <v>318</v>
      </c>
      <c r="B4900" s="1" t="s">
        <v>3144</v>
      </c>
      <c r="C4900" s="5" t="s">
        <v>6371</v>
      </c>
      <c r="D4900" s="1" t="s">
        <v>318</v>
      </c>
      <c r="E4900" s="5" t="s">
        <v>16072</v>
      </c>
      <c r="F4900" s="6">
        <v>5107</v>
      </c>
    </row>
    <row r="4901" spans="1:6" x14ac:dyDescent="0.25">
      <c r="A4901" s="4" t="s">
        <v>1180</v>
      </c>
      <c r="B4901" s="1" t="s">
        <v>3161</v>
      </c>
      <c r="C4901" s="5" t="s">
        <v>4931</v>
      </c>
      <c r="D4901" s="1" t="s">
        <v>1180</v>
      </c>
      <c r="E4901" s="5" t="s">
        <v>13776</v>
      </c>
      <c r="F4901" s="6">
        <v>2425</v>
      </c>
    </row>
    <row r="4902" spans="1:6" x14ac:dyDescent="0.25">
      <c r="A4902" s="4" t="s">
        <v>164</v>
      </c>
      <c r="B4902" s="1" t="s">
        <v>3150</v>
      </c>
      <c r="C4902" s="5" t="s">
        <v>3458</v>
      </c>
      <c r="D4902" s="1" t="s">
        <v>7589</v>
      </c>
      <c r="E4902" s="5" t="s">
        <v>11877</v>
      </c>
      <c r="F4902" s="6">
        <v>309</v>
      </c>
    </row>
    <row r="4903" spans="1:6" x14ac:dyDescent="0.25">
      <c r="A4903" s="4" t="s">
        <v>2676</v>
      </c>
      <c r="B4903" s="1" t="s">
        <v>3150</v>
      </c>
      <c r="C4903" s="5" t="s">
        <v>6596</v>
      </c>
      <c r="D4903" s="1" t="s">
        <v>2676</v>
      </c>
      <c r="E4903" s="5" t="s">
        <v>16508</v>
      </c>
      <c r="F4903" s="6">
        <v>6093</v>
      </c>
    </row>
    <row r="4904" spans="1:6" x14ac:dyDescent="0.25">
      <c r="A4904" s="4" t="s">
        <v>231</v>
      </c>
      <c r="B4904" s="1" t="s">
        <v>3152</v>
      </c>
      <c r="C4904" s="5" t="s">
        <v>3632</v>
      </c>
      <c r="D4904" s="1" t="s">
        <v>7778</v>
      </c>
      <c r="E4904" s="5" t="s">
        <v>12078</v>
      </c>
      <c r="F4904" s="6">
        <v>526</v>
      </c>
    </row>
    <row r="4905" spans="1:6" x14ac:dyDescent="0.25">
      <c r="A4905" s="4" t="s">
        <v>231</v>
      </c>
      <c r="B4905" s="1" t="s">
        <v>3152</v>
      </c>
      <c r="C4905" s="5" t="s">
        <v>3632</v>
      </c>
      <c r="D4905" s="1" t="s">
        <v>8888</v>
      </c>
      <c r="E4905" s="5" t="s">
        <v>13809</v>
      </c>
      <c r="F4905" s="6">
        <v>2459</v>
      </c>
    </row>
    <row r="4906" spans="1:6" x14ac:dyDescent="0.25">
      <c r="A4906" s="4" t="s">
        <v>231</v>
      </c>
      <c r="B4906" s="1" t="s">
        <v>3152</v>
      </c>
      <c r="C4906" s="5" t="s">
        <v>3632</v>
      </c>
      <c r="D4906" s="1" t="s">
        <v>10658</v>
      </c>
      <c r="E4906" s="5" t="s">
        <v>16875</v>
      </c>
      <c r="F4906" s="6">
        <v>7139</v>
      </c>
    </row>
    <row r="4907" spans="1:6" x14ac:dyDescent="0.25">
      <c r="A4907" s="4" t="s">
        <v>1426</v>
      </c>
      <c r="B4907" s="1" t="s">
        <v>3164</v>
      </c>
      <c r="C4907" s="5" t="s">
        <v>5233</v>
      </c>
      <c r="D4907" s="1" t="s">
        <v>9066</v>
      </c>
      <c r="E4907" s="5" t="s">
        <v>14167</v>
      </c>
      <c r="F4907" s="6">
        <v>2824</v>
      </c>
    </row>
    <row r="4908" spans="1:6" x14ac:dyDescent="0.25">
      <c r="A4908" s="4" t="s">
        <v>56</v>
      </c>
      <c r="B4908" s="1" t="s">
        <v>3152</v>
      </c>
      <c r="C4908" s="5" t="s">
        <v>3292</v>
      </c>
      <c r="D4908" s="1" t="s">
        <v>7421</v>
      </c>
      <c r="E4908" s="5" t="s">
        <v>11696</v>
      </c>
      <c r="F4908" s="6">
        <v>116</v>
      </c>
    </row>
    <row r="4909" spans="1:6" x14ac:dyDescent="0.25">
      <c r="A4909" s="4" t="s">
        <v>56</v>
      </c>
      <c r="B4909" s="1" t="s">
        <v>3152</v>
      </c>
      <c r="C4909" s="5" t="s">
        <v>3292</v>
      </c>
      <c r="D4909" s="1" t="s">
        <v>7949</v>
      </c>
      <c r="E4909" s="5" t="s">
        <v>12264</v>
      </c>
      <c r="F4909" s="6">
        <v>756</v>
      </c>
    </row>
    <row r="4910" spans="1:6" x14ac:dyDescent="0.25">
      <c r="A4910" s="4" t="s">
        <v>56</v>
      </c>
      <c r="B4910" s="1" t="s">
        <v>3152</v>
      </c>
      <c r="C4910" s="5" t="s">
        <v>3292</v>
      </c>
      <c r="D4910" s="1" t="s">
        <v>8299</v>
      </c>
      <c r="E4910" s="5" t="s">
        <v>12714</v>
      </c>
      <c r="F4910" s="6">
        <v>1311</v>
      </c>
    </row>
    <row r="4911" spans="1:6" x14ac:dyDescent="0.25">
      <c r="A4911" s="4" t="s">
        <v>56</v>
      </c>
      <c r="B4911" s="1" t="s">
        <v>3152</v>
      </c>
      <c r="C4911" s="5" t="s">
        <v>3292</v>
      </c>
      <c r="D4911" s="1" t="s">
        <v>8315</v>
      </c>
      <c r="E4911" s="5" t="s">
        <v>12733</v>
      </c>
      <c r="F4911" s="6">
        <v>1330</v>
      </c>
    </row>
    <row r="4912" spans="1:6" x14ac:dyDescent="0.25">
      <c r="A4912" s="4" t="s">
        <v>56</v>
      </c>
      <c r="B4912" s="1" t="s">
        <v>3152</v>
      </c>
      <c r="C4912" s="5" t="s">
        <v>4264</v>
      </c>
      <c r="D4912" s="1" t="s">
        <v>8509</v>
      </c>
      <c r="E4912" s="5" t="s">
        <v>12973</v>
      </c>
      <c r="F4912" s="6">
        <v>1583</v>
      </c>
    </row>
    <row r="4913" spans="1:6" x14ac:dyDescent="0.25">
      <c r="A4913" s="4" t="s">
        <v>56</v>
      </c>
      <c r="B4913" s="1" t="s">
        <v>3152</v>
      </c>
      <c r="C4913" s="5" t="s">
        <v>6328</v>
      </c>
      <c r="D4913" s="1" t="s">
        <v>9982</v>
      </c>
      <c r="E4913" s="5" t="s">
        <v>15947</v>
      </c>
      <c r="F4913" s="6">
        <v>4866</v>
      </c>
    </row>
    <row r="4914" spans="1:6" x14ac:dyDescent="0.25">
      <c r="A4914" s="4" t="s">
        <v>56</v>
      </c>
      <c r="B4914" s="1" t="s">
        <v>3152</v>
      </c>
      <c r="C4914" s="5" t="s">
        <v>3292</v>
      </c>
      <c r="D4914" s="1" t="s">
        <v>11046</v>
      </c>
      <c r="E4914" s="5" t="s">
        <v>17374</v>
      </c>
      <c r="F4914" s="6">
        <v>8921</v>
      </c>
    </row>
    <row r="4915" spans="1:6" x14ac:dyDescent="0.25">
      <c r="A4915" s="4" t="s">
        <v>99</v>
      </c>
      <c r="B4915" s="1" t="s">
        <v>812</v>
      </c>
      <c r="C4915" s="5" t="s">
        <v>3357</v>
      </c>
      <c r="D4915" s="1" t="s">
        <v>7482</v>
      </c>
      <c r="E4915" s="5" t="s">
        <v>11765</v>
      </c>
      <c r="F4915" s="6">
        <v>186</v>
      </c>
    </row>
    <row r="4916" spans="1:6" x14ac:dyDescent="0.25">
      <c r="A4916" s="4" t="s">
        <v>99</v>
      </c>
      <c r="B4916" s="1" t="s">
        <v>812</v>
      </c>
      <c r="C4916" s="5" t="s">
        <v>3357</v>
      </c>
      <c r="D4916" s="1" t="s">
        <v>7522</v>
      </c>
      <c r="E4916" s="5" t="s">
        <v>11807</v>
      </c>
      <c r="F4916" s="6">
        <v>235</v>
      </c>
    </row>
    <row r="4917" spans="1:6" x14ac:dyDescent="0.25">
      <c r="A4917" s="4" t="s">
        <v>99</v>
      </c>
      <c r="B4917" s="1" t="s">
        <v>812</v>
      </c>
      <c r="C4917" s="5" t="s">
        <v>3479</v>
      </c>
      <c r="D4917" s="1" t="s">
        <v>7611</v>
      </c>
      <c r="E4917" s="5" t="s">
        <v>11900</v>
      </c>
      <c r="F4917" s="6">
        <v>332</v>
      </c>
    </row>
    <row r="4918" spans="1:6" x14ac:dyDescent="0.25">
      <c r="A4918" s="4" t="s">
        <v>99</v>
      </c>
      <c r="B4918" s="1" t="s">
        <v>812</v>
      </c>
      <c r="C4918" s="5" t="s">
        <v>3605</v>
      </c>
      <c r="D4918" s="1" t="s">
        <v>7744</v>
      </c>
      <c r="E4918" s="5" t="s">
        <v>12043</v>
      </c>
      <c r="F4918" s="6">
        <v>477</v>
      </c>
    </row>
    <row r="4919" spans="1:6" x14ac:dyDescent="0.25">
      <c r="A4919" s="4" t="s">
        <v>99</v>
      </c>
      <c r="B4919" s="1" t="s">
        <v>3169</v>
      </c>
      <c r="C4919" s="5" t="s">
        <v>4008</v>
      </c>
      <c r="D4919" s="1" t="s">
        <v>8159</v>
      </c>
      <c r="E4919" s="5" t="s">
        <v>12556</v>
      </c>
      <c r="F4919" s="6">
        <v>1081</v>
      </c>
    </row>
    <row r="4920" spans="1:6" x14ac:dyDescent="0.25">
      <c r="A4920" s="4" t="s">
        <v>99</v>
      </c>
      <c r="B4920" s="1" t="s">
        <v>812</v>
      </c>
      <c r="C4920" s="5" t="s">
        <v>4307</v>
      </c>
      <c r="D4920" s="1" t="s">
        <v>8537</v>
      </c>
      <c r="E4920" s="5" t="s">
        <v>13022</v>
      </c>
      <c r="F4920" s="6">
        <v>1649</v>
      </c>
    </row>
    <row r="4921" spans="1:6" x14ac:dyDescent="0.25">
      <c r="A4921" s="4" t="s">
        <v>99</v>
      </c>
      <c r="B4921" s="1" t="s">
        <v>812</v>
      </c>
      <c r="C4921" s="5" t="s">
        <v>5005</v>
      </c>
      <c r="D4921" s="1" t="s">
        <v>8912</v>
      </c>
      <c r="E4921" s="5" t="s">
        <v>13864</v>
      </c>
      <c r="F4921" s="6">
        <v>2514</v>
      </c>
    </row>
    <row r="4922" spans="1:6" x14ac:dyDescent="0.25">
      <c r="A4922" s="4" t="s">
        <v>99</v>
      </c>
      <c r="B4922" s="1" t="s">
        <v>812</v>
      </c>
      <c r="C4922" s="5" t="s">
        <v>5006</v>
      </c>
      <c r="D4922" s="1" t="s">
        <v>8913</v>
      </c>
      <c r="E4922" s="5" t="s">
        <v>13865</v>
      </c>
      <c r="F4922" s="6">
        <v>2515</v>
      </c>
    </row>
    <row r="4923" spans="1:6" x14ac:dyDescent="0.25">
      <c r="A4923" s="4" t="s">
        <v>99</v>
      </c>
      <c r="B4923" s="1" t="s">
        <v>812</v>
      </c>
      <c r="C4923" s="5" t="s">
        <v>5005</v>
      </c>
      <c r="D4923" s="1" t="s">
        <v>8922</v>
      </c>
      <c r="E4923" s="5" t="s">
        <v>13881</v>
      </c>
      <c r="F4923" s="6">
        <v>2532</v>
      </c>
    </row>
    <row r="4924" spans="1:6" x14ac:dyDescent="0.25">
      <c r="A4924" s="4" t="s">
        <v>99</v>
      </c>
      <c r="B4924" s="1" t="s">
        <v>812</v>
      </c>
      <c r="C4924" s="5" t="s">
        <v>5102</v>
      </c>
      <c r="D4924" s="1" t="s">
        <v>8974</v>
      </c>
      <c r="E4924" s="5" t="s">
        <v>13989</v>
      </c>
      <c r="F4924" s="6">
        <v>2643</v>
      </c>
    </row>
    <row r="4925" spans="1:6" x14ac:dyDescent="0.25">
      <c r="A4925" s="4" t="s">
        <v>99</v>
      </c>
      <c r="B4925" s="1" t="s">
        <v>812</v>
      </c>
      <c r="C4925" s="5" t="s">
        <v>5247</v>
      </c>
      <c r="D4925" s="1" t="s">
        <v>9085</v>
      </c>
      <c r="E4925" s="5" t="s">
        <v>14192</v>
      </c>
      <c r="F4925" s="6">
        <v>2851</v>
      </c>
    </row>
    <row r="4926" spans="1:6" x14ac:dyDescent="0.25">
      <c r="A4926" s="4" t="s">
        <v>99</v>
      </c>
      <c r="B4926" s="1" t="s">
        <v>812</v>
      </c>
      <c r="C4926" s="5" t="s">
        <v>5905</v>
      </c>
      <c r="D4926" s="1" t="s">
        <v>9460</v>
      </c>
      <c r="E4926" s="5" t="s">
        <v>15227</v>
      </c>
      <c r="F4926" s="6">
        <v>3961</v>
      </c>
    </row>
    <row r="4927" spans="1:6" x14ac:dyDescent="0.25">
      <c r="A4927" s="4" t="s">
        <v>99</v>
      </c>
      <c r="B4927" s="1" t="s">
        <v>812</v>
      </c>
      <c r="C4927" s="5" t="s">
        <v>3605</v>
      </c>
      <c r="D4927" s="1" t="s">
        <v>9635</v>
      </c>
      <c r="E4927" s="5" t="s">
        <v>15495</v>
      </c>
      <c r="F4927" s="6">
        <v>4233</v>
      </c>
    </row>
    <row r="4928" spans="1:6" x14ac:dyDescent="0.25">
      <c r="A4928" s="4" t="s">
        <v>99</v>
      </c>
      <c r="B4928" s="1" t="s">
        <v>812</v>
      </c>
      <c r="C4928" s="5" t="s">
        <v>6069</v>
      </c>
      <c r="D4928" s="1" t="s">
        <v>9636</v>
      </c>
      <c r="E4928" s="5" t="s">
        <v>15496</v>
      </c>
      <c r="F4928" s="6">
        <v>4234</v>
      </c>
    </row>
    <row r="4929" spans="1:6" x14ac:dyDescent="0.25">
      <c r="A4929" s="4" t="s">
        <v>99</v>
      </c>
      <c r="B4929" s="1" t="s">
        <v>812</v>
      </c>
      <c r="C4929" s="5" t="s">
        <v>6243</v>
      </c>
      <c r="D4929" s="1" t="s">
        <v>9869</v>
      </c>
      <c r="E4929" s="5" t="s">
        <v>15801</v>
      </c>
      <c r="F4929" s="6">
        <v>4710</v>
      </c>
    </row>
    <row r="4930" spans="1:6" x14ac:dyDescent="0.25">
      <c r="A4930" s="4" t="s">
        <v>99</v>
      </c>
      <c r="B4930" s="1" t="s">
        <v>812</v>
      </c>
      <c r="C4930" s="5" t="s">
        <v>6298</v>
      </c>
      <c r="D4930" s="1" t="s">
        <v>2931</v>
      </c>
      <c r="E4930" s="5" t="s">
        <v>15896</v>
      </c>
      <c r="F4930" s="6">
        <v>4812</v>
      </c>
    </row>
    <row r="4931" spans="1:6" x14ac:dyDescent="0.25">
      <c r="A4931" s="4" t="s">
        <v>99</v>
      </c>
      <c r="B4931" s="1" t="s">
        <v>812</v>
      </c>
      <c r="C4931" s="5" t="s">
        <v>3605</v>
      </c>
      <c r="D4931" s="1" t="s">
        <v>10413</v>
      </c>
      <c r="E4931" s="5" t="s">
        <v>16554</v>
      </c>
      <c r="F4931" s="6">
        <v>6215</v>
      </c>
    </row>
    <row r="4932" spans="1:6" x14ac:dyDescent="0.25">
      <c r="A4932" s="4" t="s">
        <v>99</v>
      </c>
      <c r="B4932" s="1" t="s">
        <v>812</v>
      </c>
      <c r="C4932" s="5" t="s">
        <v>3357</v>
      </c>
      <c r="D4932" s="1" t="s">
        <v>10416</v>
      </c>
      <c r="E4932" s="5" t="s">
        <v>16557</v>
      </c>
      <c r="F4932" s="6">
        <v>6223</v>
      </c>
    </row>
    <row r="4933" spans="1:6" x14ac:dyDescent="0.25">
      <c r="A4933" s="4" t="s">
        <v>99</v>
      </c>
      <c r="B4933" s="1" t="s">
        <v>812</v>
      </c>
      <c r="C4933" s="5" t="s">
        <v>3357</v>
      </c>
      <c r="D4933" s="1" t="s">
        <v>530</v>
      </c>
      <c r="E4933" s="5" t="s">
        <v>16577</v>
      </c>
      <c r="F4933" s="6">
        <v>6280</v>
      </c>
    </row>
    <row r="4934" spans="1:6" x14ac:dyDescent="0.25">
      <c r="A4934" s="4" t="s">
        <v>99</v>
      </c>
      <c r="B4934" s="1" t="s">
        <v>812</v>
      </c>
      <c r="C4934" s="5" t="s">
        <v>3357</v>
      </c>
      <c r="D4934" s="1" t="s">
        <v>10470</v>
      </c>
      <c r="E4934" s="5" t="s">
        <v>16630</v>
      </c>
      <c r="F4934" s="6">
        <v>6422</v>
      </c>
    </row>
    <row r="4935" spans="1:6" x14ac:dyDescent="0.25">
      <c r="A4935" s="4" t="s">
        <v>99</v>
      </c>
      <c r="B4935" s="1" t="s">
        <v>812</v>
      </c>
      <c r="C4935" s="5" t="s">
        <v>4008</v>
      </c>
      <c r="D4935" s="1" t="s">
        <v>10480</v>
      </c>
      <c r="E4935" s="5" t="s">
        <v>16641</v>
      </c>
      <c r="F4935" s="6">
        <v>6454</v>
      </c>
    </row>
    <row r="4936" spans="1:6" x14ac:dyDescent="0.25">
      <c r="A4936" s="4" t="s">
        <v>99</v>
      </c>
      <c r="B4936" s="1" t="s">
        <v>812</v>
      </c>
      <c r="C4936" s="5" t="s">
        <v>5905</v>
      </c>
      <c r="D4936" s="1" t="s">
        <v>10884</v>
      </c>
      <c r="E4936" s="5" t="s">
        <v>17171</v>
      </c>
      <c r="F4936" s="6">
        <v>8115</v>
      </c>
    </row>
    <row r="4937" spans="1:6" x14ac:dyDescent="0.25">
      <c r="A4937" s="4" t="s">
        <v>99</v>
      </c>
      <c r="B4937" s="1" t="s">
        <v>812</v>
      </c>
      <c r="C4937" s="5" t="s">
        <v>7046</v>
      </c>
      <c r="D4937" s="1" t="s">
        <v>11137</v>
      </c>
      <c r="E4937" s="5" t="s">
        <v>17497</v>
      </c>
      <c r="F4937" s="6">
        <v>9109</v>
      </c>
    </row>
    <row r="4938" spans="1:6" x14ac:dyDescent="0.25">
      <c r="A4938" s="4" t="s">
        <v>99</v>
      </c>
      <c r="B4938" s="1" t="s">
        <v>812</v>
      </c>
      <c r="C4938" s="5" t="s">
        <v>3357</v>
      </c>
      <c r="D4938" s="1" t="s">
        <v>11248</v>
      </c>
      <c r="E4938" s="5" t="s">
        <v>17647</v>
      </c>
      <c r="F4938" s="6">
        <v>9265</v>
      </c>
    </row>
    <row r="4939" spans="1:6" x14ac:dyDescent="0.25">
      <c r="A4939" s="4" t="s">
        <v>99</v>
      </c>
      <c r="B4939" s="1" t="s">
        <v>812</v>
      </c>
      <c r="C4939" s="5" t="s">
        <v>7152</v>
      </c>
      <c r="D4939" s="1" t="s">
        <v>11271</v>
      </c>
      <c r="E4939" s="5" t="s">
        <v>17678</v>
      </c>
      <c r="F4939" s="6">
        <v>9296</v>
      </c>
    </row>
    <row r="4940" spans="1:6" x14ac:dyDescent="0.25">
      <c r="A4940" s="4" t="s">
        <v>99</v>
      </c>
      <c r="B4940" s="1" t="s">
        <v>812</v>
      </c>
      <c r="C4940" s="5" t="s">
        <v>3357</v>
      </c>
      <c r="D4940" s="1" t="s">
        <v>11292</v>
      </c>
      <c r="E4940" s="5" t="s">
        <v>17705</v>
      </c>
      <c r="F4940" s="6">
        <v>9325</v>
      </c>
    </row>
    <row r="4941" spans="1:6" x14ac:dyDescent="0.25">
      <c r="A4941" s="4" t="s">
        <v>99</v>
      </c>
      <c r="B4941" s="1" t="s">
        <v>812</v>
      </c>
      <c r="C4941" s="5" t="s">
        <v>7188</v>
      </c>
      <c r="D4941" s="1" t="s">
        <v>11331</v>
      </c>
      <c r="E4941" s="5" t="s">
        <v>17753</v>
      </c>
      <c r="F4941" s="6">
        <v>9375</v>
      </c>
    </row>
    <row r="4942" spans="1:6" x14ac:dyDescent="0.25">
      <c r="A4942" s="4" t="s">
        <v>512</v>
      </c>
      <c r="B4942" s="1" t="s">
        <v>3152</v>
      </c>
      <c r="C4942" s="5" t="s">
        <v>4144</v>
      </c>
      <c r="D4942" s="1" t="s">
        <v>512</v>
      </c>
      <c r="E4942" s="5" t="s">
        <v>12795</v>
      </c>
      <c r="F4942" s="6">
        <v>1393</v>
      </c>
    </row>
    <row r="4943" spans="1:6" x14ac:dyDescent="0.25">
      <c r="A4943" s="4" t="s">
        <v>1208</v>
      </c>
      <c r="B4943" s="1" t="s">
        <v>3159</v>
      </c>
      <c r="C4943" s="5" t="s">
        <v>4967</v>
      </c>
      <c r="D4943" s="1" t="s">
        <v>1208</v>
      </c>
      <c r="E4943" s="5" t="s">
        <v>13819</v>
      </c>
      <c r="F4943" s="6">
        <v>2469</v>
      </c>
    </row>
    <row r="4944" spans="1:6" x14ac:dyDescent="0.25">
      <c r="A4944" s="4" t="s">
        <v>1949</v>
      </c>
      <c r="B4944" s="1" t="s">
        <v>3150</v>
      </c>
      <c r="C4944" s="5" t="s">
        <v>5682</v>
      </c>
      <c r="D4944" s="1" t="s">
        <v>1949</v>
      </c>
      <c r="E4944" s="5" t="s">
        <v>14783</v>
      </c>
      <c r="F4944" s="6">
        <v>3494</v>
      </c>
    </row>
    <row r="4945" spans="1:6" x14ac:dyDescent="0.25">
      <c r="A4945" s="4" t="s">
        <v>1070</v>
      </c>
      <c r="B4945" s="1" t="s">
        <v>3160</v>
      </c>
      <c r="C4945" s="5" t="s">
        <v>4812</v>
      </c>
      <c r="D4945" s="1" t="s">
        <v>1070</v>
      </c>
      <c r="E4945" s="5" t="s">
        <v>13639</v>
      </c>
      <c r="F4945" s="6">
        <v>2283</v>
      </c>
    </row>
    <row r="4946" spans="1:6" x14ac:dyDescent="0.25">
      <c r="A4946" s="4" t="s">
        <v>1070</v>
      </c>
      <c r="B4946" s="1" t="s">
        <v>3160</v>
      </c>
      <c r="C4946" s="5" t="s">
        <v>6898</v>
      </c>
      <c r="D4946" s="1" t="s">
        <v>10885</v>
      </c>
      <c r="E4946" s="5" t="s">
        <v>17172</v>
      </c>
      <c r="F4946" s="6">
        <v>8116</v>
      </c>
    </row>
    <row r="4947" spans="1:6" x14ac:dyDescent="0.25">
      <c r="A4947" s="4" t="s">
        <v>2200</v>
      </c>
      <c r="B4947" s="1" t="s">
        <v>3163</v>
      </c>
      <c r="C4947" s="5" t="s">
        <v>5916</v>
      </c>
      <c r="D4947" s="1" t="s">
        <v>2200</v>
      </c>
      <c r="E4947" s="5" t="s">
        <v>15261</v>
      </c>
      <c r="F4947" s="6">
        <v>3996</v>
      </c>
    </row>
    <row r="4948" spans="1:6" x14ac:dyDescent="0.25">
      <c r="A4948" s="4" t="s">
        <v>721</v>
      </c>
      <c r="B4948" s="1" t="s">
        <v>3152</v>
      </c>
      <c r="C4948" s="5" t="s">
        <v>4431</v>
      </c>
      <c r="D4948" s="1" t="s">
        <v>721</v>
      </c>
      <c r="E4948" s="5" t="s">
        <v>13191</v>
      </c>
      <c r="F4948" s="6">
        <v>1824</v>
      </c>
    </row>
    <row r="4949" spans="1:6" x14ac:dyDescent="0.25">
      <c r="A4949" s="4" t="s">
        <v>2342</v>
      </c>
      <c r="B4949" s="1" t="s">
        <v>3158</v>
      </c>
      <c r="C4949" s="5" t="s">
        <v>6126</v>
      </c>
      <c r="D4949" s="1" t="s">
        <v>9692</v>
      </c>
      <c r="E4949" s="5" t="s">
        <v>15579</v>
      </c>
      <c r="F4949" s="6">
        <v>4321</v>
      </c>
    </row>
    <row r="4950" spans="1:6" x14ac:dyDescent="0.25">
      <c r="A4950" s="4" t="s">
        <v>1422</v>
      </c>
      <c r="B4950" s="1" t="s">
        <v>3146</v>
      </c>
      <c r="C4950" s="5">
        <v>614601</v>
      </c>
      <c r="D4950" s="1" t="s">
        <v>9065</v>
      </c>
      <c r="E4950" s="5" t="s">
        <v>14163</v>
      </c>
      <c r="F4950" s="6">
        <v>2820</v>
      </c>
    </row>
    <row r="4951" spans="1:6" x14ac:dyDescent="0.25">
      <c r="A4951" s="4" t="s">
        <v>2576</v>
      </c>
      <c r="B4951" s="1" t="s">
        <v>3144</v>
      </c>
      <c r="C4951" s="5" t="s">
        <v>6484</v>
      </c>
      <c r="D4951" s="1" t="s">
        <v>2576</v>
      </c>
      <c r="E4951" s="5" t="s">
        <v>16294</v>
      </c>
      <c r="F4951" s="6">
        <v>5592</v>
      </c>
    </row>
    <row r="4952" spans="1:6" x14ac:dyDescent="0.25">
      <c r="A4952" s="4" t="s">
        <v>3073</v>
      </c>
      <c r="B4952" s="1" t="s">
        <v>3162</v>
      </c>
      <c r="C4952" s="5" t="s">
        <v>7216</v>
      </c>
      <c r="D4952" s="1" t="s">
        <v>3073</v>
      </c>
      <c r="E4952" s="5" t="s">
        <v>17851</v>
      </c>
      <c r="F4952" s="6">
        <v>9478</v>
      </c>
    </row>
    <row r="4953" spans="1:6" x14ac:dyDescent="0.25">
      <c r="A4953" s="4" t="s">
        <v>989</v>
      </c>
      <c r="B4953" s="1" t="s">
        <v>3152</v>
      </c>
      <c r="C4953" s="5" t="s">
        <v>4735</v>
      </c>
      <c r="D4953" s="1" t="s">
        <v>989</v>
      </c>
      <c r="E4953" s="5" t="s">
        <v>13556</v>
      </c>
      <c r="F4953" s="6">
        <v>2196</v>
      </c>
    </row>
    <row r="4954" spans="1:6" x14ac:dyDescent="0.25">
      <c r="A4954" s="4" t="s">
        <v>576</v>
      </c>
      <c r="B4954" s="1" t="s">
        <v>3150</v>
      </c>
      <c r="C4954" s="5" t="s">
        <v>4227</v>
      </c>
      <c r="D4954" s="1" t="s">
        <v>8461</v>
      </c>
      <c r="E4954" s="5" t="s">
        <v>12918</v>
      </c>
      <c r="F4954" s="6">
        <v>1523</v>
      </c>
    </row>
    <row r="4955" spans="1:6" x14ac:dyDescent="0.25">
      <c r="A4955" s="4" t="s">
        <v>2900</v>
      </c>
      <c r="B4955" s="1" t="s">
        <v>3155</v>
      </c>
      <c r="C4955" s="5" t="s">
        <v>6909</v>
      </c>
      <c r="D4955" s="1" t="s">
        <v>2900</v>
      </c>
      <c r="E4955" s="5" t="s">
        <v>17194</v>
      </c>
      <c r="F4955" s="6">
        <v>8169</v>
      </c>
    </row>
    <row r="4956" spans="1:6" x14ac:dyDescent="0.25">
      <c r="A4956" s="4" t="s">
        <v>2298</v>
      </c>
      <c r="B4956" s="1" t="s">
        <v>3151</v>
      </c>
      <c r="C4956" s="5" t="s">
        <v>6060</v>
      </c>
      <c r="D4956" s="1" t="s">
        <v>2298</v>
      </c>
      <c r="E4956" s="5" t="s">
        <v>15481</v>
      </c>
      <c r="F4956" s="6">
        <v>4219</v>
      </c>
    </row>
    <row r="4957" spans="1:6" x14ac:dyDescent="0.25">
      <c r="A4957" s="4" t="s">
        <v>1905</v>
      </c>
      <c r="B4957" s="1" t="s">
        <v>3151</v>
      </c>
      <c r="C4957" s="5" t="s">
        <v>5654</v>
      </c>
      <c r="D4957" s="1" t="s">
        <v>1905</v>
      </c>
      <c r="E4957" s="5" t="s">
        <v>14738</v>
      </c>
      <c r="F4957" s="6">
        <v>3448</v>
      </c>
    </row>
    <row r="4958" spans="1:6" x14ac:dyDescent="0.25">
      <c r="A4958" s="4" t="s">
        <v>990</v>
      </c>
      <c r="B4958" s="1" t="s">
        <v>3155</v>
      </c>
      <c r="C4958" s="5" t="s">
        <v>4736</v>
      </c>
      <c r="D4958" s="1" t="s">
        <v>990</v>
      </c>
      <c r="E4958" s="5" t="s">
        <v>13557</v>
      </c>
      <c r="F4958" s="6">
        <v>2197</v>
      </c>
    </row>
    <row r="4959" spans="1:6" x14ac:dyDescent="0.25">
      <c r="A4959" s="4" t="s">
        <v>2173</v>
      </c>
      <c r="B4959" s="1" t="s">
        <v>3146</v>
      </c>
      <c r="C4959" s="5" t="s">
        <v>5877</v>
      </c>
      <c r="D4959" s="1" t="s">
        <v>2173</v>
      </c>
      <c r="E4959" s="5" t="s">
        <v>15181</v>
      </c>
      <c r="F4959" s="6">
        <v>3914</v>
      </c>
    </row>
    <row r="4960" spans="1:6" x14ac:dyDescent="0.25">
      <c r="A4960" s="4" t="s">
        <v>1308</v>
      </c>
      <c r="B4960" s="1" t="s">
        <v>3144</v>
      </c>
      <c r="C4960" s="5" t="s">
        <v>5093</v>
      </c>
      <c r="D4960" s="1" t="s">
        <v>1308</v>
      </c>
      <c r="E4960" s="5" t="s">
        <v>13979</v>
      </c>
      <c r="F4960" s="6">
        <v>2631</v>
      </c>
    </row>
    <row r="4961" spans="1:6" x14ac:dyDescent="0.25">
      <c r="A4961" s="4" t="s">
        <v>2320</v>
      </c>
      <c r="B4961" s="1" t="s">
        <v>3161</v>
      </c>
      <c r="C4961" s="5" t="s">
        <v>6092</v>
      </c>
      <c r="D4961" s="1" t="s">
        <v>2320</v>
      </c>
      <c r="E4961" s="5" t="s">
        <v>15530</v>
      </c>
      <c r="F4961" s="6">
        <v>4268</v>
      </c>
    </row>
    <row r="4962" spans="1:6" x14ac:dyDescent="0.25">
      <c r="A4962" s="4" t="s">
        <v>2320</v>
      </c>
      <c r="B4962" s="1" t="s">
        <v>3161</v>
      </c>
      <c r="C4962" s="5" t="s">
        <v>6206</v>
      </c>
      <c r="D4962" s="1" t="s">
        <v>9816</v>
      </c>
      <c r="E4962" s="5" t="s">
        <v>15734</v>
      </c>
      <c r="F4962" s="6">
        <v>4505</v>
      </c>
    </row>
    <row r="4963" spans="1:6" x14ac:dyDescent="0.25">
      <c r="A4963" s="4" t="s">
        <v>752</v>
      </c>
      <c r="B4963" s="1" t="s">
        <v>3146</v>
      </c>
      <c r="C4963" s="5" t="s">
        <v>4471</v>
      </c>
      <c r="D4963" s="1" t="s">
        <v>752</v>
      </c>
      <c r="E4963" s="5" t="s">
        <v>13239</v>
      </c>
      <c r="F4963" s="6">
        <v>1872</v>
      </c>
    </row>
    <row r="4964" spans="1:6" x14ac:dyDescent="0.25">
      <c r="A4964" s="4" t="s">
        <v>2836</v>
      </c>
      <c r="B4964" s="1" t="s">
        <v>3150</v>
      </c>
      <c r="C4964" s="5" t="s">
        <v>6836</v>
      </c>
      <c r="D4964" s="1" t="s">
        <v>2836</v>
      </c>
      <c r="E4964" s="5" t="s">
        <v>16981</v>
      </c>
      <c r="F4964" s="6">
        <v>7484</v>
      </c>
    </row>
    <row r="4965" spans="1:6" x14ac:dyDescent="0.25">
      <c r="A4965" s="4" t="s">
        <v>596</v>
      </c>
      <c r="B4965" s="1" t="s">
        <v>3150</v>
      </c>
      <c r="C4965" s="5" t="s">
        <v>4248</v>
      </c>
      <c r="D4965" s="1" t="s">
        <v>8480</v>
      </c>
      <c r="E4965" s="5" t="s">
        <v>12940</v>
      </c>
      <c r="F4965" s="6">
        <v>1548</v>
      </c>
    </row>
    <row r="4966" spans="1:6" x14ac:dyDescent="0.25">
      <c r="A4966" s="4" t="s">
        <v>208</v>
      </c>
      <c r="B4966" s="1" t="s">
        <v>3150</v>
      </c>
      <c r="C4966" s="5" t="s">
        <v>3569</v>
      </c>
      <c r="D4966" s="1" t="s">
        <v>7709</v>
      </c>
      <c r="E4966" s="5" t="s">
        <v>12003</v>
      </c>
      <c r="F4966" s="6">
        <v>436</v>
      </c>
    </row>
    <row r="4967" spans="1:6" x14ac:dyDescent="0.25">
      <c r="A4967" s="4" t="s">
        <v>208</v>
      </c>
      <c r="B4967" s="1" t="s">
        <v>3150</v>
      </c>
      <c r="C4967" s="5" t="s">
        <v>3569</v>
      </c>
      <c r="D4967" s="1" t="s">
        <v>10984</v>
      </c>
      <c r="E4967" s="5" t="s">
        <v>17293</v>
      </c>
      <c r="F4967" s="6">
        <v>8562</v>
      </c>
    </row>
    <row r="4968" spans="1:6" x14ac:dyDescent="0.25">
      <c r="A4968" s="4" t="s">
        <v>1677</v>
      </c>
      <c r="B4968" s="1" t="s">
        <v>3146</v>
      </c>
      <c r="C4968" s="5" t="s">
        <v>5468</v>
      </c>
      <c r="D4968" s="1" t="s">
        <v>1677</v>
      </c>
      <c r="E4968" s="5" t="s">
        <v>14467</v>
      </c>
      <c r="F4968" s="6">
        <v>3152</v>
      </c>
    </row>
    <row r="4969" spans="1:6" x14ac:dyDescent="0.25">
      <c r="A4969" s="4" t="s">
        <v>1574</v>
      </c>
      <c r="B4969" s="1" t="s">
        <v>3146</v>
      </c>
      <c r="C4969" s="5" t="s">
        <v>5394</v>
      </c>
      <c r="D4969" s="1" t="s">
        <v>1574</v>
      </c>
      <c r="E4969" s="5" t="s">
        <v>14358</v>
      </c>
      <c r="F4969" s="6">
        <v>3023</v>
      </c>
    </row>
    <row r="4970" spans="1:6" x14ac:dyDescent="0.25">
      <c r="A4970" s="4" t="s">
        <v>636</v>
      </c>
      <c r="B4970" s="1" t="s">
        <v>1147</v>
      </c>
      <c r="C4970" s="5" t="s">
        <v>4320</v>
      </c>
      <c r="D4970" s="1" t="s">
        <v>8553</v>
      </c>
      <c r="E4970" s="5" t="s">
        <v>13043</v>
      </c>
      <c r="F4970" s="6">
        <v>1674</v>
      </c>
    </row>
    <row r="4971" spans="1:6" x14ac:dyDescent="0.25">
      <c r="A4971" s="4" t="s">
        <v>636</v>
      </c>
      <c r="B4971" s="1" t="s">
        <v>1147</v>
      </c>
      <c r="C4971" s="5" t="s">
        <v>5425</v>
      </c>
      <c r="D4971" s="1" t="s">
        <v>9140</v>
      </c>
      <c r="E4971" s="5" t="s">
        <v>14394</v>
      </c>
      <c r="F4971" s="6">
        <v>3065</v>
      </c>
    </row>
    <row r="4972" spans="1:6" x14ac:dyDescent="0.25">
      <c r="A4972" s="4" t="s">
        <v>636</v>
      </c>
      <c r="B4972" s="1" t="s">
        <v>1147</v>
      </c>
      <c r="C4972" s="5" t="s">
        <v>5425</v>
      </c>
      <c r="D4972" s="1" t="s">
        <v>9203</v>
      </c>
      <c r="E4972" s="5" t="s">
        <v>14650</v>
      </c>
      <c r="F4972" s="6">
        <v>3348</v>
      </c>
    </row>
    <row r="4973" spans="1:6" x14ac:dyDescent="0.25">
      <c r="A4973" s="4" t="s">
        <v>636</v>
      </c>
      <c r="B4973" s="1" t="s">
        <v>1147</v>
      </c>
      <c r="C4973" s="5" t="s">
        <v>5599</v>
      </c>
      <c r="D4973" s="1" t="s">
        <v>9204</v>
      </c>
      <c r="E4973" s="5" t="s">
        <v>14652</v>
      </c>
      <c r="F4973" s="6">
        <v>3350</v>
      </c>
    </row>
    <row r="4974" spans="1:6" x14ac:dyDescent="0.25">
      <c r="A4974" s="4" t="s">
        <v>573</v>
      </c>
      <c r="B4974" s="1" t="s">
        <v>3150</v>
      </c>
      <c r="C4974" s="5" t="s">
        <v>4223</v>
      </c>
      <c r="D4974" s="1" t="s">
        <v>573</v>
      </c>
      <c r="E4974" s="5" t="s">
        <v>12914</v>
      </c>
      <c r="F4974" s="6">
        <v>1518</v>
      </c>
    </row>
    <row r="4975" spans="1:6" x14ac:dyDescent="0.25">
      <c r="A4975" s="4" t="s">
        <v>573</v>
      </c>
      <c r="B4975" s="1" t="s">
        <v>3150</v>
      </c>
      <c r="C4975" s="5">
        <v>683542</v>
      </c>
      <c r="D4975" s="1" t="s">
        <v>10273</v>
      </c>
      <c r="E4975" s="5" t="s">
        <v>16344</v>
      </c>
      <c r="F4975" s="6">
        <v>5691</v>
      </c>
    </row>
    <row r="4976" spans="1:6" x14ac:dyDescent="0.25">
      <c r="A4976" s="4" t="s">
        <v>751</v>
      </c>
      <c r="B4976" s="1" t="s">
        <v>3146</v>
      </c>
      <c r="C4976" s="5" t="s">
        <v>4470</v>
      </c>
      <c r="D4976" s="1" t="s">
        <v>751</v>
      </c>
      <c r="E4976" s="5" t="s">
        <v>13238</v>
      </c>
      <c r="F4976" s="6">
        <v>1871</v>
      </c>
    </row>
    <row r="4977" spans="1:6" x14ac:dyDescent="0.25">
      <c r="A4977" s="4" t="s">
        <v>2294</v>
      </c>
      <c r="B4977" s="1" t="s">
        <v>3144</v>
      </c>
      <c r="C4977" s="5" t="s">
        <v>6052</v>
      </c>
      <c r="D4977" s="1" t="s">
        <v>9614</v>
      </c>
      <c r="E4977" s="5" t="s">
        <v>15465</v>
      </c>
      <c r="F4977" s="6">
        <v>4203</v>
      </c>
    </row>
    <row r="4978" spans="1:6" x14ac:dyDescent="0.25">
      <c r="A4978" s="4" t="s">
        <v>400</v>
      </c>
      <c r="B4978" s="1" t="s">
        <v>3147</v>
      </c>
      <c r="C4978" s="5" t="s">
        <v>3917</v>
      </c>
      <c r="D4978" s="1" t="s">
        <v>8075</v>
      </c>
      <c r="E4978" s="5" t="s">
        <v>12436</v>
      </c>
      <c r="F4978" s="6">
        <v>952</v>
      </c>
    </row>
    <row r="4979" spans="1:6" x14ac:dyDescent="0.25">
      <c r="A4979" s="4" t="s">
        <v>2753</v>
      </c>
      <c r="B4979" s="1" t="s">
        <v>3153</v>
      </c>
      <c r="C4979" s="5" t="s">
        <v>6699</v>
      </c>
      <c r="D4979" s="1" t="s">
        <v>2753</v>
      </c>
      <c r="E4979" s="5" t="s">
        <v>16721</v>
      </c>
      <c r="F4979" s="6">
        <v>6696</v>
      </c>
    </row>
    <row r="4980" spans="1:6" x14ac:dyDescent="0.25">
      <c r="A4980" s="4" t="s">
        <v>312</v>
      </c>
      <c r="B4980" s="1" t="s">
        <v>3146</v>
      </c>
      <c r="C4980" s="5" t="s">
        <v>3788</v>
      </c>
      <c r="D4980" s="1" t="s">
        <v>312</v>
      </c>
      <c r="E4980" s="5" t="s">
        <v>12282</v>
      </c>
      <c r="F4980" s="6">
        <v>774</v>
      </c>
    </row>
    <row r="4981" spans="1:6" x14ac:dyDescent="0.25">
      <c r="A4981" s="4" t="s">
        <v>29</v>
      </c>
      <c r="B4981" s="1" t="s">
        <v>3152</v>
      </c>
      <c r="C4981" s="5" t="s">
        <v>3248</v>
      </c>
      <c r="D4981" s="1" t="s">
        <v>7373</v>
      </c>
      <c r="E4981" s="5" t="s">
        <v>11647</v>
      </c>
      <c r="F4981" s="6">
        <v>55</v>
      </c>
    </row>
    <row r="4982" spans="1:6" x14ac:dyDescent="0.25">
      <c r="A4982" s="4" t="s">
        <v>29</v>
      </c>
      <c r="B4982" s="1" t="s">
        <v>3152</v>
      </c>
      <c r="C4982" s="5" t="s">
        <v>3248</v>
      </c>
      <c r="D4982" s="1" t="s">
        <v>8316</v>
      </c>
      <c r="E4982" s="5" t="s">
        <v>12734</v>
      </c>
      <c r="F4982" s="6">
        <v>1331</v>
      </c>
    </row>
    <row r="4983" spans="1:6" x14ac:dyDescent="0.25">
      <c r="A4983" s="4" t="s">
        <v>1284</v>
      </c>
      <c r="B4983" s="1" t="s">
        <v>3156</v>
      </c>
      <c r="C4983" s="5" t="s">
        <v>5068</v>
      </c>
      <c r="D4983" s="1" t="s">
        <v>1284</v>
      </c>
      <c r="E4983" s="5" t="s">
        <v>13949</v>
      </c>
      <c r="F4983" s="6">
        <v>2601</v>
      </c>
    </row>
    <row r="4984" spans="1:6" x14ac:dyDescent="0.25">
      <c r="A4984" s="4" t="s">
        <v>901</v>
      </c>
      <c r="B4984" s="1" t="s">
        <v>3144</v>
      </c>
      <c r="C4984" s="5" t="s">
        <v>4649</v>
      </c>
      <c r="D4984" s="1" t="s">
        <v>901</v>
      </c>
      <c r="E4984" s="5" t="s">
        <v>13467</v>
      </c>
      <c r="F4984" s="6">
        <v>2104</v>
      </c>
    </row>
    <row r="4985" spans="1:6" x14ac:dyDescent="0.25">
      <c r="A4985" s="4" t="s">
        <v>2052</v>
      </c>
      <c r="B4985" s="1" t="s">
        <v>3154</v>
      </c>
      <c r="C4985" s="5" t="s">
        <v>4118</v>
      </c>
      <c r="D4985" s="1" t="s">
        <v>9238</v>
      </c>
      <c r="E4985" s="5" t="s">
        <v>14892</v>
      </c>
      <c r="F4985" s="6">
        <v>3609</v>
      </c>
    </row>
    <row r="4986" spans="1:6" x14ac:dyDescent="0.25">
      <c r="A4986" s="4" t="s">
        <v>520</v>
      </c>
      <c r="B4986" s="1" t="s">
        <v>3152</v>
      </c>
      <c r="C4986" s="5" t="s">
        <v>4156</v>
      </c>
      <c r="D4986" s="1" t="s">
        <v>8390</v>
      </c>
      <c r="E4986" s="5" t="s">
        <v>12822</v>
      </c>
      <c r="F4986" s="6">
        <v>1421</v>
      </c>
    </row>
    <row r="4987" spans="1:6" x14ac:dyDescent="0.25">
      <c r="A4987" s="4" t="s">
        <v>520</v>
      </c>
      <c r="B4987" s="1" t="s">
        <v>3152</v>
      </c>
      <c r="C4987" s="5">
        <v>144410</v>
      </c>
      <c r="D4987" s="1" t="s">
        <v>10767</v>
      </c>
      <c r="E4987" s="5" t="s">
        <v>17020</v>
      </c>
      <c r="F4987" s="6">
        <v>7609</v>
      </c>
    </row>
    <row r="4988" spans="1:6" x14ac:dyDescent="0.25">
      <c r="A4988" s="4" t="s">
        <v>1681</v>
      </c>
      <c r="B4988" s="1" t="s">
        <v>3152</v>
      </c>
      <c r="C4988" s="5" t="s">
        <v>5471</v>
      </c>
      <c r="D4988" s="1" t="s">
        <v>1681</v>
      </c>
      <c r="E4988" s="5" t="s">
        <v>14471</v>
      </c>
      <c r="F4988" s="6">
        <v>3156</v>
      </c>
    </row>
    <row r="4989" spans="1:6" x14ac:dyDescent="0.25">
      <c r="A4989" s="4" t="s">
        <v>2307</v>
      </c>
      <c r="B4989" s="1" t="s">
        <v>3160</v>
      </c>
      <c r="C4989" s="5" t="s">
        <v>6071</v>
      </c>
      <c r="D4989" s="1" t="s">
        <v>9639</v>
      </c>
      <c r="E4989" s="5" t="s">
        <v>15500</v>
      </c>
      <c r="F4989" s="6">
        <v>4238</v>
      </c>
    </row>
    <row r="4990" spans="1:6" x14ac:dyDescent="0.25">
      <c r="A4990" s="4" t="s">
        <v>726</v>
      </c>
      <c r="B4990" s="1" t="s">
        <v>3152</v>
      </c>
      <c r="C4990" s="5" t="s">
        <v>4124</v>
      </c>
      <c r="D4990" s="1" t="s">
        <v>726</v>
      </c>
      <c r="E4990" s="5" t="s">
        <v>13199</v>
      </c>
      <c r="F4990" s="6">
        <v>1832</v>
      </c>
    </row>
    <row r="4991" spans="1:6" x14ac:dyDescent="0.25">
      <c r="A4991" s="4" t="s">
        <v>1252</v>
      </c>
      <c r="B4991" s="1" t="s">
        <v>3158</v>
      </c>
      <c r="C4991" s="5" t="s">
        <v>5027</v>
      </c>
      <c r="D4991" s="1" t="s">
        <v>1252</v>
      </c>
      <c r="E4991" s="5" t="s">
        <v>13895</v>
      </c>
      <c r="F4991" s="6">
        <v>2546</v>
      </c>
    </row>
    <row r="4992" spans="1:6" x14ac:dyDescent="0.25">
      <c r="A4992" s="4" t="s">
        <v>3116</v>
      </c>
      <c r="B4992" s="1" t="s">
        <v>3158</v>
      </c>
      <c r="C4992" s="5" t="s">
        <v>7285</v>
      </c>
      <c r="D4992" s="1" t="s">
        <v>11519</v>
      </c>
      <c r="E4992" s="5" t="s">
        <v>17983</v>
      </c>
      <c r="F4992" s="6">
        <v>9615</v>
      </c>
    </row>
    <row r="4993" spans="1:6" x14ac:dyDescent="0.25">
      <c r="A4993" s="4" t="s">
        <v>1291</v>
      </c>
      <c r="B4993" s="1" t="s">
        <v>3159</v>
      </c>
      <c r="C4993" s="5" t="s">
        <v>5076</v>
      </c>
      <c r="D4993" s="1" t="s">
        <v>8963</v>
      </c>
      <c r="E4993" s="5" t="s">
        <v>13957</v>
      </c>
      <c r="F4993" s="6">
        <v>2609</v>
      </c>
    </row>
    <row r="4994" spans="1:6" x14ac:dyDescent="0.25">
      <c r="A4994" s="4" t="s">
        <v>610</v>
      </c>
      <c r="B4994" s="1" t="s">
        <v>3155</v>
      </c>
      <c r="C4994" s="5" t="s">
        <v>4284</v>
      </c>
      <c r="D4994" s="1" t="s">
        <v>610</v>
      </c>
      <c r="E4994" s="5" t="s">
        <v>12997</v>
      </c>
      <c r="F4994" s="6">
        <v>1624</v>
      </c>
    </row>
    <row r="4995" spans="1:6" x14ac:dyDescent="0.25">
      <c r="A4995" s="4" t="s">
        <v>2954</v>
      </c>
      <c r="B4995" s="1" t="s">
        <v>3156</v>
      </c>
      <c r="C4995" s="5" t="s">
        <v>6974</v>
      </c>
      <c r="D4995" s="1" t="s">
        <v>2954</v>
      </c>
      <c r="E4995" s="5" t="s">
        <v>17363</v>
      </c>
      <c r="F4995" s="6">
        <v>8894</v>
      </c>
    </row>
    <row r="4996" spans="1:6" x14ac:dyDescent="0.25">
      <c r="A4996" s="4" t="s">
        <v>1522</v>
      </c>
      <c r="B4996" s="1" t="s">
        <v>3155</v>
      </c>
      <c r="C4996" s="5" t="s">
        <v>5342</v>
      </c>
      <c r="D4996" s="1" t="s">
        <v>1522</v>
      </c>
      <c r="E4996" s="5" t="s">
        <v>14301</v>
      </c>
      <c r="F4996" s="6">
        <v>2963</v>
      </c>
    </row>
    <row r="4997" spans="1:6" x14ac:dyDescent="0.25">
      <c r="A4997" s="4" t="s">
        <v>549</v>
      </c>
      <c r="B4997" s="1" t="s">
        <v>3156</v>
      </c>
      <c r="C4997" s="5" t="s">
        <v>4195</v>
      </c>
      <c r="D4997" s="1" t="s">
        <v>8442</v>
      </c>
      <c r="E4997" s="5" t="s">
        <v>12883</v>
      </c>
      <c r="F4997" s="6">
        <v>1484</v>
      </c>
    </row>
    <row r="4998" spans="1:6" x14ac:dyDescent="0.25">
      <c r="A4998" s="4" t="s">
        <v>1249</v>
      </c>
      <c r="B4998" s="1" t="s">
        <v>3158</v>
      </c>
      <c r="C4998" s="5" t="s">
        <v>5024</v>
      </c>
      <c r="D4998" s="1" t="s">
        <v>1249</v>
      </c>
      <c r="E4998" s="5" t="s">
        <v>13892</v>
      </c>
      <c r="F4998" s="6">
        <v>2543</v>
      </c>
    </row>
    <row r="4999" spans="1:6" x14ac:dyDescent="0.25">
      <c r="A4999" s="4" t="s">
        <v>1249</v>
      </c>
      <c r="B4999" s="1" t="s">
        <v>3158</v>
      </c>
      <c r="C4999" s="5" t="s">
        <v>7059</v>
      </c>
      <c r="D4999" s="1" t="s">
        <v>11160</v>
      </c>
      <c r="E4999" s="5" t="s">
        <v>17525</v>
      </c>
      <c r="F4999" s="6">
        <v>9139</v>
      </c>
    </row>
    <row r="5000" spans="1:6" x14ac:dyDescent="0.25">
      <c r="A5000" s="4" t="s">
        <v>1774</v>
      </c>
      <c r="B5000" s="1" t="s">
        <v>3154</v>
      </c>
      <c r="C5000" s="5">
        <v>126113</v>
      </c>
      <c r="D5000" s="1" t="s">
        <v>1774</v>
      </c>
      <c r="E5000" s="5" t="s">
        <v>14592</v>
      </c>
      <c r="F5000" s="6">
        <v>3287</v>
      </c>
    </row>
    <row r="5001" spans="1:6" x14ac:dyDescent="0.25">
      <c r="A5001" s="4" t="s">
        <v>209</v>
      </c>
      <c r="B5001" s="1" t="s">
        <v>3144</v>
      </c>
      <c r="C5001" s="5" t="s">
        <v>3570</v>
      </c>
      <c r="D5001" s="1" t="s">
        <v>7710</v>
      </c>
      <c r="E5001" s="5" t="s">
        <v>12004</v>
      </c>
      <c r="F5001" s="6">
        <v>437</v>
      </c>
    </row>
    <row r="5002" spans="1:6" x14ac:dyDescent="0.25">
      <c r="A5002" s="4" t="s">
        <v>1985</v>
      </c>
      <c r="B5002" s="1" t="s">
        <v>3152</v>
      </c>
      <c r="C5002" s="5" t="s">
        <v>4153</v>
      </c>
      <c r="D5002" s="1" t="s">
        <v>1985</v>
      </c>
      <c r="E5002" s="5" t="s">
        <v>14822</v>
      </c>
      <c r="F5002" s="6">
        <v>3534</v>
      </c>
    </row>
    <row r="5003" spans="1:6" x14ac:dyDescent="0.25">
      <c r="A5003" s="4" t="s">
        <v>3031</v>
      </c>
      <c r="B5003" s="1" t="s">
        <v>3156</v>
      </c>
      <c r="C5003" s="5" t="s">
        <v>7118</v>
      </c>
      <c r="D5003" s="1" t="s">
        <v>11219</v>
      </c>
      <c r="E5003" s="5" t="s">
        <v>17611</v>
      </c>
      <c r="F5003" s="6">
        <v>9227</v>
      </c>
    </row>
    <row r="5004" spans="1:6" x14ac:dyDescent="0.25">
      <c r="A5004" s="4" t="s">
        <v>3031</v>
      </c>
      <c r="B5004" s="1" t="s">
        <v>3156</v>
      </c>
      <c r="C5004" s="5" t="s">
        <v>7118</v>
      </c>
      <c r="D5004" s="1" t="s">
        <v>3031</v>
      </c>
      <c r="E5004" s="5" t="s">
        <v>17728</v>
      </c>
      <c r="F5004" s="6">
        <v>9350</v>
      </c>
    </row>
    <row r="5005" spans="1:6" x14ac:dyDescent="0.25">
      <c r="A5005" s="4" t="s">
        <v>991</v>
      </c>
      <c r="B5005" s="1" t="s">
        <v>3154</v>
      </c>
      <c r="C5005" s="5" t="s">
        <v>4737</v>
      </c>
      <c r="D5005" s="1" t="s">
        <v>991</v>
      </c>
      <c r="E5005" s="5" t="s">
        <v>13558</v>
      </c>
      <c r="F5005" s="6">
        <v>2198</v>
      </c>
    </row>
    <row r="5006" spans="1:6" x14ac:dyDescent="0.25">
      <c r="A5006" s="4" t="s">
        <v>2903</v>
      </c>
      <c r="B5006" s="1" t="s">
        <v>3156</v>
      </c>
      <c r="C5006" s="5" t="s">
        <v>6915</v>
      </c>
      <c r="D5006" s="1" t="s">
        <v>2903</v>
      </c>
      <c r="E5006" s="5" t="s">
        <v>17207</v>
      </c>
      <c r="F5006" s="6">
        <v>8189</v>
      </c>
    </row>
    <row r="5007" spans="1:6" x14ac:dyDescent="0.25">
      <c r="A5007" s="4" t="s">
        <v>310</v>
      </c>
      <c r="B5007" s="1" t="s">
        <v>3153</v>
      </c>
      <c r="C5007" s="5" t="s">
        <v>3786</v>
      </c>
      <c r="D5007" s="1" t="s">
        <v>7964</v>
      </c>
      <c r="E5007" s="5" t="s">
        <v>12280</v>
      </c>
      <c r="F5007" s="6">
        <v>772</v>
      </c>
    </row>
    <row r="5008" spans="1:6" x14ac:dyDescent="0.25">
      <c r="A5008" s="4" t="s">
        <v>3081</v>
      </c>
      <c r="B5008" s="1" t="s">
        <v>3158</v>
      </c>
      <c r="C5008" s="5" t="s">
        <v>7235</v>
      </c>
      <c r="D5008" s="1" t="s">
        <v>3081</v>
      </c>
      <c r="E5008" s="5" t="s">
        <v>17902</v>
      </c>
      <c r="F5008" s="6">
        <v>9531</v>
      </c>
    </row>
    <row r="5009" spans="1:6" x14ac:dyDescent="0.25">
      <c r="A5009" s="4" t="s">
        <v>654</v>
      </c>
      <c r="B5009" s="1" t="s">
        <v>3154</v>
      </c>
      <c r="C5009" s="5" t="s">
        <v>3452</v>
      </c>
      <c r="D5009" s="1" t="s">
        <v>654</v>
      </c>
      <c r="E5009" s="5" t="s">
        <v>13084</v>
      </c>
      <c r="F5009" s="6">
        <v>1716</v>
      </c>
    </row>
    <row r="5010" spans="1:6" x14ac:dyDescent="0.25">
      <c r="A5010" s="4" t="s">
        <v>2421</v>
      </c>
      <c r="B5010" s="1" t="s">
        <v>3158</v>
      </c>
      <c r="C5010" s="5" t="s">
        <v>6267</v>
      </c>
      <c r="D5010" s="1" t="s">
        <v>2421</v>
      </c>
      <c r="E5010" s="5" t="s">
        <v>15851</v>
      </c>
      <c r="F5010" s="6">
        <v>4764</v>
      </c>
    </row>
    <row r="5011" spans="1:6" x14ac:dyDescent="0.25">
      <c r="A5011" s="4" t="s">
        <v>2951</v>
      </c>
      <c r="B5011" s="1" t="s">
        <v>812</v>
      </c>
      <c r="C5011" s="5">
        <v>802207</v>
      </c>
      <c r="D5011" s="1" t="s">
        <v>2951</v>
      </c>
      <c r="E5011" s="5" t="s">
        <v>17348</v>
      </c>
      <c r="F5011" s="6">
        <v>8849</v>
      </c>
    </row>
    <row r="5012" spans="1:6" x14ac:dyDescent="0.25">
      <c r="A5012" s="4" t="s">
        <v>1808</v>
      </c>
      <c r="B5012" s="1" t="s">
        <v>3155</v>
      </c>
      <c r="C5012" s="5" t="s">
        <v>5580</v>
      </c>
      <c r="D5012" s="1" t="s">
        <v>1808</v>
      </c>
      <c r="E5012" s="5" t="s">
        <v>14630</v>
      </c>
      <c r="F5012" s="6">
        <v>3326</v>
      </c>
    </row>
    <row r="5013" spans="1:6" x14ac:dyDescent="0.25">
      <c r="A5013" s="4" t="s">
        <v>2246</v>
      </c>
      <c r="B5013" s="1" t="s">
        <v>3158</v>
      </c>
      <c r="C5013" s="5" t="s">
        <v>5976</v>
      </c>
      <c r="D5013" s="1" t="s">
        <v>9539</v>
      </c>
      <c r="E5013" s="5" t="s">
        <v>15349</v>
      </c>
      <c r="F5013" s="6">
        <v>4086</v>
      </c>
    </row>
    <row r="5014" spans="1:6" x14ac:dyDescent="0.25">
      <c r="A5014" s="4" t="s">
        <v>3088</v>
      </c>
      <c r="B5014" s="1" t="s">
        <v>3162</v>
      </c>
      <c r="C5014" s="5" t="s">
        <v>7243</v>
      </c>
      <c r="D5014" s="1" t="s">
        <v>3088</v>
      </c>
      <c r="E5014" s="5" t="s">
        <v>17916</v>
      </c>
      <c r="F5014" s="6">
        <v>9545</v>
      </c>
    </row>
    <row r="5015" spans="1:6" x14ac:dyDescent="0.25">
      <c r="A5015" s="4" t="s">
        <v>1336</v>
      </c>
      <c r="B5015" s="1" t="s">
        <v>3156</v>
      </c>
      <c r="C5015" s="5" t="s">
        <v>5125</v>
      </c>
      <c r="D5015" s="1" t="s">
        <v>8990</v>
      </c>
      <c r="E5015" s="5" t="s">
        <v>14017</v>
      </c>
      <c r="F5015" s="6">
        <v>2671</v>
      </c>
    </row>
    <row r="5016" spans="1:6" x14ac:dyDescent="0.25">
      <c r="A5016" s="4" t="s">
        <v>1598</v>
      </c>
      <c r="B5016" s="1" t="s">
        <v>3155</v>
      </c>
      <c r="C5016" s="5" t="s">
        <v>5418</v>
      </c>
      <c r="D5016" s="1" t="s">
        <v>1598</v>
      </c>
      <c r="E5016" s="5" t="s">
        <v>14384</v>
      </c>
      <c r="F5016" s="6">
        <v>3050</v>
      </c>
    </row>
    <row r="5017" spans="1:6" x14ac:dyDescent="0.25">
      <c r="A5017" s="4" t="s">
        <v>1871</v>
      </c>
      <c r="B5017" s="1" t="s">
        <v>3152</v>
      </c>
      <c r="C5017" s="5" t="s">
        <v>5633</v>
      </c>
      <c r="D5017" s="1" t="s">
        <v>1871</v>
      </c>
      <c r="E5017" s="5" t="s">
        <v>14703</v>
      </c>
      <c r="F5017" s="6">
        <v>3408</v>
      </c>
    </row>
    <row r="5018" spans="1:6" x14ac:dyDescent="0.25">
      <c r="A5018" s="4" t="s">
        <v>2801</v>
      </c>
      <c r="B5018" s="1" t="s">
        <v>3156</v>
      </c>
      <c r="C5018" s="5" t="s">
        <v>6786</v>
      </c>
      <c r="D5018" s="1" t="s">
        <v>2801</v>
      </c>
      <c r="E5018" s="5" t="s">
        <v>16882</v>
      </c>
      <c r="F5018" s="6">
        <v>7162</v>
      </c>
    </row>
    <row r="5019" spans="1:6" x14ac:dyDescent="0.25">
      <c r="A5019" s="4" t="s">
        <v>2562</v>
      </c>
      <c r="B5019" s="1" t="s">
        <v>3171</v>
      </c>
      <c r="C5019" s="5" t="s">
        <v>6470</v>
      </c>
      <c r="D5019" s="1" t="s">
        <v>2562</v>
      </c>
      <c r="E5019" s="5" t="s">
        <v>16278</v>
      </c>
      <c r="F5019" s="6">
        <v>5554</v>
      </c>
    </row>
    <row r="5020" spans="1:6" x14ac:dyDescent="0.25">
      <c r="A5020" s="4" t="s">
        <v>2752</v>
      </c>
      <c r="B5020" s="1" t="s">
        <v>3160</v>
      </c>
      <c r="C5020" s="5" t="s">
        <v>6698</v>
      </c>
      <c r="D5020" s="1" t="s">
        <v>2752</v>
      </c>
      <c r="E5020" s="5" t="s">
        <v>16718</v>
      </c>
      <c r="F5020" s="6">
        <v>6688</v>
      </c>
    </row>
    <row r="5021" spans="1:6" x14ac:dyDescent="0.25">
      <c r="A5021" s="4" t="s">
        <v>322</v>
      </c>
      <c r="B5021" s="1" t="s">
        <v>3146</v>
      </c>
      <c r="C5021" s="5" t="s">
        <v>3798</v>
      </c>
      <c r="D5021" s="1" t="s">
        <v>7976</v>
      </c>
      <c r="E5021" s="5" t="s">
        <v>12293</v>
      </c>
      <c r="F5021" s="6">
        <v>787</v>
      </c>
    </row>
    <row r="5022" spans="1:6" x14ac:dyDescent="0.25">
      <c r="A5022" s="4" t="s">
        <v>322</v>
      </c>
      <c r="B5022" s="1" t="s">
        <v>3146</v>
      </c>
      <c r="C5022" s="5">
        <v>642001</v>
      </c>
      <c r="D5022" s="1" t="s">
        <v>10012</v>
      </c>
      <c r="E5022" s="5" t="s">
        <v>15987</v>
      </c>
      <c r="F5022" s="6">
        <v>4910</v>
      </c>
    </row>
    <row r="5023" spans="1:6" x14ac:dyDescent="0.25">
      <c r="A5023" s="4" t="s">
        <v>529</v>
      </c>
      <c r="B5023" s="1" t="s">
        <v>3165</v>
      </c>
      <c r="C5023" s="5" t="s">
        <v>4166</v>
      </c>
      <c r="D5023" s="1" t="s">
        <v>8402</v>
      </c>
      <c r="E5023" s="5" t="s">
        <v>12838</v>
      </c>
      <c r="F5023" s="6">
        <v>1438</v>
      </c>
    </row>
    <row r="5024" spans="1:6" x14ac:dyDescent="0.25">
      <c r="A5024" s="4" t="s">
        <v>85</v>
      </c>
      <c r="B5024" s="1" t="s">
        <v>1147</v>
      </c>
      <c r="C5024" s="5" t="s">
        <v>3340</v>
      </c>
      <c r="D5024" s="1" t="s">
        <v>7467</v>
      </c>
      <c r="E5024" s="5" t="s">
        <v>11748</v>
      </c>
      <c r="F5024" s="6">
        <v>169</v>
      </c>
    </row>
    <row r="5025" spans="1:6" x14ac:dyDescent="0.25">
      <c r="A5025" s="4" t="s">
        <v>85</v>
      </c>
      <c r="B5025" s="1" t="s">
        <v>1147</v>
      </c>
      <c r="C5025" s="5" t="s">
        <v>5336</v>
      </c>
      <c r="D5025" s="1" t="s">
        <v>9174</v>
      </c>
      <c r="E5025" s="5" t="s">
        <v>14539</v>
      </c>
      <c r="F5025" s="6">
        <v>3228</v>
      </c>
    </row>
    <row r="5026" spans="1:6" x14ac:dyDescent="0.25">
      <c r="A5026" s="4" t="s">
        <v>2468</v>
      </c>
      <c r="B5026" s="1" t="s">
        <v>3182</v>
      </c>
      <c r="C5026" s="5">
        <v>605001</v>
      </c>
      <c r="D5026" s="1" t="s">
        <v>10014</v>
      </c>
      <c r="E5026" s="5" t="s">
        <v>15990</v>
      </c>
      <c r="F5026" s="6">
        <v>4917</v>
      </c>
    </row>
    <row r="5027" spans="1:6" x14ac:dyDescent="0.25">
      <c r="A5027" s="4" t="s">
        <v>2468</v>
      </c>
      <c r="B5027" s="1" t="s">
        <v>199</v>
      </c>
      <c r="C5027" s="5" t="s">
        <v>6881</v>
      </c>
      <c r="D5027" s="1" t="s">
        <v>10830</v>
      </c>
      <c r="E5027" s="5" t="s">
        <v>17102</v>
      </c>
      <c r="F5027" s="6">
        <v>7891</v>
      </c>
    </row>
    <row r="5028" spans="1:6" x14ac:dyDescent="0.25">
      <c r="A5028" s="4" t="s">
        <v>2438</v>
      </c>
      <c r="B5028" s="1" t="s">
        <v>3150</v>
      </c>
      <c r="C5028" s="5" t="s">
        <v>6305</v>
      </c>
      <c r="D5028" s="1" t="s">
        <v>2438</v>
      </c>
      <c r="E5028" s="5" t="s">
        <v>15910</v>
      </c>
      <c r="F5028" s="6">
        <v>4826</v>
      </c>
    </row>
    <row r="5029" spans="1:6" x14ac:dyDescent="0.25">
      <c r="A5029" s="4" t="s">
        <v>1173</v>
      </c>
      <c r="B5029" s="1" t="s">
        <v>3155</v>
      </c>
      <c r="C5029" s="5" t="s">
        <v>4922</v>
      </c>
      <c r="D5029" s="1" t="s">
        <v>1173</v>
      </c>
      <c r="E5029" s="5" t="s">
        <v>13763</v>
      </c>
      <c r="F5029" s="6">
        <v>2412</v>
      </c>
    </row>
    <row r="5030" spans="1:6" x14ac:dyDescent="0.25">
      <c r="A5030" s="4" t="s">
        <v>1278</v>
      </c>
      <c r="B5030" s="1" t="s">
        <v>3163</v>
      </c>
      <c r="C5030" s="5" t="s">
        <v>5062</v>
      </c>
      <c r="D5030" s="1" t="s">
        <v>1278</v>
      </c>
      <c r="E5030" s="5" t="s">
        <v>13943</v>
      </c>
      <c r="F5030" s="6">
        <v>2595</v>
      </c>
    </row>
    <row r="5031" spans="1:6" x14ac:dyDescent="0.25">
      <c r="A5031" s="4" t="s">
        <v>1992</v>
      </c>
      <c r="B5031" s="1" t="s">
        <v>3146</v>
      </c>
      <c r="C5031" s="5" t="s">
        <v>5703</v>
      </c>
      <c r="D5031" s="1" t="s">
        <v>1992</v>
      </c>
      <c r="E5031" s="5" t="s">
        <v>14829</v>
      </c>
      <c r="F5031" s="6">
        <v>3541</v>
      </c>
    </row>
    <row r="5032" spans="1:6" x14ac:dyDescent="0.25">
      <c r="A5032" s="4" t="s">
        <v>88</v>
      </c>
      <c r="B5032" s="1" t="s">
        <v>3150</v>
      </c>
      <c r="C5032" s="5" t="s">
        <v>3343</v>
      </c>
      <c r="D5032" s="1" t="s">
        <v>7470</v>
      </c>
      <c r="E5032" s="5" t="s">
        <v>11751</v>
      </c>
      <c r="F5032" s="6">
        <v>172</v>
      </c>
    </row>
    <row r="5033" spans="1:6" x14ac:dyDescent="0.25">
      <c r="A5033" s="4" t="s">
        <v>653</v>
      </c>
      <c r="B5033" s="1" t="s">
        <v>3147</v>
      </c>
      <c r="C5033" s="5" t="s">
        <v>4346</v>
      </c>
      <c r="D5033" s="1" t="s">
        <v>653</v>
      </c>
      <c r="E5033" s="5" t="s">
        <v>13082</v>
      </c>
      <c r="F5033" s="6">
        <v>1714</v>
      </c>
    </row>
    <row r="5034" spans="1:6" x14ac:dyDescent="0.25">
      <c r="A5034" s="4" t="s">
        <v>2458</v>
      </c>
      <c r="B5034" s="1" t="s">
        <v>3155</v>
      </c>
      <c r="C5034" s="5" t="s">
        <v>6339</v>
      </c>
      <c r="D5034" s="1" t="s">
        <v>2458</v>
      </c>
      <c r="E5034" s="5" t="s">
        <v>15972</v>
      </c>
      <c r="F5034" s="6">
        <v>4891</v>
      </c>
    </row>
    <row r="5035" spans="1:6" x14ac:dyDescent="0.25">
      <c r="A5035" s="4" t="s">
        <v>151</v>
      </c>
      <c r="B5035" s="1" t="s">
        <v>3147</v>
      </c>
      <c r="C5035" s="5" t="s">
        <v>3430</v>
      </c>
      <c r="D5035" s="1" t="s">
        <v>7557</v>
      </c>
      <c r="E5035" s="5" t="s">
        <v>11843</v>
      </c>
      <c r="F5035" s="6">
        <v>274</v>
      </c>
    </row>
    <row r="5036" spans="1:6" x14ac:dyDescent="0.25">
      <c r="A5036" s="4" t="s">
        <v>151</v>
      </c>
      <c r="B5036" s="1" t="s">
        <v>3147</v>
      </c>
      <c r="C5036" s="5" t="s">
        <v>3430</v>
      </c>
      <c r="D5036" s="1" t="s">
        <v>8865</v>
      </c>
      <c r="E5036" s="5" t="s">
        <v>13767</v>
      </c>
      <c r="F5036" s="6">
        <v>2416</v>
      </c>
    </row>
    <row r="5037" spans="1:6" x14ac:dyDescent="0.25">
      <c r="A5037" s="4" t="s">
        <v>838</v>
      </c>
      <c r="B5037" s="1" t="s">
        <v>3175</v>
      </c>
      <c r="C5037" s="5" t="s">
        <v>4571</v>
      </c>
      <c r="D5037" s="1" t="s">
        <v>8725</v>
      </c>
      <c r="E5037" s="5" t="s">
        <v>13361</v>
      </c>
      <c r="F5037" s="6">
        <v>1994</v>
      </c>
    </row>
    <row r="5038" spans="1:6" x14ac:dyDescent="0.25">
      <c r="A5038" s="4" t="s">
        <v>838</v>
      </c>
      <c r="B5038" s="1" t="s">
        <v>3175</v>
      </c>
      <c r="C5038" s="5" t="s">
        <v>4571</v>
      </c>
      <c r="D5038" s="1" t="s">
        <v>11446</v>
      </c>
      <c r="E5038" s="5" t="s">
        <v>17879</v>
      </c>
      <c r="F5038" s="6">
        <v>9508</v>
      </c>
    </row>
    <row r="5039" spans="1:6" x14ac:dyDescent="0.25">
      <c r="A5039" s="4" t="s">
        <v>2480</v>
      </c>
      <c r="B5039" s="1" t="s">
        <v>3155</v>
      </c>
      <c r="C5039" s="5">
        <v>516193</v>
      </c>
      <c r="D5039" s="1" t="s">
        <v>2480</v>
      </c>
      <c r="E5039" s="5" t="s">
        <v>16018</v>
      </c>
      <c r="F5039" s="6">
        <v>4988</v>
      </c>
    </row>
    <row r="5040" spans="1:6" x14ac:dyDescent="0.25">
      <c r="A5040" s="4" t="s">
        <v>167</v>
      </c>
      <c r="B5040" s="1" t="s">
        <v>1147</v>
      </c>
      <c r="C5040" s="5" t="s">
        <v>3463</v>
      </c>
      <c r="D5040" s="1" t="s">
        <v>7594</v>
      </c>
      <c r="E5040" s="5" t="s">
        <v>11883</v>
      </c>
      <c r="F5040" s="6">
        <v>315</v>
      </c>
    </row>
    <row r="5041" spans="1:6" x14ac:dyDescent="0.25">
      <c r="A5041" s="4" t="s">
        <v>1841</v>
      </c>
      <c r="B5041" s="1" t="s">
        <v>3158</v>
      </c>
      <c r="C5041" s="5" t="s">
        <v>5613</v>
      </c>
      <c r="D5041" s="1" t="s">
        <v>9210</v>
      </c>
      <c r="E5041" s="5" t="s">
        <v>14670</v>
      </c>
      <c r="F5041" s="6">
        <v>3370</v>
      </c>
    </row>
    <row r="5042" spans="1:6" x14ac:dyDescent="0.25">
      <c r="A5042" s="4" t="s">
        <v>1641</v>
      </c>
      <c r="B5042" s="1" t="s">
        <v>3158</v>
      </c>
      <c r="C5042" s="5" t="s">
        <v>3434</v>
      </c>
      <c r="D5042" s="1" t="s">
        <v>9148</v>
      </c>
      <c r="E5042" s="5" t="s">
        <v>14430</v>
      </c>
      <c r="F5042" s="6">
        <v>3112</v>
      </c>
    </row>
    <row r="5043" spans="1:6" x14ac:dyDescent="0.25">
      <c r="A5043" s="4" t="s">
        <v>957</v>
      </c>
      <c r="B5043" s="1" t="s">
        <v>3158</v>
      </c>
      <c r="C5043" s="5" t="s">
        <v>4705</v>
      </c>
      <c r="D5043" s="1" t="s">
        <v>957</v>
      </c>
      <c r="E5043" s="5" t="s">
        <v>13523</v>
      </c>
      <c r="F5043" s="6">
        <v>2161</v>
      </c>
    </row>
    <row r="5044" spans="1:6" x14ac:dyDescent="0.25">
      <c r="A5044" s="4" t="s">
        <v>1596</v>
      </c>
      <c r="B5044" s="1" t="s">
        <v>3147</v>
      </c>
      <c r="C5044" s="5" t="s">
        <v>5417</v>
      </c>
      <c r="D5044" s="1" t="s">
        <v>1596</v>
      </c>
      <c r="E5044" s="5" t="s">
        <v>14382</v>
      </c>
      <c r="F5044" s="6">
        <v>3048</v>
      </c>
    </row>
    <row r="5045" spans="1:6" x14ac:dyDescent="0.25">
      <c r="A5045" s="4" t="s">
        <v>734</v>
      </c>
      <c r="B5045" s="1" t="s">
        <v>3156</v>
      </c>
      <c r="C5045" s="5" t="s">
        <v>4445</v>
      </c>
      <c r="D5045" s="1" t="s">
        <v>8643</v>
      </c>
      <c r="E5045" s="5" t="s">
        <v>13208</v>
      </c>
      <c r="F5045" s="6">
        <v>1841</v>
      </c>
    </row>
    <row r="5046" spans="1:6" x14ac:dyDescent="0.25">
      <c r="A5046" s="4" t="s">
        <v>781</v>
      </c>
      <c r="B5046" s="1" t="s">
        <v>3158</v>
      </c>
      <c r="C5046" s="5" t="s">
        <v>4506</v>
      </c>
      <c r="D5046" s="1" t="s">
        <v>8683</v>
      </c>
      <c r="E5046" s="5" t="s">
        <v>13282</v>
      </c>
      <c r="F5046" s="6">
        <v>1915</v>
      </c>
    </row>
    <row r="5047" spans="1:6" x14ac:dyDescent="0.25">
      <c r="A5047" s="4" t="s">
        <v>3028</v>
      </c>
      <c r="B5047" s="1" t="s">
        <v>3161</v>
      </c>
      <c r="C5047" s="5" t="s">
        <v>7108</v>
      </c>
      <c r="D5047" s="1" t="s">
        <v>3028</v>
      </c>
      <c r="E5047" s="5" t="s">
        <v>17596</v>
      </c>
      <c r="F5047" s="6">
        <v>9211</v>
      </c>
    </row>
    <row r="5048" spans="1:6" x14ac:dyDescent="0.25">
      <c r="A5048" s="4" t="s">
        <v>125</v>
      </c>
      <c r="B5048" s="1" t="s">
        <v>3158</v>
      </c>
      <c r="C5048" s="5" t="s">
        <v>3391</v>
      </c>
      <c r="D5048" s="1" t="s">
        <v>7516</v>
      </c>
      <c r="E5048" s="5" t="s">
        <v>11800</v>
      </c>
      <c r="F5048" s="6">
        <v>226</v>
      </c>
    </row>
    <row r="5049" spans="1:6" x14ac:dyDescent="0.25">
      <c r="A5049" s="4" t="s">
        <v>125</v>
      </c>
      <c r="B5049" s="1" t="s">
        <v>3158</v>
      </c>
      <c r="C5049" s="5" t="s">
        <v>3855</v>
      </c>
      <c r="D5049" s="1" t="s">
        <v>8028</v>
      </c>
      <c r="E5049" s="5" t="s">
        <v>12356</v>
      </c>
      <c r="F5049" s="6">
        <v>861</v>
      </c>
    </row>
    <row r="5050" spans="1:6" x14ac:dyDescent="0.25">
      <c r="A5050" s="4" t="s">
        <v>125</v>
      </c>
      <c r="B5050" s="1" t="s">
        <v>3158</v>
      </c>
      <c r="C5050" s="5" t="s">
        <v>4037</v>
      </c>
      <c r="D5050" s="1" t="s">
        <v>8195</v>
      </c>
      <c r="E5050" s="5" t="s">
        <v>12597</v>
      </c>
      <c r="F5050" s="6">
        <v>1134</v>
      </c>
    </row>
    <row r="5051" spans="1:6" x14ac:dyDescent="0.25">
      <c r="A5051" s="4" t="s">
        <v>125</v>
      </c>
      <c r="B5051" s="1" t="s">
        <v>3158</v>
      </c>
      <c r="C5051" s="5" t="s">
        <v>4179</v>
      </c>
      <c r="D5051" s="1" t="s">
        <v>8424</v>
      </c>
      <c r="E5051" s="5" t="s">
        <v>12863</v>
      </c>
      <c r="F5051" s="6">
        <v>1464</v>
      </c>
    </row>
    <row r="5052" spans="1:6" x14ac:dyDescent="0.25">
      <c r="A5052" s="4" t="s">
        <v>125</v>
      </c>
      <c r="B5052" s="1" t="s">
        <v>3158</v>
      </c>
      <c r="C5052" s="5" t="s">
        <v>4037</v>
      </c>
      <c r="D5052" s="1" t="s">
        <v>8669</v>
      </c>
      <c r="E5052" s="5" t="s">
        <v>13248</v>
      </c>
      <c r="F5052" s="6">
        <v>1881</v>
      </c>
    </row>
    <row r="5053" spans="1:6" x14ac:dyDescent="0.25">
      <c r="A5053" s="4" t="s">
        <v>125</v>
      </c>
      <c r="B5053" s="1" t="s">
        <v>3158</v>
      </c>
      <c r="C5053" s="5" t="s">
        <v>4939</v>
      </c>
      <c r="D5053" s="1" t="s">
        <v>8872</v>
      </c>
      <c r="E5053" s="5" t="s">
        <v>13784</v>
      </c>
      <c r="F5053" s="6">
        <v>2434</v>
      </c>
    </row>
    <row r="5054" spans="1:6" x14ac:dyDescent="0.25">
      <c r="A5054" s="4" t="s">
        <v>125</v>
      </c>
      <c r="B5054" s="1" t="s">
        <v>3158</v>
      </c>
      <c r="C5054" s="5" t="s">
        <v>6002</v>
      </c>
      <c r="D5054" s="1" t="s">
        <v>9564</v>
      </c>
      <c r="E5054" s="5" t="s">
        <v>15393</v>
      </c>
      <c r="F5054" s="6">
        <v>4130</v>
      </c>
    </row>
    <row r="5055" spans="1:6" x14ac:dyDescent="0.25">
      <c r="A5055" s="4" t="s">
        <v>125</v>
      </c>
      <c r="B5055" s="1" t="s">
        <v>3158</v>
      </c>
      <c r="C5055" s="5" t="s">
        <v>6204</v>
      </c>
      <c r="D5055" s="1" t="s">
        <v>9811</v>
      </c>
      <c r="E5055" s="5" t="s">
        <v>15729</v>
      </c>
      <c r="F5055" s="6">
        <v>4498</v>
      </c>
    </row>
    <row r="5056" spans="1:6" x14ac:dyDescent="0.25">
      <c r="A5056" s="4" t="s">
        <v>125</v>
      </c>
      <c r="B5056" s="1" t="s">
        <v>3158</v>
      </c>
      <c r="C5056" s="5" t="s">
        <v>4179</v>
      </c>
      <c r="D5056" s="1" t="s">
        <v>9838</v>
      </c>
      <c r="E5056" s="5" t="s">
        <v>15758</v>
      </c>
      <c r="F5056" s="6">
        <v>4664</v>
      </c>
    </row>
    <row r="5057" spans="1:6" x14ac:dyDescent="0.25">
      <c r="A5057" s="4" t="s">
        <v>125</v>
      </c>
      <c r="B5057" s="1" t="s">
        <v>3158</v>
      </c>
      <c r="C5057" s="5" t="s">
        <v>6277</v>
      </c>
      <c r="D5057" s="1" t="s">
        <v>9923</v>
      </c>
      <c r="E5057" s="5" t="s">
        <v>15866</v>
      </c>
      <c r="F5057" s="6">
        <v>4780</v>
      </c>
    </row>
    <row r="5058" spans="1:6" x14ac:dyDescent="0.25">
      <c r="A5058" s="4" t="s">
        <v>125</v>
      </c>
      <c r="B5058" s="1" t="s">
        <v>3158</v>
      </c>
      <c r="C5058" s="5" t="s">
        <v>6709</v>
      </c>
      <c r="D5058" s="1" t="s">
        <v>10548</v>
      </c>
      <c r="E5058" s="5" t="s">
        <v>16732</v>
      </c>
      <c r="F5058" s="6">
        <v>6735</v>
      </c>
    </row>
    <row r="5059" spans="1:6" x14ac:dyDescent="0.25">
      <c r="A5059" s="4" t="s">
        <v>125</v>
      </c>
      <c r="B5059" s="1" t="s">
        <v>3158</v>
      </c>
      <c r="C5059" s="5" t="s">
        <v>6809</v>
      </c>
      <c r="D5059" s="1" t="s">
        <v>10698</v>
      </c>
      <c r="E5059" s="5" t="s">
        <v>16926</v>
      </c>
      <c r="F5059" s="6">
        <v>7295</v>
      </c>
    </row>
    <row r="5060" spans="1:6" x14ac:dyDescent="0.25">
      <c r="A5060" s="4" t="s">
        <v>125</v>
      </c>
      <c r="B5060" s="1" t="s">
        <v>3158</v>
      </c>
      <c r="C5060" s="5" t="s">
        <v>6709</v>
      </c>
      <c r="D5060" s="1" t="s">
        <v>11034</v>
      </c>
      <c r="E5060" s="5" t="s">
        <v>17359</v>
      </c>
      <c r="F5060" s="6">
        <v>8885</v>
      </c>
    </row>
    <row r="5061" spans="1:6" x14ac:dyDescent="0.25">
      <c r="A5061" s="4" t="s">
        <v>125</v>
      </c>
      <c r="B5061" s="1" t="s">
        <v>3158</v>
      </c>
      <c r="C5061" s="5" t="s">
        <v>7094</v>
      </c>
      <c r="D5061" s="1" t="s">
        <v>11193</v>
      </c>
      <c r="E5061" s="5" t="s">
        <v>17575</v>
      </c>
      <c r="F5061" s="6">
        <v>9189</v>
      </c>
    </row>
    <row r="5062" spans="1:6" x14ac:dyDescent="0.25">
      <c r="A5062" s="4" t="s">
        <v>125</v>
      </c>
      <c r="B5062" s="1" t="s">
        <v>3158</v>
      </c>
      <c r="C5062" s="5" t="s">
        <v>3391</v>
      </c>
      <c r="D5062" s="1" t="s">
        <v>11378</v>
      </c>
      <c r="E5062" s="5" t="s">
        <v>17804</v>
      </c>
      <c r="F5062" s="6">
        <v>9430</v>
      </c>
    </row>
    <row r="5063" spans="1:6" x14ac:dyDescent="0.25">
      <c r="A5063" s="4" t="s">
        <v>125</v>
      </c>
      <c r="B5063" s="1" t="s">
        <v>3158</v>
      </c>
      <c r="C5063" s="5" t="s">
        <v>6204</v>
      </c>
      <c r="D5063" s="1" t="s">
        <v>11525</v>
      </c>
      <c r="E5063" s="5" t="s">
        <v>17990</v>
      </c>
      <c r="F5063" s="6">
        <v>9622</v>
      </c>
    </row>
    <row r="5064" spans="1:6" x14ac:dyDescent="0.25">
      <c r="A5064" s="4" t="s">
        <v>125</v>
      </c>
      <c r="B5064" s="1" t="s">
        <v>3158</v>
      </c>
      <c r="C5064" s="5" t="s">
        <v>3855</v>
      </c>
      <c r="D5064" s="1" t="s">
        <v>11549</v>
      </c>
      <c r="E5064" s="5" t="s">
        <v>18019</v>
      </c>
      <c r="F5064" s="6">
        <v>9651</v>
      </c>
    </row>
    <row r="5065" spans="1:6" x14ac:dyDescent="0.25">
      <c r="A5065" s="4" t="s">
        <v>427</v>
      </c>
      <c r="B5065" s="1" t="s">
        <v>3155</v>
      </c>
      <c r="C5065" s="5" t="s">
        <v>3957</v>
      </c>
      <c r="D5065" s="1" t="s">
        <v>427</v>
      </c>
      <c r="E5065" s="5" t="s">
        <v>12490</v>
      </c>
      <c r="F5065" s="6">
        <v>1013</v>
      </c>
    </row>
    <row r="5066" spans="1:6" x14ac:dyDescent="0.25">
      <c r="A5066" s="4" t="s">
        <v>427</v>
      </c>
      <c r="B5066" s="1" t="s">
        <v>3155</v>
      </c>
      <c r="C5066" s="5" t="s">
        <v>3957</v>
      </c>
      <c r="D5066" s="1" t="s">
        <v>10498</v>
      </c>
      <c r="E5066" s="5" t="s">
        <v>16665</v>
      </c>
      <c r="F5066" s="6">
        <v>6514</v>
      </c>
    </row>
    <row r="5067" spans="1:6" x14ac:dyDescent="0.25">
      <c r="A5067" s="4" t="s">
        <v>199</v>
      </c>
      <c r="B5067" s="1" t="s">
        <v>199</v>
      </c>
      <c r="C5067" s="5" t="s">
        <v>3543</v>
      </c>
      <c r="D5067" s="1" t="s">
        <v>7682</v>
      </c>
      <c r="E5067" s="5" t="s">
        <v>11974</v>
      </c>
      <c r="F5067" s="6">
        <v>407</v>
      </c>
    </row>
    <row r="5068" spans="1:6" x14ac:dyDescent="0.25">
      <c r="A5068" s="4" t="s">
        <v>199</v>
      </c>
      <c r="B5068" s="1" t="s">
        <v>199</v>
      </c>
      <c r="C5068" s="5" t="s">
        <v>4086</v>
      </c>
      <c r="D5068" s="1" t="s">
        <v>8274</v>
      </c>
      <c r="E5068" s="5" t="s">
        <v>12682</v>
      </c>
      <c r="F5068" s="6">
        <v>1278</v>
      </c>
    </row>
    <row r="5069" spans="1:6" x14ac:dyDescent="0.25">
      <c r="A5069" s="4" t="s">
        <v>199</v>
      </c>
      <c r="B5069" s="1" t="s">
        <v>199</v>
      </c>
      <c r="C5069" s="5" t="s">
        <v>5078</v>
      </c>
      <c r="D5069" s="1" t="s">
        <v>8964</v>
      </c>
      <c r="E5069" s="5" t="s">
        <v>13959</v>
      </c>
      <c r="F5069" s="6">
        <v>2611</v>
      </c>
    </row>
    <row r="5070" spans="1:6" x14ac:dyDescent="0.25">
      <c r="A5070" s="4" t="s">
        <v>424</v>
      </c>
      <c r="B5070" s="1" t="s">
        <v>3146</v>
      </c>
      <c r="C5070" s="5" t="s">
        <v>3952</v>
      </c>
      <c r="D5070" s="1" t="s">
        <v>424</v>
      </c>
      <c r="E5070" s="5" t="s">
        <v>12484</v>
      </c>
      <c r="F5070" s="6">
        <v>1005</v>
      </c>
    </row>
    <row r="5071" spans="1:6" x14ac:dyDescent="0.25">
      <c r="A5071" s="4" t="s">
        <v>2236</v>
      </c>
      <c r="B5071" s="1" t="s">
        <v>3158</v>
      </c>
      <c r="C5071" s="5" t="s">
        <v>5960</v>
      </c>
      <c r="D5071" s="1" t="s">
        <v>9530</v>
      </c>
      <c r="E5071" s="5" t="s">
        <v>15331</v>
      </c>
      <c r="F5071" s="6">
        <v>4068</v>
      </c>
    </row>
    <row r="5072" spans="1:6" x14ac:dyDescent="0.25">
      <c r="A5072" s="4" t="s">
        <v>3092</v>
      </c>
      <c r="B5072" s="1" t="s">
        <v>3144</v>
      </c>
      <c r="C5072" s="5" t="s">
        <v>7248</v>
      </c>
      <c r="D5072" s="1" t="s">
        <v>3092</v>
      </c>
      <c r="E5072" s="5" t="s">
        <v>17922</v>
      </c>
      <c r="F5072" s="6">
        <v>9552</v>
      </c>
    </row>
    <row r="5073" spans="1:6" x14ac:dyDescent="0.25">
      <c r="A5073" s="4" t="s">
        <v>1741</v>
      </c>
      <c r="B5073" s="1" t="s">
        <v>3155</v>
      </c>
      <c r="C5073" s="5" t="s">
        <v>5530</v>
      </c>
      <c r="D5073" s="1" t="s">
        <v>1741</v>
      </c>
      <c r="E5073" s="5" t="s">
        <v>14553</v>
      </c>
      <c r="F5073" s="6">
        <v>3244</v>
      </c>
    </row>
    <row r="5074" spans="1:6" x14ac:dyDescent="0.25">
      <c r="A5074" s="4" t="s">
        <v>992</v>
      </c>
      <c r="B5074" s="1" t="s">
        <v>3163</v>
      </c>
      <c r="C5074" s="5" t="s">
        <v>4738</v>
      </c>
      <c r="D5074" s="1" t="s">
        <v>992</v>
      </c>
      <c r="E5074" s="5" t="s">
        <v>13559</v>
      </c>
      <c r="F5074" s="6">
        <v>2199</v>
      </c>
    </row>
    <row r="5075" spans="1:6" x14ac:dyDescent="0.25">
      <c r="A5075" s="4" t="s">
        <v>992</v>
      </c>
      <c r="B5075" s="1" t="s">
        <v>3163</v>
      </c>
      <c r="C5075" s="5" t="s">
        <v>4738</v>
      </c>
      <c r="D5075" s="1" t="s">
        <v>9386</v>
      </c>
      <c r="E5075" s="5" t="s">
        <v>15123</v>
      </c>
      <c r="F5075" s="6">
        <v>3854</v>
      </c>
    </row>
    <row r="5076" spans="1:6" x14ac:dyDescent="0.25">
      <c r="A5076" s="4" t="s">
        <v>3040</v>
      </c>
      <c r="B5076" s="1" t="s">
        <v>3154</v>
      </c>
      <c r="C5076" s="5" t="s">
        <v>7140</v>
      </c>
      <c r="D5076" s="1" t="s">
        <v>3040</v>
      </c>
      <c r="E5076" s="5" t="s">
        <v>17654</v>
      </c>
      <c r="F5076" s="6">
        <v>9272</v>
      </c>
    </row>
    <row r="5077" spans="1:6" x14ac:dyDescent="0.25">
      <c r="A5077" s="4" t="s">
        <v>2243</v>
      </c>
      <c r="B5077" s="1" t="s">
        <v>3150</v>
      </c>
      <c r="C5077" s="5" t="s">
        <v>5973</v>
      </c>
      <c r="D5077" s="1" t="s">
        <v>2243</v>
      </c>
      <c r="E5077" s="5" t="s">
        <v>15346</v>
      </c>
      <c r="F5077" s="6">
        <v>4083</v>
      </c>
    </row>
    <row r="5078" spans="1:6" x14ac:dyDescent="0.25">
      <c r="A5078" s="4" t="s">
        <v>657</v>
      </c>
      <c r="B5078" s="1" t="s">
        <v>3154</v>
      </c>
      <c r="C5078" s="5" t="s">
        <v>4352</v>
      </c>
      <c r="D5078" s="1" t="s">
        <v>657</v>
      </c>
      <c r="E5078" s="5" t="s">
        <v>13092</v>
      </c>
      <c r="F5078" s="6">
        <v>1724</v>
      </c>
    </row>
    <row r="5079" spans="1:6" x14ac:dyDescent="0.25">
      <c r="A5079" s="4" t="s">
        <v>5</v>
      </c>
      <c r="B5079" s="1" t="s">
        <v>3144</v>
      </c>
      <c r="C5079" s="5" t="s">
        <v>3200</v>
      </c>
      <c r="D5079" s="1" t="s">
        <v>7328</v>
      </c>
      <c r="E5079" s="5" t="s">
        <v>11599</v>
      </c>
      <c r="F5079" s="6">
        <v>7</v>
      </c>
    </row>
    <row r="5080" spans="1:6" x14ac:dyDescent="0.25">
      <c r="A5080" s="4" t="s">
        <v>5</v>
      </c>
      <c r="B5080" s="1" t="s">
        <v>3144</v>
      </c>
      <c r="C5080" s="5" t="s">
        <v>3222</v>
      </c>
      <c r="D5080" s="1" t="s">
        <v>7349</v>
      </c>
      <c r="E5080" s="5" t="s">
        <v>11621</v>
      </c>
      <c r="F5080" s="6">
        <v>29</v>
      </c>
    </row>
    <row r="5081" spans="1:6" x14ac:dyDescent="0.25">
      <c r="A5081" s="4" t="s">
        <v>5</v>
      </c>
      <c r="B5081" s="1" t="s">
        <v>3144</v>
      </c>
      <c r="C5081" s="5" t="s">
        <v>3232</v>
      </c>
      <c r="D5081" s="1" t="s">
        <v>7359</v>
      </c>
      <c r="E5081" s="5" t="s">
        <v>11631</v>
      </c>
      <c r="F5081" s="6">
        <v>39</v>
      </c>
    </row>
    <row r="5082" spans="1:6" x14ac:dyDescent="0.25">
      <c r="A5082" s="4" t="s">
        <v>5</v>
      </c>
      <c r="B5082" s="1" t="s">
        <v>3144</v>
      </c>
      <c r="C5082" s="5" t="s">
        <v>3245</v>
      </c>
      <c r="D5082" s="1" t="s">
        <v>7370</v>
      </c>
      <c r="E5082" s="5" t="s">
        <v>11644</v>
      </c>
      <c r="F5082" s="6">
        <v>52</v>
      </c>
    </row>
    <row r="5083" spans="1:6" x14ac:dyDescent="0.25">
      <c r="A5083" s="4" t="s">
        <v>5</v>
      </c>
      <c r="B5083" s="1" t="s">
        <v>3144</v>
      </c>
      <c r="C5083" s="5" t="s">
        <v>3281</v>
      </c>
      <c r="D5083" s="1" t="s">
        <v>7409</v>
      </c>
      <c r="E5083" s="5" t="s">
        <v>11684</v>
      </c>
      <c r="F5083" s="6">
        <v>103</v>
      </c>
    </row>
    <row r="5084" spans="1:6" x14ac:dyDescent="0.25">
      <c r="A5084" s="4" t="s">
        <v>5</v>
      </c>
      <c r="B5084" s="1" t="s">
        <v>3144</v>
      </c>
      <c r="C5084" s="5" t="s">
        <v>3282</v>
      </c>
      <c r="D5084" s="1" t="s">
        <v>7410</v>
      </c>
      <c r="E5084" s="5" t="s">
        <v>11685</v>
      </c>
      <c r="F5084" s="6">
        <v>104</v>
      </c>
    </row>
    <row r="5085" spans="1:6" x14ac:dyDescent="0.25">
      <c r="A5085" s="4" t="s">
        <v>5</v>
      </c>
      <c r="B5085" s="1" t="s">
        <v>3144</v>
      </c>
      <c r="C5085" s="5" t="s">
        <v>3232</v>
      </c>
      <c r="D5085" s="1" t="s">
        <v>7448</v>
      </c>
      <c r="E5085" s="5" t="s">
        <v>11727</v>
      </c>
      <c r="F5085" s="6">
        <v>148</v>
      </c>
    </row>
    <row r="5086" spans="1:6" x14ac:dyDescent="0.25">
      <c r="A5086" s="4" t="s">
        <v>5</v>
      </c>
      <c r="B5086" s="1" t="s">
        <v>3144</v>
      </c>
      <c r="C5086" s="5">
        <v>411038</v>
      </c>
      <c r="D5086" s="1" t="s">
        <v>7449</v>
      </c>
      <c r="E5086" s="5" t="s">
        <v>11728</v>
      </c>
      <c r="F5086" s="6">
        <v>149</v>
      </c>
    </row>
    <row r="5087" spans="1:6" x14ac:dyDescent="0.25">
      <c r="A5087" s="4" t="s">
        <v>5</v>
      </c>
      <c r="B5087" s="1" t="s">
        <v>3144</v>
      </c>
      <c r="C5087" s="5" t="s">
        <v>3388</v>
      </c>
      <c r="D5087" s="1" t="s">
        <v>7513</v>
      </c>
      <c r="E5087" s="5" t="s">
        <v>11797</v>
      </c>
      <c r="F5087" s="6">
        <v>223</v>
      </c>
    </row>
    <row r="5088" spans="1:6" x14ac:dyDescent="0.25">
      <c r="A5088" s="4" t="s">
        <v>5</v>
      </c>
      <c r="B5088" s="1" t="s">
        <v>3144</v>
      </c>
      <c r="C5088" s="5" t="s">
        <v>3503</v>
      </c>
      <c r="D5088" s="1" t="s">
        <v>7637</v>
      </c>
      <c r="E5088" s="5" t="s">
        <v>11926</v>
      </c>
      <c r="F5088" s="6">
        <v>359</v>
      </c>
    </row>
    <row r="5089" spans="1:6" x14ac:dyDescent="0.25">
      <c r="A5089" s="4" t="s">
        <v>5</v>
      </c>
      <c r="B5089" s="1" t="s">
        <v>3144</v>
      </c>
      <c r="C5089" s="5" t="s">
        <v>3560</v>
      </c>
      <c r="D5089" s="1" t="s">
        <v>7701</v>
      </c>
      <c r="E5089" s="5" t="s">
        <v>11994</v>
      </c>
      <c r="F5089" s="6">
        <v>427</v>
      </c>
    </row>
    <row r="5090" spans="1:6" x14ac:dyDescent="0.25">
      <c r="A5090" s="4" t="s">
        <v>5</v>
      </c>
      <c r="B5090" s="1" t="s">
        <v>3144</v>
      </c>
      <c r="C5090" s="5" t="s">
        <v>3579</v>
      </c>
      <c r="D5090" s="1" t="s">
        <v>7720</v>
      </c>
      <c r="E5090" s="5" t="s">
        <v>12014</v>
      </c>
      <c r="F5090" s="6">
        <v>447</v>
      </c>
    </row>
    <row r="5091" spans="1:6" x14ac:dyDescent="0.25">
      <c r="A5091" s="4" t="s">
        <v>5</v>
      </c>
      <c r="B5091" s="1" t="s">
        <v>3144</v>
      </c>
      <c r="C5091" s="5" t="s">
        <v>3611</v>
      </c>
      <c r="D5091" s="1" t="s">
        <v>7753</v>
      </c>
      <c r="E5091" s="5" t="s">
        <v>12052</v>
      </c>
      <c r="F5091" s="6">
        <v>486</v>
      </c>
    </row>
    <row r="5092" spans="1:6" x14ac:dyDescent="0.25">
      <c r="A5092" s="4" t="s">
        <v>5</v>
      </c>
      <c r="B5092" s="1" t="s">
        <v>3144</v>
      </c>
      <c r="C5092" s="5" t="s">
        <v>3639</v>
      </c>
      <c r="D5092" s="1" t="s">
        <v>7786</v>
      </c>
      <c r="E5092" s="5" t="s">
        <v>12087</v>
      </c>
      <c r="F5092" s="6">
        <v>539</v>
      </c>
    </row>
    <row r="5093" spans="1:6" x14ac:dyDescent="0.25">
      <c r="A5093" s="4" t="s">
        <v>5</v>
      </c>
      <c r="B5093" s="1" t="s">
        <v>3144</v>
      </c>
      <c r="C5093" s="5" t="s">
        <v>3685</v>
      </c>
      <c r="D5093" s="1" t="s">
        <v>7856</v>
      </c>
      <c r="E5093" s="5" t="s">
        <v>12159</v>
      </c>
      <c r="F5093" s="6">
        <v>633</v>
      </c>
    </row>
    <row r="5094" spans="1:6" x14ac:dyDescent="0.25">
      <c r="A5094" s="4" t="s">
        <v>5</v>
      </c>
      <c r="B5094" s="1" t="s">
        <v>3144</v>
      </c>
      <c r="C5094" s="5" t="s">
        <v>3761</v>
      </c>
      <c r="D5094" s="1" t="s">
        <v>7939</v>
      </c>
      <c r="E5094" s="5" t="s">
        <v>12254</v>
      </c>
      <c r="F5094" s="6">
        <v>746</v>
      </c>
    </row>
    <row r="5095" spans="1:6" x14ac:dyDescent="0.25">
      <c r="A5095" s="4" t="s">
        <v>5</v>
      </c>
      <c r="B5095" s="1" t="s">
        <v>3144</v>
      </c>
      <c r="C5095" s="5" t="s">
        <v>3805</v>
      </c>
      <c r="D5095" s="1" t="s">
        <v>7981</v>
      </c>
      <c r="E5095" s="5" t="s">
        <v>12300</v>
      </c>
      <c r="F5095" s="6">
        <v>794</v>
      </c>
    </row>
    <row r="5096" spans="1:6" x14ac:dyDescent="0.25">
      <c r="A5096" s="4" t="s">
        <v>5</v>
      </c>
      <c r="B5096" s="1" t="s">
        <v>3144</v>
      </c>
      <c r="C5096" s="5" t="s">
        <v>3832</v>
      </c>
      <c r="D5096" s="1" t="s">
        <v>8005</v>
      </c>
      <c r="E5096" s="5" t="s">
        <v>12329</v>
      </c>
      <c r="F5096" s="6">
        <v>825</v>
      </c>
    </row>
    <row r="5097" spans="1:6" x14ac:dyDescent="0.25">
      <c r="A5097" s="4" t="s">
        <v>5</v>
      </c>
      <c r="B5097" s="1" t="s">
        <v>3144</v>
      </c>
      <c r="C5097" s="5" t="s">
        <v>3840</v>
      </c>
      <c r="D5097" s="1" t="s">
        <v>8016</v>
      </c>
      <c r="E5097" s="5" t="s">
        <v>12340</v>
      </c>
      <c r="F5097" s="6">
        <v>837</v>
      </c>
    </row>
    <row r="5098" spans="1:6" x14ac:dyDescent="0.25">
      <c r="A5098" s="4" t="s">
        <v>5</v>
      </c>
      <c r="B5098" s="1" t="s">
        <v>3144</v>
      </c>
      <c r="C5098" s="5" t="s">
        <v>3873</v>
      </c>
      <c r="D5098" s="1" t="s">
        <v>8040</v>
      </c>
      <c r="E5098" s="5" t="s">
        <v>12375</v>
      </c>
      <c r="F5098" s="6">
        <v>882</v>
      </c>
    </row>
    <row r="5099" spans="1:6" x14ac:dyDescent="0.25">
      <c r="A5099" s="4" t="s">
        <v>5</v>
      </c>
      <c r="B5099" s="1" t="s">
        <v>3144</v>
      </c>
      <c r="C5099" s="5" t="s">
        <v>3882</v>
      </c>
      <c r="D5099" s="1" t="s">
        <v>8050</v>
      </c>
      <c r="E5099" s="5" t="s">
        <v>12388</v>
      </c>
      <c r="F5099" s="6">
        <v>900</v>
      </c>
    </row>
    <row r="5100" spans="1:6" x14ac:dyDescent="0.25">
      <c r="A5100" s="4" t="s">
        <v>5</v>
      </c>
      <c r="B5100" s="1" t="s">
        <v>3144</v>
      </c>
      <c r="C5100" s="5" t="s">
        <v>3926</v>
      </c>
      <c r="D5100" s="1" t="s">
        <v>8080</v>
      </c>
      <c r="E5100" s="5" t="s">
        <v>12446</v>
      </c>
      <c r="F5100" s="6">
        <v>962</v>
      </c>
    </row>
    <row r="5101" spans="1:6" x14ac:dyDescent="0.25">
      <c r="A5101" s="4" t="s">
        <v>5</v>
      </c>
      <c r="B5101" s="1" t="s">
        <v>3144</v>
      </c>
      <c r="C5101" s="5">
        <v>411052</v>
      </c>
      <c r="D5101" s="1" t="s">
        <v>8183</v>
      </c>
      <c r="E5101" s="5" t="s">
        <v>12585</v>
      </c>
      <c r="F5101" s="6">
        <v>1115</v>
      </c>
    </row>
    <row r="5102" spans="1:6" x14ac:dyDescent="0.25">
      <c r="A5102" s="4" t="s">
        <v>5</v>
      </c>
      <c r="B5102" s="1" t="s">
        <v>3144</v>
      </c>
      <c r="C5102" s="5" t="s">
        <v>3232</v>
      </c>
      <c r="D5102" s="1" t="s">
        <v>8213</v>
      </c>
      <c r="E5102" s="5" t="s">
        <v>12618</v>
      </c>
      <c r="F5102" s="6">
        <v>1210</v>
      </c>
    </row>
    <row r="5103" spans="1:6" x14ac:dyDescent="0.25">
      <c r="A5103" s="4" t="s">
        <v>5</v>
      </c>
      <c r="B5103" s="1" t="s">
        <v>3144</v>
      </c>
      <c r="C5103" s="5" t="s">
        <v>4054</v>
      </c>
      <c r="D5103" s="1" t="s">
        <v>8228</v>
      </c>
      <c r="E5103" s="5" t="s">
        <v>12633</v>
      </c>
      <c r="F5103" s="6">
        <v>1227</v>
      </c>
    </row>
    <row r="5104" spans="1:6" x14ac:dyDescent="0.25">
      <c r="A5104" s="4" t="s">
        <v>5</v>
      </c>
      <c r="B5104" s="1" t="s">
        <v>3144</v>
      </c>
      <c r="C5104" s="5" t="s">
        <v>3200</v>
      </c>
      <c r="D5104" s="1" t="s">
        <v>8409</v>
      </c>
      <c r="E5104" s="5" t="s">
        <v>12845</v>
      </c>
      <c r="F5104" s="6">
        <v>1445</v>
      </c>
    </row>
    <row r="5105" spans="1:6" x14ac:dyDescent="0.25">
      <c r="A5105" s="4" t="s">
        <v>5</v>
      </c>
      <c r="B5105" s="1" t="s">
        <v>3144</v>
      </c>
      <c r="C5105" s="5" t="s">
        <v>3873</v>
      </c>
      <c r="D5105" s="1" t="s">
        <v>8504</v>
      </c>
      <c r="E5105" s="5" t="s">
        <v>12968</v>
      </c>
      <c r="F5105" s="6">
        <v>1578</v>
      </c>
    </row>
    <row r="5106" spans="1:6" x14ac:dyDescent="0.25">
      <c r="A5106" s="4" t="s">
        <v>5</v>
      </c>
      <c r="B5106" s="1" t="s">
        <v>3144</v>
      </c>
      <c r="C5106" s="5" t="s">
        <v>4405</v>
      </c>
      <c r="D5106" s="1" t="s">
        <v>8622</v>
      </c>
      <c r="E5106" s="5" t="s">
        <v>13158</v>
      </c>
      <c r="F5106" s="6">
        <v>1791</v>
      </c>
    </row>
    <row r="5107" spans="1:6" x14ac:dyDescent="0.25">
      <c r="A5107" s="4" t="s">
        <v>5</v>
      </c>
      <c r="B5107" s="1" t="s">
        <v>3144</v>
      </c>
      <c r="C5107" s="5" t="s">
        <v>3560</v>
      </c>
      <c r="D5107" s="1" t="s">
        <v>8623</v>
      </c>
      <c r="E5107" s="5" t="s">
        <v>13160</v>
      </c>
      <c r="F5107" s="6">
        <v>1793</v>
      </c>
    </row>
    <row r="5108" spans="1:6" x14ac:dyDescent="0.25">
      <c r="A5108" s="4" t="s">
        <v>5</v>
      </c>
      <c r="B5108" s="1" t="s">
        <v>3144</v>
      </c>
      <c r="C5108" s="5" t="s">
        <v>4407</v>
      </c>
      <c r="D5108" s="1" t="s">
        <v>8624</v>
      </c>
      <c r="E5108" s="5" t="s">
        <v>13161</v>
      </c>
      <c r="F5108" s="6">
        <v>1794</v>
      </c>
    </row>
    <row r="5109" spans="1:6" x14ac:dyDescent="0.25">
      <c r="A5109" s="4" t="s">
        <v>5</v>
      </c>
      <c r="B5109" s="1" t="s">
        <v>3144</v>
      </c>
      <c r="C5109" s="5" t="s">
        <v>4408</v>
      </c>
      <c r="D5109" s="1" t="s">
        <v>8625</v>
      </c>
      <c r="E5109" s="5" t="s">
        <v>13162</v>
      </c>
      <c r="F5109" s="6">
        <v>1795</v>
      </c>
    </row>
    <row r="5110" spans="1:6" x14ac:dyDescent="0.25">
      <c r="A5110" s="4" t="s">
        <v>5</v>
      </c>
      <c r="B5110" s="1" t="s">
        <v>3144</v>
      </c>
      <c r="C5110" s="5" t="s">
        <v>4409</v>
      </c>
      <c r="D5110" s="1" t="s">
        <v>8626</v>
      </c>
      <c r="E5110" s="5" t="s">
        <v>13163</v>
      </c>
      <c r="F5110" s="6">
        <v>1796</v>
      </c>
    </row>
    <row r="5111" spans="1:6" x14ac:dyDescent="0.25">
      <c r="A5111" s="4" t="s">
        <v>5</v>
      </c>
      <c r="B5111" s="1" t="s">
        <v>3144</v>
      </c>
      <c r="C5111" s="5" t="s">
        <v>4410</v>
      </c>
      <c r="D5111" s="1" t="s">
        <v>8627</v>
      </c>
      <c r="E5111" s="5" t="s">
        <v>13164</v>
      </c>
      <c r="F5111" s="6">
        <v>1797</v>
      </c>
    </row>
    <row r="5112" spans="1:6" x14ac:dyDescent="0.25">
      <c r="A5112" s="4" t="s">
        <v>5</v>
      </c>
      <c r="B5112" s="1" t="s">
        <v>3144</v>
      </c>
      <c r="C5112" s="5" t="s">
        <v>3232</v>
      </c>
      <c r="D5112" s="1" t="s">
        <v>8758</v>
      </c>
      <c r="E5112" s="5" t="s">
        <v>13420</v>
      </c>
      <c r="F5112" s="6">
        <v>2054</v>
      </c>
    </row>
    <row r="5113" spans="1:6" x14ac:dyDescent="0.25">
      <c r="A5113" s="4" t="s">
        <v>5</v>
      </c>
      <c r="B5113" s="1" t="s">
        <v>3144</v>
      </c>
      <c r="C5113" s="5" t="s">
        <v>4954</v>
      </c>
      <c r="D5113" s="1" t="s">
        <v>8883</v>
      </c>
      <c r="E5113" s="5" t="s">
        <v>13803</v>
      </c>
      <c r="F5113" s="6">
        <v>2453</v>
      </c>
    </row>
    <row r="5114" spans="1:6" x14ac:dyDescent="0.25">
      <c r="A5114" s="4" t="s">
        <v>5</v>
      </c>
      <c r="B5114" s="1" t="s">
        <v>3144</v>
      </c>
      <c r="C5114" s="5" t="s">
        <v>4955</v>
      </c>
      <c r="D5114" s="1" t="s">
        <v>8884</v>
      </c>
      <c r="E5114" s="5" t="s">
        <v>13804</v>
      </c>
      <c r="F5114" s="6">
        <v>2454</v>
      </c>
    </row>
    <row r="5115" spans="1:6" x14ac:dyDescent="0.25">
      <c r="A5115" s="4" t="s">
        <v>5</v>
      </c>
      <c r="B5115" s="1" t="s">
        <v>3144</v>
      </c>
      <c r="C5115" s="5" t="s">
        <v>3232</v>
      </c>
      <c r="D5115" s="1" t="s">
        <v>8920</v>
      </c>
      <c r="E5115" s="5" t="s">
        <v>13873</v>
      </c>
      <c r="F5115" s="6">
        <v>2523</v>
      </c>
    </row>
    <row r="5116" spans="1:6" x14ac:dyDescent="0.25">
      <c r="A5116" s="4" t="s">
        <v>5</v>
      </c>
      <c r="B5116" s="1" t="s">
        <v>3144</v>
      </c>
      <c r="C5116" s="5" t="s">
        <v>3882</v>
      </c>
      <c r="D5116" s="1" t="s">
        <v>8921</v>
      </c>
      <c r="E5116" s="5" t="s">
        <v>13874</v>
      </c>
      <c r="F5116" s="6">
        <v>2524</v>
      </c>
    </row>
    <row r="5117" spans="1:6" x14ac:dyDescent="0.25">
      <c r="A5117" s="4" t="s">
        <v>5</v>
      </c>
      <c r="B5117" s="1" t="s">
        <v>3144</v>
      </c>
      <c r="C5117" s="5" t="s">
        <v>3388</v>
      </c>
      <c r="D5117" s="1" t="s">
        <v>8998</v>
      </c>
      <c r="E5117" s="5" t="s">
        <v>14036</v>
      </c>
      <c r="F5117" s="6">
        <v>2690</v>
      </c>
    </row>
    <row r="5118" spans="1:6" x14ac:dyDescent="0.25">
      <c r="A5118" s="4" t="s">
        <v>5</v>
      </c>
      <c r="B5118" s="1" t="s">
        <v>3144</v>
      </c>
      <c r="C5118" s="5" t="s">
        <v>5220</v>
      </c>
      <c r="D5118" s="1" t="s">
        <v>9059</v>
      </c>
      <c r="E5118" s="5" t="s">
        <v>14151</v>
      </c>
      <c r="F5118" s="6">
        <v>2808</v>
      </c>
    </row>
    <row r="5119" spans="1:6" x14ac:dyDescent="0.25">
      <c r="A5119" s="4" t="s">
        <v>5</v>
      </c>
      <c r="B5119" s="1" t="s">
        <v>3144</v>
      </c>
      <c r="C5119" s="5" t="s">
        <v>5243</v>
      </c>
      <c r="D5119" s="1" t="s">
        <v>9081</v>
      </c>
      <c r="E5119" s="5" t="s">
        <v>14187</v>
      </c>
      <c r="F5119" s="6">
        <v>2844</v>
      </c>
    </row>
    <row r="5120" spans="1:6" x14ac:dyDescent="0.25">
      <c r="A5120" s="4" t="s">
        <v>5</v>
      </c>
      <c r="B5120" s="1" t="s">
        <v>3144</v>
      </c>
      <c r="C5120" s="5" t="s">
        <v>3685</v>
      </c>
      <c r="D5120" s="1" t="s">
        <v>9254</v>
      </c>
      <c r="E5120" s="5" t="s">
        <v>14928</v>
      </c>
      <c r="F5120" s="6">
        <v>3649</v>
      </c>
    </row>
    <row r="5121" spans="1:6" x14ac:dyDescent="0.25">
      <c r="A5121" s="4" t="s">
        <v>5</v>
      </c>
      <c r="B5121" s="1" t="s">
        <v>3144</v>
      </c>
      <c r="C5121" s="5" t="s">
        <v>3232</v>
      </c>
      <c r="D5121" s="1" t="s">
        <v>9302</v>
      </c>
      <c r="E5121" s="5" t="s">
        <v>14985</v>
      </c>
      <c r="F5121" s="6">
        <v>3708</v>
      </c>
    </row>
    <row r="5122" spans="1:6" x14ac:dyDescent="0.25">
      <c r="A5122" s="4" t="s">
        <v>5</v>
      </c>
      <c r="B5122" s="1" t="s">
        <v>3144</v>
      </c>
      <c r="C5122" s="5" t="s">
        <v>5784</v>
      </c>
      <c r="D5122" s="1" t="s">
        <v>9310</v>
      </c>
      <c r="E5122" s="5" t="s">
        <v>14996</v>
      </c>
      <c r="F5122" s="6">
        <v>3721</v>
      </c>
    </row>
    <row r="5123" spans="1:6" x14ac:dyDescent="0.25">
      <c r="A5123" s="4" t="s">
        <v>5</v>
      </c>
      <c r="B5123" s="1" t="s">
        <v>3144</v>
      </c>
      <c r="C5123" s="5" t="s">
        <v>5846</v>
      </c>
      <c r="D5123" s="1" t="s">
        <v>9380</v>
      </c>
      <c r="E5123" s="5" t="s">
        <v>15112</v>
      </c>
      <c r="F5123" s="6">
        <v>3841</v>
      </c>
    </row>
    <row r="5124" spans="1:6" x14ac:dyDescent="0.25">
      <c r="A5124" s="4" t="s">
        <v>5</v>
      </c>
      <c r="B5124" s="1" t="s">
        <v>3144</v>
      </c>
      <c r="C5124" s="5" t="s">
        <v>5869</v>
      </c>
      <c r="D5124" s="1" t="s">
        <v>9416</v>
      </c>
      <c r="E5124" s="5" t="s">
        <v>15166</v>
      </c>
      <c r="F5124" s="6">
        <v>3898</v>
      </c>
    </row>
    <row r="5125" spans="1:6" x14ac:dyDescent="0.25">
      <c r="A5125" s="4" t="s">
        <v>5</v>
      </c>
      <c r="B5125" s="1" t="s">
        <v>3144</v>
      </c>
      <c r="C5125" s="5" t="s">
        <v>4408</v>
      </c>
      <c r="D5125" s="1" t="s">
        <v>9446</v>
      </c>
      <c r="E5125" s="5" t="s">
        <v>15212</v>
      </c>
      <c r="F5125" s="6">
        <v>3946</v>
      </c>
    </row>
    <row r="5126" spans="1:6" x14ac:dyDescent="0.25">
      <c r="A5126" s="4" t="s">
        <v>5</v>
      </c>
      <c r="B5126" s="1" t="s">
        <v>3144</v>
      </c>
      <c r="C5126" s="5" t="s">
        <v>3245</v>
      </c>
      <c r="D5126" s="1" t="s">
        <v>9473</v>
      </c>
      <c r="E5126" s="5" t="s">
        <v>15246</v>
      </c>
      <c r="F5126" s="6">
        <v>3981</v>
      </c>
    </row>
    <row r="5127" spans="1:6" x14ac:dyDescent="0.25">
      <c r="A5127" s="4" t="s">
        <v>5</v>
      </c>
      <c r="B5127" s="1" t="s">
        <v>3144</v>
      </c>
      <c r="C5127" s="5" t="s">
        <v>3882</v>
      </c>
      <c r="D5127" s="1" t="s">
        <v>9474</v>
      </c>
      <c r="E5127" s="5" t="s">
        <v>15247</v>
      </c>
      <c r="F5127" s="6">
        <v>3982</v>
      </c>
    </row>
    <row r="5128" spans="1:6" x14ac:dyDescent="0.25">
      <c r="A5128" s="4" t="s">
        <v>5</v>
      </c>
      <c r="B5128" s="1" t="s">
        <v>3144</v>
      </c>
      <c r="C5128" s="5" t="s">
        <v>6041</v>
      </c>
      <c r="D5128" s="1" t="s">
        <v>9602</v>
      </c>
      <c r="E5128" s="5" t="s">
        <v>15449</v>
      </c>
      <c r="F5128" s="6">
        <v>4187</v>
      </c>
    </row>
    <row r="5129" spans="1:6" x14ac:dyDescent="0.25">
      <c r="A5129" s="4" t="s">
        <v>2390</v>
      </c>
      <c r="B5129" s="1" t="s">
        <v>3144</v>
      </c>
      <c r="C5129" s="5">
        <v>412201</v>
      </c>
      <c r="D5129" s="1" t="s">
        <v>9826</v>
      </c>
      <c r="E5129" s="5" t="s">
        <v>15745</v>
      </c>
      <c r="F5129" s="6">
        <v>4555</v>
      </c>
    </row>
    <row r="5130" spans="1:6" x14ac:dyDescent="0.25">
      <c r="A5130" s="4" t="s">
        <v>5</v>
      </c>
      <c r="B5130" s="1" t="s">
        <v>3144</v>
      </c>
      <c r="C5130" s="5" t="s">
        <v>5784</v>
      </c>
      <c r="D5130" s="1" t="s">
        <v>9857</v>
      </c>
      <c r="E5130" s="5" t="s">
        <v>15785</v>
      </c>
      <c r="F5130" s="6">
        <v>4692</v>
      </c>
    </row>
    <row r="5131" spans="1:6" x14ac:dyDescent="0.25">
      <c r="A5131" s="4" t="s">
        <v>5</v>
      </c>
      <c r="B5131" s="1" t="s">
        <v>3144</v>
      </c>
      <c r="C5131" s="5" t="s">
        <v>6242</v>
      </c>
      <c r="D5131" s="1" t="s">
        <v>9868</v>
      </c>
      <c r="E5131" s="5" t="s">
        <v>15800</v>
      </c>
      <c r="F5131" s="6">
        <v>4708</v>
      </c>
    </row>
    <row r="5132" spans="1:6" x14ac:dyDescent="0.25">
      <c r="A5132" s="4" t="s">
        <v>5</v>
      </c>
      <c r="B5132" s="1" t="s">
        <v>3144</v>
      </c>
      <c r="C5132" s="5" t="s">
        <v>4409</v>
      </c>
      <c r="D5132" s="1" t="s">
        <v>9917</v>
      </c>
      <c r="E5132" s="5" t="s">
        <v>15860</v>
      </c>
      <c r="F5132" s="6">
        <v>4774</v>
      </c>
    </row>
    <row r="5133" spans="1:6" x14ac:dyDescent="0.25">
      <c r="A5133" s="4" t="s">
        <v>5</v>
      </c>
      <c r="B5133" s="1" t="s">
        <v>3144</v>
      </c>
      <c r="C5133" s="5" t="s">
        <v>4407</v>
      </c>
      <c r="D5133" s="1" t="s">
        <v>9933</v>
      </c>
      <c r="E5133" s="5" t="s">
        <v>15879</v>
      </c>
      <c r="F5133" s="6">
        <v>4793</v>
      </c>
    </row>
    <row r="5134" spans="1:6" x14ac:dyDescent="0.25">
      <c r="A5134" s="4" t="s">
        <v>5</v>
      </c>
      <c r="B5134" s="1" t="s">
        <v>3144</v>
      </c>
      <c r="C5134" s="5" t="s">
        <v>6308</v>
      </c>
      <c r="D5134" s="1" t="s">
        <v>9958</v>
      </c>
      <c r="E5134" s="5" t="s">
        <v>15914</v>
      </c>
      <c r="F5134" s="6">
        <v>4831</v>
      </c>
    </row>
    <row r="5135" spans="1:6" x14ac:dyDescent="0.25">
      <c r="A5135" s="4" t="s">
        <v>5</v>
      </c>
      <c r="B5135" s="1" t="s">
        <v>3144</v>
      </c>
      <c r="C5135" s="5" t="s">
        <v>3805</v>
      </c>
      <c r="D5135" s="1" t="s">
        <v>9998</v>
      </c>
      <c r="E5135" s="5" t="s">
        <v>15965</v>
      </c>
      <c r="F5135" s="6">
        <v>4884</v>
      </c>
    </row>
    <row r="5136" spans="1:6" x14ac:dyDescent="0.25">
      <c r="A5136" s="4" t="s">
        <v>5</v>
      </c>
      <c r="B5136" s="1" t="s">
        <v>3144</v>
      </c>
      <c r="C5136" s="5" t="s">
        <v>3805</v>
      </c>
      <c r="D5136" s="1" t="s">
        <v>10001</v>
      </c>
      <c r="E5136" s="5" t="s">
        <v>15968</v>
      </c>
      <c r="F5136" s="6">
        <v>4887</v>
      </c>
    </row>
    <row r="5137" spans="1:6" x14ac:dyDescent="0.25">
      <c r="A5137" s="4" t="s">
        <v>5</v>
      </c>
      <c r="B5137" s="1" t="s">
        <v>3144</v>
      </c>
      <c r="C5137" s="5" t="s">
        <v>3832</v>
      </c>
      <c r="D5137" s="1" t="s">
        <v>10002</v>
      </c>
      <c r="E5137" s="5" t="s">
        <v>15969</v>
      </c>
      <c r="F5137" s="6">
        <v>4888</v>
      </c>
    </row>
    <row r="5138" spans="1:6" x14ac:dyDescent="0.25">
      <c r="A5138" s="4" t="s">
        <v>5</v>
      </c>
      <c r="B5138" s="1" t="s">
        <v>3144</v>
      </c>
      <c r="C5138" s="5" t="s">
        <v>4407</v>
      </c>
      <c r="D5138" s="1" t="s">
        <v>10112</v>
      </c>
      <c r="E5138" s="5" t="s">
        <v>16113</v>
      </c>
      <c r="F5138" s="6">
        <v>5179</v>
      </c>
    </row>
    <row r="5139" spans="1:6" x14ac:dyDescent="0.25">
      <c r="A5139" s="4" t="s">
        <v>5</v>
      </c>
      <c r="B5139" s="1" t="s">
        <v>3144</v>
      </c>
      <c r="C5139" s="5" t="s">
        <v>3882</v>
      </c>
      <c r="D5139" s="1" t="s">
        <v>10144</v>
      </c>
      <c r="E5139" s="5" t="s">
        <v>16154</v>
      </c>
      <c r="F5139" s="6">
        <v>5264</v>
      </c>
    </row>
    <row r="5140" spans="1:6" x14ac:dyDescent="0.25">
      <c r="A5140" s="4" t="s">
        <v>5</v>
      </c>
      <c r="B5140" s="1" t="s">
        <v>3144</v>
      </c>
      <c r="C5140" s="5" t="s">
        <v>3926</v>
      </c>
      <c r="D5140" s="1" t="s">
        <v>10160</v>
      </c>
      <c r="E5140" s="5" t="s">
        <v>16171</v>
      </c>
      <c r="F5140" s="6">
        <v>5291</v>
      </c>
    </row>
    <row r="5141" spans="1:6" x14ac:dyDescent="0.25">
      <c r="A5141" s="4" t="s">
        <v>5</v>
      </c>
      <c r="B5141" s="1" t="s">
        <v>3171</v>
      </c>
      <c r="C5141" s="5">
        <v>411026</v>
      </c>
      <c r="D5141" s="1" t="s">
        <v>10177</v>
      </c>
      <c r="E5141" s="5" t="s">
        <v>16194</v>
      </c>
      <c r="F5141" s="6">
        <v>5332</v>
      </c>
    </row>
    <row r="5142" spans="1:6" x14ac:dyDescent="0.25">
      <c r="A5142" s="4" t="s">
        <v>5</v>
      </c>
      <c r="B5142" s="1" t="s">
        <v>3144</v>
      </c>
      <c r="C5142" s="5" t="s">
        <v>6435</v>
      </c>
      <c r="D5142" s="1" t="s">
        <v>10191</v>
      </c>
      <c r="E5142" s="5" t="s">
        <v>16210</v>
      </c>
      <c r="F5142" s="6">
        <v>5383</v>
      </c>
    </row>
    <row r="5143" spans="1:6" x14ac:dyDescent="0.25">
      <c r="A5143" s="4" t="s">
        <v>5</v>
      </c>
      <c r="B5143" s="1" t="s">
        <v>3144</v>
      </c>
      <c r="C5143" s="5" t="s">
        <v>3926</v>
      </c>
      <c r="D5143" s="1" t="s">
        <v>10230</v>
      </c>
      <c r="E5143" s="5" t="s">
        <v>16268</v>
      </c>
      <c r="F5143" s="6">
        <v>5527</v>
      </c>
    </row>
    <row r="5144" spans="1:6" x14ac:dyDescent="0.25">
      <c r="A5144" s="4" t="s">
        <v>5</v>
      </c>
      <c r="B5144" s="1" t="s">
        <v>3144</v>
      </c>
      <c r="C5144" s="5" t="s">
        <v>4407</v>
      </c>
      <c r="D5144" s="1" t="s">
        <v>10232</v>
      </c>
      <c r="E5144" s="5" t="s">
        <v>16270</v>
      </c>
      <c r="F5144" s="6">
        <v>5529</v>
      </c>
    </row>
    <row r="5145" spans="1:6" x14ac:dyDescent="0.25">
      <c r="A5145" s="4" t="s">
        <v>5</v>
      </c>
      <c r="B5145" s="1" t="s">
        <v>3144</v>
      </c>
      <c r="C5145" s="5" t="s">
        <v>3222</v>
      </c>
      <c r="D5145" s="1" t="s">
        <v>10275</v>
      </c>
      <c r="E5145" s="5" t="s">
        <v>16351</v>
      </c>
      <c r="F5145" s="6">
        <v>5718</v>
      </c>
    </row>
    <row r="5146" spans="1:6" x14ac:dyDescent="0.25">
      <c r="A5146" s="4" t="s">
        <v>5</v>
      </c>
      <c r="B5146" s="1" t="s">
        <v>3144</v>
      </c>
      <c r="C5146" s="5" t="s">
        <v>3503</v>
      </c>
      <c r="D5146" s="1" t="s">
        <v>10348</v>
      </c>
      <c r="E5146" s="5" t="s">
        <v>16462</v>
      </c>
      <c r="F5146" s="6">
        <v>5971</v>
      </c>
    </row>
    <row r="5147" spans="1:6" x14ac:dyDescent="0.25">
      <c r="A5147" s="4" t="s">
        <v>5</v>
      </c>
      <c r="B5147" s="1" t="s">
        <v>3144</v>
      </c>
      <c r="C5147" s="5" t="s">
        <v>6577</v>
      </c>
      <c r="D5147" s="1" t="s">
        <v>10350</v>
      </c>
      <c r="E5147" s="5" t="s">
        <v>16464</v>
      </c>
      <c r="F5147" s="6">
        <v>5974</v>
      </c>
    </row>
    <row r="5148" spans="1:6" x14ac:dyDescent="0.25">
      <c r="A5148" s="4" t="s">
        <v>5</v>
      </c>
      <c r="B5148" s="1" t="s">
        <v>3144</v>
      </c>
      <c r="C5148" s="5" t="s">
        <v>3611</v>
      </c>
      <c r="D5148" s="1" t="s">
        <v>10355</v>
      </c>
      <c r="E5148" s="5" t="s">
        <v>16472</v>
      </c>
      <c r="F5148" s="6">
        <v>6003</v>
      </c>
    </row>
    <row r="5149" spans="1:6" x14ac:dyDescent="0.25">
      <c r="A5149" s="4" t="s">
        <v>5</v>
      </c>
      <c r="B5149" s="1" t="s">
        <v>3144</v>
      </c>
      <c r="C5149" s="5" t="s">
        <v>3611</v>
      </c>
      <c r="D5149" s="1" t="s">
        <v>10361</v>
      </c>
      <c r="E5149" s="5" t="s">
        <v>16481</v>
      </c>
      <c r="F5149" s="6">
        <v>6018</v>
      </c>
    </row>
    <row r="5150" spans="1:6" x14ac:dyDescent="0.25">
      <c r="A5150" s="4" t="s">
        <v>5</v>
      </c>
      <c r="B5150" s="1" t="s">
        <v>3144</v>
      </c>
      <c r="C5150" s="5" t="s">
        <v>6590</v>
      </c>
      <c r="D5150" s="1" t="s">
        <v>10375</v>
      </c>
      <c r="E5150" s="5" t="s">
        <v>16500</v>
      </c>
      <c r="F5150" s="6">
        <v>6066</v>
      </c>
    </row>
    <row r="5151" spans="1:6" x14ac:dyDescent="0.25">
      <c r="A5151" s="4" t="s">
        <v>5</v>
      </c>
      <c r="B5151" s="1" t="s">
        <v>3144</v>
      </c>
      <c r="C5151" s="5" t="s">
        <v>6593</v>
      </c>
      <c r="D5151" s="1" t="s">
        <v>10376</v>
      </c>
      <c r="E5151" s="5" t="s">
        <v>16503</v>
      </c>
      <c r="F5151" s="6">
        <v>6077</v>
      </c>
    </row>
    <row r="5152" spans="1:6" x14ac:dyDescent="0.25">
      <c r="A5152" s="4" t="s">
        <v>2695</v>
      </c>
      <c r="B5152" s="1" t="s">
        <v>3144</v>
      </c>
      <c r="C5152" s="5">
        <v>411007</v>
      </c>
      <c r="D5152" s="1" t="s">
        <v>10410</v>
      </c>
      <c r="E5152" s="5" t="s">
        <v>16551</v>
      </c>
      <c r="F5152" s="6">
        <v>6209</v>
      </c>
    </row>
    <row r="5153" spans="1:6" x14ac:dyDescent="0.25">
      <c r="A5153" s="4" t="s">
        <v>5</v>
      </c>
      <c r="B5153" s="1" t="s">
        <v>3144</v>
      </c>
      <c r="C5153" s="5" t="s">
        <v>3805</v>
      </c>
      <c r="D5153" s="1" t="s">
        <v>10649</v>
      </c>
      <c r="E5153" s="5" t="s">
        <v>16865</v>
      </c>
      <c r="F5153" s="6">
        <v>7120</v>
      </c>
    </row>
    <row r="5154" spans="1:6" x14ac:dyDescent="0.25">
      <c r="A5154" s="4" t="s">
        <v>5</v>
      </c>
      <c r="B5154" s="1" t="s">
        <v>3144</v>
      </c>
      <c r="C5154" s="5">
        <v>412114</v>
      </c>
      <c r="D5154" s="1" t="s">
        <v>10793</v>
      </c>
      <c r="E5154" s="5" t="s">
        <v>17055</v>
      </c>
      <c r="F5154" s="6">
        <v>7692</v>
      </c>
    </row>
    <row r="5155" spans="1:6" x14ac:dyDescent="0.25">
      <c r="A5155" s="4" t="s">
        <v>5</v>
      </c>
      <c r="B5155" s="1" t="s">
        <v>3171</v>
      </c>
      <c r="C5155" s="5">
        <v>411018</v>
      </c>
      <c r="D5155" s="1" t="s">
        <v>10847</v>
      </c>
      <c r="E5155" s="5" t="s">
        <v>17124</v>
      </c>
      <c r="F5155" s="6">
        <v>7991</v>
      </c>
    </row>
    <row r="5156" spans="1:6" x14ac:dyDescent="0.25">
      <c r="A5156" s="4" t="s">
        <v>5</v>
      </c>
      <c r="B5156" s="1" t="s">
        <v>3144</v>
      </c>
      <c r="C5156" s="5" t="s">
        <v>4054</v>
      </c>
      <c r="D5156" s="1" t="s">
        <v>10942</v>
      </c>
      <c r="E5156" s="5" t="s">
        <v>17240</v>
      </c>
      <c r="F5156" s="6">
        <v>8289</v>
      </c>
    </row>
    <row r="5157" spans="1:6" x14ac:dyDescent="0.25">
      <c r="A5157" s="4" t="s">
        <v>5</v>
      </c>
      <c r="B5157" s="1" t="s">
        <v>3144</v>
      </c>
      <c r="C5157" s="5" t="s">
        <v>3388</v>
      </c>
      <c r="D5157" s="1" t="s">
        <v>10943</v>
      </c>
      <c r="E5157" s="5" t="s">
        <v>17241</v>
      </c>
      <c r="F5157" s="6">
        <v>8293</v>
      </c>
    </row>
    <row r="5158" spans="1:6" x14ac:dyDescent="0.25">
      <c r="A5158" s="4" t="s">
        <v>5</v>
      </c>
      <c r="B5158" s="1" t="s">
        <v>3144</v>
      </c>
      <c r="C5158" s="5" t="s">
        <v>3873</v>
      </c>
      <c r="D5158" s="1" t="s">
        <v>11136</v>
      </c>
      <c r="E5158" s="5" t="s">
        <v>17495</v>
      </c>
      <c r="F5158" s="6">
        <v>9107</v>
      </c>
    </row>
    <row r="5159" spans="1:6" x14ac:dyDescent="0.25">
      <c r="A5159" s="4" t="s">
        <v>5</v>
      </c>
      <c r="B5159" s="1" t="s">
        <v>3144</v>
      </c>
      <c r="C5159" s="5" t="s">
        <v>7050</v>
      </c>
      <c r="D5159" s="1" t="s">
        <v>11144</v>
      </c>
      <c r="E5159" s="5" t="s">
        <v>17504</v>
      </c>
      <c r="F5159" s="6">
        <v>9116</v>
      </c>
    </row>
    <row r="5160" spans="1:6" x14ac:dyDescent="0.25">
      <c r="A5160" s="4" t="s">
        <v>5</v>
      </c>
      <c r="B5160" s="1" t="s">
        <v>3144</v>
      </c>
      <c r="C5160" s="5" t="s">
        <v>7081</v>
      </c>
      <c r="D5160" s="1" t="s">
        <v>11177</v>
      </c>
      <c r="E5160" s="5" t="s">
        <v>17553</v>
      </c>
      <c r="F5160" s="6">
        <v>9167</v>
      </c>
    </row>
    <row r="5161" spans="1:6" x14ac:dyDescent="0.25">
      <c r="A5161" s="4" t="s">
        <v>5</v>
      </c>
      <c r="B5161" s="1" t="s">
        <v>3144</v>
      </c>
      <c r="C5161" s="5" t="s">
        <v>3685</v>
      </c>
      <c r="D5161" s="1" t="s">
        <v>11216</v>
      </c>
      <c r="E5161" s="5" t="s">
        <v>17608</v>
      </c>
      <c r="F5161" s="6">
        <v>9224</v>
      </c>
    </row>
    <row r="5162" spans="1:6" x14ac:dyDescent="0.25">
      <c r="A5162" s="4" t="s">
        <v>5</v>
      </c>
      <c r="B5162" s="1" t="s">
        <v>3144</v>
      </c>
      <c r="C5162" s="5" t="s">
        <v>7138</v>
      </c>
      <c r="D5162" s="1" t="s">
        <v>11251</v>
      </c>
      <c r="E5162" s="5" t="s">
        <v>17650</v>
      </c>
      <c r="F5162" s="6">
        <v>9268</v>
      </c>
    </row>
    <row r="5163" spans="1:6" x14ac:dyDescent="0.25">
      <c r="A5163" s="4" t="s">
        <v>5</v>
      </c>
      <c r="B5163" s="1" t="s">
        <v>3144</v>
      </c>
      <c r="C5163" s="5" t="s">
        <v>4405</v>
      </c>
      <c r="D5163" s="1" t="s">
        <v>11286</v>
      </c>
      <c r="E5163" s="5" t="s">
        <v>17698</v>
      </c>
      <c r="F5163" s="6">
        <v>9317</v>
      </c>
    </row>
    <row r="5164" spans="1:6" x14ac:dyDescent="0.25">
      <c r="A5164" s="4" t="s">
        <v>5</v>
      </c>
      <c r="B5164" s="1" t="s">
        <v>3144</v>
      </c>
      <c r="C5164" s="5" t="s">
        <v>7169</v>
      </c>
      <c r="D5164" s="1" t="s">
        <v>11298</v>
      </c>
      <c r="E5164" s="5" t="s">
        <v>17711</v>
      </c>
      <c r="F5164" s="6">
        <v>9332</v>
      </c>
    </row>
    <row r="5165" spans="1:6" x14ac:dyDescent="0.25">
      <c r="A5165" s="4" t="s">
        <v>5</v>
      </c>
      <c r="B5165" s="1" t="s">
        <v>3144</v>
      </c>
      <c r="C5165" s="5" t="s">
        <v>3873</v>
      </c>
      <c r="D5165" s="1" t="s">
        <v>11309</v>
      </c>
      <c r="E5165" s="5" t="s">
        <v>17729</v>
      </c>
      <c r="F5165" s="6">
        <v>9351</v>
      </c>
    </row>
    <row r="5166" spans="1:6" x14ac:dyDescent="0.25">
      <c r="A5166" s="4" t="s">
        <v>5</v>
      </c>
      <c r="B5166" s="1" t="s">
        <v>3144</v>
      </c>
      <c r="C5166" s="5" t="s">
        <v>7187</v>
      </c>
      <c r="D5166" s="1" t="s">
        <v>11326</v>
      </c>
      <c r="E5166" s="5" t="s">
        <v>17748</v>
      </c>
      <c r="F5166" s="6">
        <v>9370</v>
      </c>
    </row>
    <row r="5167" spans="1:6" x14ac:dyDescent="0.25">
      <c r="A5167" s="4" t="s">
        <v>5</v>
      </c>
      <c r="B5167" s="1" t="s">
        <v>3144</v>
      </c>
      <c r="C5167" s="5" t="s">
        <v>3805</v>
      </c>
      <c r="D5167" s="1" t="s">
        <v>11400</v>
      </c>
      <c r="E5167" s="5" t="s">
        <v>17827</v>
      </c>
      <c r="F5167" s="6">
        <v>9453</v>
      </c>
    </row>
    <row r="5168" spans="1:6" x14ac:dyDescent="0.25">
      <c r="A5168" s="4" t="s">
        <v>5</v>
      </c>
      <c r="B5168" s="1" t="s">
        <v>3144</v>
      </c>
      <c r="C5168" s="5" t="s">
        <v>6593</v>
      </c>
      <c r="D5168" s="1" t="s">
        <v>11411</v>
      </c>
      <c r="E5168" s="5" t="s">
        <v>17840</v>
      </c>
      <c r="F5168" s="6">
        <v>9467</v>
      </c>
    </row>
    <row r="5169" spans="1:6" x14ac:dyDescent="0.25">
      <c r="A5169" s="4" t="s">
        <v>5</v>
      </c>
      <c r="B5169" s="1" t="s">
        <v>3144</v>
      </c>
      <c r="C5169" s="5" t="s">
        <v>3873</v>
      </c>
      <c r="D5169" s="1" t="s">
        <v>11444</v>
      </c>
      <c r="E5169" s="5" t="s">
        <v>17877</v>
      </c>
      <c r="F5169" s="6">
        <v>9506</v>
      </c>
    </row>
    <row r="5170" spans="1:6" x14ac:dyDescent="0.25">
      <c r="A5170" s="4" t="s">
        <v>5</v>
      </c>
      <c r="B5170" s="1" t="s">
        <v>3144</v>
      </c>
      <c r="C5170" s="5" t="s">
        <v>3570</v>
      </c>
      <c r="D5170" s="1" t="s">
        <v>11445</v>
      </c>
      <c r="E5170" s="5" t="s">
        <v>17878</v>
      </c>
      <c r="F5170" s="6">
        <v>9507</v>
      </c>
    </row>
    <row r="5171" spans="1:6" x14ac:dyDescent="0.25">
      <c r="A5171" s="4" t="s">
        <v>5</v>
      </c>
      <c r="B5171" s="1" t="s">
        <v>3144</v>
      </c>
      <c r="C5171" s="5" t="s">
        <v>4955</v>
      </c>
      <c r="D5171" s="1" t="s">
        <v>11462</v>
      </c>
      <c r="E5171" s="5" t="s">
        <v>17897</v>
      </c>
      <c r="F5171" s="6">
        <v>9526</v>
      </c>
    </row>
    <row r="5172" spans="1:6" x14ac:dyDescent="0.25">
      <c r="A5172" s="4" t="s">
        <v>5</v>
      </c>
      <c r="B5172" s="1" t="s">
        <v>3144</v>
      </c>
      <c r="C5172" s="5" t="s">
        <v>7271</v>
      </c>
      <c r="D5172" s="1" t="s">
        <v>11492</v>
      </c>
      <c r="E5172" s="5" t="s">
        <v>17951</v>
      </c>
      <c r="F5172" s="6">
        <v>9583</v>
      </c>
    </row>
    <row r="5173" spans="1:6" x14ac:dyDescent="0.25">
      <c r="A5173" s="4" t="s">
        <v>5</v>
      </c>
      <c r="B5173" s="1" t="s">
        <v>3144</v>
      </c>
      <c r="C5173" s="5" t="s">
        <v>3873</v>
      </c>
      <c r="D5173" s="1" t="s">
        <v>11510</v>
      </c>
      <c r="E5173" s="5" t="s">
        <v>17974</v>
      </c>
      <c r="F5173" s="6">
        <v>9606</v>
      </c>
    </row>
    <row r="5174" spans="1:6" x14ac:dyDescent="0.25">
      <c r="A5174" s="4" t="s">
        <v>5</v>
      </c>
      <c r="B5174" s="1" t="s">
        <v>3144</v>
      </c>
      <c r="C5174" s="5" t="s">
        <v>3926</v>
      </c>
      <c r="D5174" s="1" t="s">
        <v>11527</v>
      </c>
      <c r="E5174" s="5" t="s">
        <v>17993</v>
      </c>
      <c r="F5174" s="6">
        <v>9625</v>
      </c>
    </row>
    <row r="5175" spans="1:6" x14ac:dyDescent="0.25">
      <c r="A5175" s="4" t="s">
        <v>5</v>
      </c>
      <c r="B5175" s="1" t="s">
        <v>3144</v>
      </c>
      <c r="C5175" s="5" t="s">
        <v>3281</v>
      </c>
      <c r="D5175" s="1" t="s">
        <v>11556</v>
      </c>
      <c r="E5175" s="5" t="s">
        <v>18026</v>
      </c>
      <c r="F5175" s="6">
        <v>9658</v>
      </c>
    </row>
    <row r="5176" spans="1:6" x14ac:dyDescent="0.25">
      <c r="A5176" s="4" t="s">
        <v>5</v>
      </c>
      <c r="B5176" s="1" t="s">
        <v>3144</v>
      </c>
      <c r="C5176" s="5" t="s">
        <v>3639</v>
      </c>
      <c r="D5176" s="1" t="s">
        <v>11565</v>
      </c>
      <c r="E5176" s="5" t="s">
        <v>18036</v>
      </c>
      <c r="F5176" s="6">
        <v>9669</v>
      </c>
    </row>
    <row r="5177" spans="1:6" x14ac:dyDescent="0.25">
      <c r="A5177" s="4" t="s">
        <v>1807</v>
      </c>
      <c r="B5177" s="1" t="s">
        <v>3155</v>
      </c>
      <c r="C5177" s="5" t="s">
        <v>5579</v>
      </c>
      <c r="D5177" s="1" t="s">
        <v>1807</v>
      </c>
      <c r="E5177" s="5" t="s">
        <v>14629</v>
      </c>
      <c r="F5177" s="6">
        <v>3325</v>
      </c>
    </row>
    <row r="5178" spans="1:6" x14ac:dyDescent="0.25">
      <c r="A5178" s="4" t="s">
        <v>888</v>
      </c>
      <c r="B5178" s="1" t="s">
        <v>3158</v>
      </c>
      <c r="C5178" s="5" t="s">
        <v>4635</v>
      </c>
      <c r="D5178" s="1" t="s">
        <v>888</v>
      </c>
      <c r="E5178" s="5" t="s">
        <v>13449</v>
      </c>
      <c r="F5178" s="6">
        <v>2085</v>
      </c>
    </row>
    <row r="5179" spans="1:6" x14ac:dyDescent="0.25">
      <c r="A5179" s="4" t="s">
        <v>464</v>
      </c>
      <c r="B5179" s="1" t="s">
        <v>3160</v>
      </c>
      <c r="C5179" s="5" t="s">
        <v>4031</v>
      </c>
      <c r="D5179" s="1" t="s">
        <v>8185</v>
      </c>
      <c r="E5179" s="5" t="s">
        <v>12587</v>
      </c>
      <c r="F5179" s="6">
        <v>1117</v>
      </c>
    </row>
    <row r="5180" spans="1:6" x14ac:dyDescent="0.25">
      <c r="A5180" s="4" t="s">
        <v>464</v>
      </c>
      <c r="B5180" s="1" t="s">
        <v>3160</v>
      </c>
      <c r="C5180" s="5" t="s">
        <v>4031</v>
      </c>
      <c r="D5180" s="1" t="s">
        <v>9571</v>
      </c>
      <c r="E5180" s="5" t="s">
        <v>15404</v>
      </c>
      <c r="F5180" s="6">
        <v>4141</v>
      </c>
    </row>
    <row r="5181" spans="1:6" x14ac:dyDescent="0.25">
      <c r="A5181" s="4" t="s">
        <v>630</v>
      </c>
      <c r="B5181" s="1" t="s">
        <v>812</v>
      </c>
      <c r="C5181" s="5" t="s">
        <v>4309</v>
      </c>
      <c r="D5181" s="1" t="s">
        <v>630</v>
      </c>
      <c r="E5181" s="5" t="s">
        <v>13024</v>
      </c>
      <c r="F5181" s="6">
        <v>1651</v>
      </c>
    </row>
    <row r="5182" spans="1:6" x14ac:dyDescent="0.25">
      <c r="A5182" s="4" t="s">
        <v>630</v>
      </c>
      <c r="B5182" s="1" t="s">
        <v>812</v>
      </c>
      <c r="C5182" s="5" t="s">
        <v>5904</v>
      </c>
      <c r="D5182" s="1" t="s">
        <v>9459</v>
      </c>
      <c r="E5182" s="5" t="s">
        <v>15226</v>
      </c>
      <c r="F5182" s="6">
        <v>3960</v>
      </c>
    </row>
    <row r="5183" spans="1:6" x14ac:dyDescent="0.25">
      <c r="A5183" s="4" t="s">
        <v>1231</v>
      </c>
      <c r="B5183" s="1" t="s">
        <v>3148</v>
      </c>
      <c r="C5183" s="5" t="s">
        <v>4998</v>
      </c>
      <c r="D5183" s="1" t="s">
        <v>8911</v>
      </c>
      <c r="E5183" s="5" t="s">
        <v>13857</v>
      </c>
      <c r="F5183" s="6">
        <v>2507</v>
      </c>
    </row>
    <row r="5184" spans="1:6" x14ac:dyDescent="0.25">
      <c r="A5184" s="4" t="s">
        <v>2258</v>
      </c>
      <c r="B5184" s="1" t="s">
        <v>3158</v>
      </c>
      <c r="C5184" s="5" t="s">
        <v>5990</v>
      </c>
      <c r="D5184" s="1" t="s">
        <v>2258</v>
      </c>
      <c r="E5184" s="5" t="s">
        <v>15368</v>
      </c>
      <c r="F5184" s="6">
        <v>4105</v>
      </c>
    </row>
    <row r="5185" spans="1:6" x14ac:dyDescent="0.25">
      <c r="A5185" s="4" t="s">
        <v>1413</v>
      </c>
      <c r="B5185" s="1" t="s">
        <v>3144</v>
      </c>
      <c r="C5185" s="5" t="s">
        <v>5217</v>
      </c>
      <c r="D5185" s="1" t="s">
        <v>1413</v>
      </c>
      <c r="E5185" s="5" t="s">
        <v>14147</v>
      </c>
      <c r="F5185" s="6">
        <v>2804</v>
      </c>
    </row>
    <row r="5186" spans="1:6" x14ac:dyDescent="0.25">
      <c r="A5186" s="4" t="s">
        <v>2992</v>
      </c>
      <c r="B5186" s="1" t="s">
        <v>3156</v>
      </c>
      <c r="C5186" s="5" t="s">
        <v>7044</v>
      </c>
      <c r="D5186" s="1" t="s">
        <v>11135</v>
      </c>
      <c r="E5186" s="5" t="s">
        <v>17494</v>
      </c>
      <c r="F5186" s="6">
        <v>9106</v>
      </c>
    </row>
    <row r="5187" spans="1:6" x14ac:dyDescent="0.25">
      <c r="A5187" s="4" t="s">
        <v>597</v>
      </c>
      <c r="B5187" s="1" t="s">
        <v>3150</v>
      </c>
      <c r="C5187" s="5" t="s">
        <v>4249</v>
      </c>
      <c r="D5187" s="1" t="s">
        <v>597</v>
      </c>
      <c r="E5187" s="5" t="s">
        <v>12941</v>
      </c>
      <c r="F5187" s="6">
        <v>1549</v>
      </c>
    </row>
    <row r="5188" spans="1:6" x14ac:dyDescent="0.25">
      <c r="A5188" s="4" t="s">
        <v>434</v>
      </c>
      <c r="B5188" s="1" t="s">
        <v>3155</v>
      </c>
      <c r="C5188" s="5" t="s">
        <v>3971</v>
      </c>
      <c r="D5188" s="1" t="s">
        <v>8126</v>
      </c>
      <c r="E5188" s="5" t="s">
        <v>12510</v>
      </c>
      <c r="F5188" s="6">
        <v>1035</v>
      </c>
    </row>
    <row r="5189" spans="1:6" x14ac:dyDescent="0.25">
      <c r="A5189" s="4" t="s">
        <v>1109</v>
      </c>
      <c r="B5189" s="1" t="s">
        <v>3149</v>
      </c>
      <c r="C5189" s="5" t="s">
        <v>4850</v>
      </c>
      <c r="D5189" s="1" t="s">
        <v>1109</v>
      </c>
      <c r="E5189" s="5" t="s">
        <v>13680</v>
      </c>
      <c r="F5189" s="6">
        <v>2326</v>
      </c>
    </row>
    <row r="5190" spans="1:6" x14ac:dyDescent="0.25">
      <c r="A5190" s="4" t="s">
        <v>1160</v>
      </c>
      <c r="B5190" s="1" t="s">
        <v>3155</v>
      </c>
      <c r="C5190" s="5" t="s">
        <v>4900</v>
      </c>
      <c r="D5190" s="1" t="s">
        <v>8842</v>
      </c>
      <c r="E5190" s="5" t="s">
        <v>13736</v>
      </c>
      <c r="F5190" s="6">
        <v>2384</v>
      </c>
    </row>
    <row r="5191" spans="1:6" x14ac:dyDescent="0.25">
      <c r="A5191" s="4" t="s">
        <v>2012</v>
      </c>
      <c r="B5191" s="1" t="s">
        <v>3167</v>
      </c>
      <c r="C5191" s="5" t="s">
        <v>5712</v>
      </c>
      <c r="D5191" s="1" t="s">
        <v>2012</v>
      </c>
      <c r="E5191" s="5" t="s">
        <v>14850</v>
      </c>
      <c r="F5191" s="6">
        <v>3563</v>
      </c>
    </row>
    <row r="5192" spans="1:6" x14ac:dyDescent="0.25">
      <c r="A5192" s="4" t="s">
        <v>505</v>
      </c>
      <c r="B5192" s="1" t="s">
        <v>3152</v>
      </c>
      <c r="C5192" s="5" t="s">
        <v>4133</v>
      </c>
      <c r="D5192" s="1" t="s">
        <v>8351</v>
      </c>
      <c r="E5192" s="5" t="s">
        <v>12772</v>
      </c>
      <c r="F5192" s="6">
        <v>1369</v>
      </c>
    </row>
    <row r="5193" spans="1:6" x14ac:dyDescent="0.25">
      <c r="A5193" s="4" t="s">
        <v>1376</v>
      </c>
      <c r="B5193" s="1" t="s">
        <v>1147</v>
      </c>
      <c r="C5193" s="5" t="s">
        <v>5177</v>
      </c>
      <c r="D5193" s="1" t="s">
        <v>1376</v>
      </c>
      <c r="E5193" s="5" t="s">
        <v>14085</v>
      </c>
      <c r="F5193" s="6">
        <v>2740</v>
      </c>
    </row>
    <row r="5194" spans="1:6" x14ac:dyDescent="0.25">
      <c r="A5194" s="4" t="s">
        <v>1484</v>
      </c>
      <c r="B5194" s="1" t="s">
        <v>3154</v>
      </c>
      <c r="C5194" s="5" t="s">
        <v>5301</v>
      </c>
      <c r="D5194" s="1" t="s">
        <v>1484</v>
      </c>
      <c r="E5194" s="5" t="s">
        <v>14257</v>
      </c>
      <c r="F5194" s="6">
        <v>2918</v>
      </c>
    </row>
    <row r="5195" spans="1:6" x14ac:dyDescent="0.25">
      <c r="A5195" s="4" t="s">
        <v>1404</v>
      </c>
      <c r="B5195" s="1" t="s">
        <v>3147</v>
      </c>
      <c r="C5195" s="5" t="s">
        <v>5207</v>
      </c>
      <c r="D5195" s="1" t="s">
        <v>1404</v>
      </c>
      <c r="E5195" s="5" t="s">
        <v>14137</v>
      </c>
      <c r="F5195" s="6">
        <v>2794</v>
      </c>
    </row>
    <row r="5196" spans="1:6" x14ac:dyDescent="0.25">
      <c r="A5196" s="4" t="s">
        <v>393</v>
      </c>
      <c r="B5196" s="1" t="s">
        <v>3158</v>
      </c>
      <c r="C5196" s="5" t="s">
        <v>3910</v>
      </c>
      <c r="D5196" s="1" t="s">
        <v>8071</v>
      </c>
      <c r="E5196" s="5" t="s">
        <v>12429</v>
      </c>
      <c r="F5196" s="6">
        <v>945</v>
      </c>
    </row>
    <row r="5197" spans="1:6" x14ac:dyDescent="0.25">
      <c r="A5197" s="4" t="s">
        <v>393</v>
      </c>
      <c r="B5197" s="1" t="s">
        <v>3158</v>
      </c>
      <c r="C5197" s="5" t="s">
        <v>6282</v>
      </c>
      <c r="D5197" s="1" t="s">
        <v>9927</v>
      </c>
      <c r="E5197" s="5" t="s">
        <v>15872</v>
      </c>
      <c r="F5197" s="6">
        <v>4786</v>
      </c>
    </row>
    <row r="5198" spans="1:6" x14ac:dyDescent="0.25">
      <c r="A5198" s="4" t="s">
        <v>393</v>
      </c>
      <c r="B5198" s="1" t="s">
        <v>3158</v>
      </c>
      <c r="C5198" s="5" t="s">
        <v>3910</v>
      </c>
      <c r="D5198" s="1" t="s">
        <v>10641</v>
      </c>
      <c r="E5198" s="5" t="s">
        <v>16855</v>
      </c>
      <c r="F5198" s="6">
        <v>7099</v>
      </c>
    </row>
    <row r="5199" spans="1:6" x14ac:dyDescent="0.25">
      <c r="A5199" s="4" t="s">
        <v>2557</v>
      </c>
      <c r="B5199" s="1" t="s">
        <v>3153</v>
      </c>
      <c r="C5199" s="5" t="s">
        <v>6465</v>
      </c>
      <c r="D5199" s="1" t="s">
        <v>10234</v>
      </c>
      <c r="E5199" s="5" t="s">
        <v>16273</v>
      </c>
      <c r="F5199" s="6">
        <v>5535</v>
      </c>
    </row>
    <row r="5200" spans="1:6" x14ac:dyDescent="0.25">
      <c r="A5200" s="4" t="s">
        <v>2096</v>
      </c>
      <c r="B5200" s="1" t="s">
        <v>3144</v>
      </c>
      <c r="C5200" s="5" t="s">
        <v>5794</v>
      </c>
      <c r="D5200" s="1" t="s">
        <v>9318</v>
      </c>
      <c r="E5200" s="5" t="s">
        <v>15011</v>
      </c>
      <c r="F5200" s="6">
        <v>3738</v>
      </c>
    </row>
    <row r="5201" spans="1:6" x14ac:dyDescent="0.25">
      <c r="A5201" s="4" t="s">
        <v>2015</v>
      </c>
      <c r="B5201" s="1" t="s">
        <v>3147</v>
      </c>
      <c r="C5201" s="5" t="s">
        <v>3223</v>
      </c>
      <c r="D5201" s="1" t="s">
        <v>2015</v>
      </c>
      <c r="E5201" s="5" t="s">
        <v>14854</v>
      </c>
      <c r="F5201" s="6">
        <v>3568</v>
      </c>
    </row>
    <row r="5202" spans="1:6" x14ac:dyDescent="0.25">
      <c r="A5202" s="4" t="s">
        <v>993</v>
      </c>
      <c r="B5202" s="1" t="s">
        <v>3152</v>
      </c>
      <c r="C5202" s="5" t="s">
        <v>4739</v>
      </c>
      <c r="D5202" s="1" t="s">
        <v>993</v>
      </c>
      <c r="E5202" s="5" t="s">
        <v>13560</v>
      </c>
      <c r="F5202" s="6">
        <v>2200</v>
      </c>
    </row>
    <row r="5203" spans="1:6" x14ac:dyDescent="0.25">
      <c r="A5203" s="4" t="s">
        <v>873</v>
      </c>
      <c r="B5203" s="1" t="s">
        <v>3144</v>
      </c>
      <c r="C5203" s="5" t="s">
        <v>4616</v>
      </c>
      <c r="D5203" s="1" t="s">
        <v>8760</v>
      </c>
      <c r="E5203" s="5" t="s">
        <v>13422</v>
      </c>
      <c r="F5203" s="6">
        <v>2056</v>
      </c>
    </row>
    <row r="5204" spans="1:6" x14ac:dyDescent="0.25">
      <c r="A5204" s="4" t="s">
        <v>305</v>
      </c>
      <c r="B5204" s="1" t="s">
        <v>3149</v>
      </c>
      <c r="C5204" s="5" t="s">
        <v>3780</v>
      </c>
      <c r="D5204" s="1" t="s">
        <v>7959</v>
      </c>
      <c r="E5204" s="5" t="s">
        <v>12274</v>
      </c>
      <c r="F5204" s="6">
        <v>766</v>
      </c>
    </row>
    <row r="5205" spans="1:6" x14ac:dyDescent="0.25">
      <c r="A5205" s="4" t="s">
        <v>305</v>
      </c>
      <c r="B5205" s="1" t="s">
        <v>3149</v>
      </c>
      <c r="C5205" s="5" t="s">
        <v>6820</v>
      </c>
      <c r="D5205" s="1" t="s">
        <v>10718</v>
      </c>
      <c r="E5205" s="5" t="s">
        <v>16953</v>
      </c>
      <c r="F5205" s="6">
        <v>7393</v>
      </c>
    </row>
    <row r="5206" spans="1:6" x14ac:dyDescent="0.25">
      <c r="A5206" s="4" t="s">
        <v>305</v>
      </c>
      <c r="B5206" s="1" t="s">
        <v>3149</v>
      </c>
      <c r="C5206" s="5">
        <v>584103</v>
      </c>
      <c r="D5206" s="1" t="s">
        <v>10797</v>
      </c>
      <c r="E5206" s="5" t="s">
        <v>17060</v>
      </c>
      <c r="F5206" s="6">
        <v>7711</v>
      </c>
    </row>
    <row r="5207" spans="1:6" x14ac:dyDescent="0.25">
      <c r="A5207" s="4" t="s">
        <v>2470</v>
      </c>
      <c r="B5207" s="1" t="s">
        <v>3151</v>
      </c>
      <c r="C5207" s="5">
        <v>500032</v>
      </c>
      <c r="D5207" s="1" t="s">
        <v>10016</v>
      </c>
      <c r="E5207" s="5" t="s">
        <v>15992</v>
      </c>
      <c r="F5207" s="6">
        <v>4922</v>
      </c>
    </row>
    <row r="5208" spans="1:6" x14ac:dyDescent="0.25">
      <c r="A5208" s="4" t="s">
        <v>340</v>
      </c>
      <c r="B5208" s="1" t="s">
        <v>3144</v>
      </c>
      <c r="C5208" s="5" t="s">
        <v>3827</v>
      </c>
      <c r="D5208" s="1" t="s">
        <v>8001</v>
      </c>
      <c r="E5208" s="5" t="s">
        <v>12324</v>
      </c>
      <c r="F5208" s="6">
        <v>820</v>
      </c>
    </row>
    <row r="5209" spans="1:6" x14ac:dyDescent="0.25">
      <c r="A5209" s="4" t="s">
        <v>340</v>
      </c>
      <c r="B5209" s="1" t="s">
        <v>3144</v>
      </c>
      <c r="C5209" s="5" t="s">
        <v>4021</v>
      </c>
      <c r="D5209" s="1" t="s">
        <v>9255</v>
      </c>
      <c r="E5209" s="5" t="s">
        <v>14929</v>
      </c>
      <c r="F5209" s="6">
        <v>3650</v>
      </c>
    </row>
    <row r="5210" spans="1:6" x14ac:dyDescent="0.25">
      <c r="A5210" s="4" t="s">
        <v>340</v>
      </c>
      <c r="B5210" s="1" t="s">
        <v>3144</v>
      </c>
      <c r="C5210" s="5" t="s">
        <v>6155</v>
      </c>
      <c r="D5210" s="1" t="s">
        <v>10092</v>
      </c>
      <c r="E5210" s="5" t="s">
        <v>16090</v>
      </c>
      <c r="F5210" s="6">
        <v>5137</v>
      </c>
    </row>
    <row r="5211" spans="1:6" x14ac:dyDescent="0.25">
      <c r="A5211" s="4" t="s">
        <v>340</v>
      </c>
      <c r="B5211" s="1" t="s">
        <v>3144</v>
      </c>
      <c r="C5211" s="5" t="s">
        <v>3413</v>
      </c>
      <c r="D5211" s="1" t="s">
        <v>10506</v>
      </c>
      <c r="E5211" s="5" t="s">
        <v>16675</v>
      </c>
      <c r="F5211" s="6">
        <v>6543</v>
      </c>
    </row>
    <row r="5212" spans="1:6" x14ac:dyDescent="0.25">
      <c r="A5212" s="4" t="s">
        <v>1205</v>
      </c>
      <c r="B5212" s="1" t="s">
        <v>3148</v>
      </c>
      <c r="C5212" s="5" t="s">
        <v>4963</v>
      </c>
      <c r="D5212" s="1" t="s">
        <v>1205</v>
      </c>
      <c r="E5212" s="5" t="s">
        <v>13815</v>
      </c>
      <c r="F5212" s="6">
        <v>2465</v>
      </c>
    </row>
    <row r="5213" spans="1:6" x14ac:dyDescent="0.25">
      <c r="A5213" s="4" t="s">
        <v>533</v>
      </c>
      <c r="B5213" s="1" t="s">
        <v>3161</v>
      </c>
      <c r="C5213" s="5" t="s">
        <v>4173</v>
      </c>
      <c r="D5213" s="1" t="s">
        <v>8417</v>
      </c>
      <c r="E5213" s="5" t="s">
        <v>12853</v>
      </c>
      <c r="F5213" s="6">
        <v>1454</v>
      </c>
    </row>
    <row r="5214" spans="1:6" x14ac:dyDescent="0.25">
      <c r="A5214" s="4" t="s">
        <v>509</v>
      </c>
      <c r="B5214" s="1" t="s">
        <v>3152</v>
      </c>
      <c r="C5214" s="5" t="s">
        <v>4141</v>
      </c>
      <c r="D5214" s="1" t="s">
        <v>509</v>
      </c>
      <c r="E5214" s="5" t="s">
        <v>12787</v>
      </c>
      <c r="F5214" s="6">
        <v>1384</v>
      </c>
    </row>
    <row r="5215" spans="1:6" x14ac:dyDescent="0.25">
      <c r="A5215" s="4" t="s">
        <v>2862</v>
      </c>
      <c r="B5215" s="1" t="s">
        <v>3156</v>
      </c>
      <c r="C5215" s="5">
        <v>313329</v>
      </c>
      <c r="D5215" s="1" t="s">
        <v>10798</v>
      </c>
      <c r="E5215" s="5" t="s">
        <v>17061</v>
      </c>
      <c r="F5215" s="6">
        <v>7712</v>
      </c>
    </row>
    <row r="5216" spans="1:6" x14ac:dyDescent="0.25">
      <c r="A5216" s="4" t="s">
        <v>1775</v>
      </c>
      <c r="B5216" s="1" t="s">
        <v>3152</v>
      </c>
      <c r="C5216" s="5" t="s">
        <v>5556</v>
      </c>
      <c r="D5216" s="1" t="s">
        <v>1775</v>
      </c>
      <c r="E5216" s="5" t="s">
        <v>14593</v>
      </c>
      <c r="F5216" s="6">
        <v>3288</v>
      </c>
    </row>
    <row r="5217" spans="1:6" x14ac:dyDescent="0.25">
      <c r="A5217" s="4" t="s">
        <v>73</v>
      </c>
      <c r="B5217" s="1" t="s">
        <v>3161</v>
      </c>
      <c r="C5217" s="5" t="s">
        <v>3324</v>
      </c>
      <c r="D5217" s="1" t="s">
        <v>7452</v>
      </c>
      <c r="E5217" s="5" t="s">
        <v>11731</v>
      </c>
      <c r="F5217" s="6">
        <v>152</v>
      </c>
    </row>
    <row r="5218" spans="1:6" x14ac:dyDescent="0.25">
      <c r="A5218" s="4" t="s">
        <v>73</v>
      </c>
      <c r="B5218" s="1" t="s">
        <v>3161</v>
      </c>
      <c r="C5218" s="5" t="s">
        <v>3783</v>
      </c>
      <c r="D5218" s="1" t="s">
        <v>7961</v>
      </c>
      <c r="E5218" s="5" t="s">
        <v>12277</v>
      </c>
      <c r="F5218" s="6">
        <v>769</v>
      </c>
    </row>
    <row r="5219" spans="1:6" x14ac:dyDescent="0.25">
      <c r="A5219" s="4" t="s">
        <v>73</v>
      </c>
      <c r="B5219" s="1" t="s">
        <v>3161</v>
      </c>
      <c r="C5219" s="5" t="s">
        <v>3324</v>
      </c>
      <c r="D5219" s="1" t="s">
        <v>8276</v>
      </c>
      <c r="E5219" s="5" t="s">
        <v>12684</v>
      </c>
      <c r="F5219" s="6">
        <v>1280</v>
      </c>
    </row>
    <row r="5220" spans="1:6" x14ac:dyDescent="0.25">
      <c r="A5220" s="4" t="s">
        <v>73</v>
      </c>
      <c r="B5220" s="1" t="s">
        <v>3161</v>
      </c>
      <c r="C5220" s="5" t="s">
        <v>4990</v>
      </c>
      <c r="D5220" s="1" t="s">
        <v>8905</v>
      </c>
      <c r="E5220" s="5" t="s">
        <v>13846</v>
      </c>
      <c r="F5220" s="6">
        <v>2496</v>
      </c>
    </row>
    <row r="5221" spans="1:6" x14ac:dyDescent="0.25">
      <c r="A5221" s="4" t="s">
        <v>73</v>
      </c>
      <c r="B5221" s="1" t="s">
        <v>3161</v>
      </c>
      <c r="C5221" s="5" t="s">
        <v>3324</v>
      </c>
      <c r="D5221" s="1" t="s">
        <v>9005</v>
      </c>
      <c r="E5221" s="5" t="s">
        <v>14051</v>
      </c>
      <c r="F5221" s="6">
        <v>2706</v>
      </c>
    </row>
    <row r="5222" spans="1:6" x14ac:dyDescent="0.25">
      <c r="A5222" s="4" t="s">
        <v>73</v>
      </c>
      <c r="B5222" s="1" t="s">
        <v>3161</v>
      </c>
      <c r="C5222" s="5" t="s">
        <v>5750</v>
      </c>
      <c r="D5222" s="1" t="s">
        <v>9260</v>
      </c>
      <c r="E5222" s="5" t="s">
        <v>14934</v>
      </c>
      <c r="F5222" s="6">
        <v>3656</v>
      </c>
    </row>
    <row r="5223" spans="1:6" x14ac:dyDescent="0.25">
      <c r="A5223" s="4" t="s">
        <v>73</v>
      </c>
      <c r="B5223" s="1" t="s">
        <v>3161</v>
      </c>
      <c r="C5223" s="5" t="s">
        <v>5751</v>
      </c>
      <c r="D5223" s="1" t="s">
        <v>9261</v>
      </c>
      <c r="E5223" s="5" t="s">
        <v>14935</v>
      </c>
      <c r="F5223" s="6">
        <v>3657</v>
      </c>
    </row>
    <row r="5224" spans="1:6" x14ac:dyDescent="0.25">
      <c r="A5224" s="4" t="s">
        <v>73</v>
      </c>
      <c r="B5224" s="1" t="s">
        <v>3161</v>
      </c>
      <c r="C5224" s="5" t="s">
        <v>5770</v>
      </c>
      <c r="D5224" s="1" t="s">
        <v>9290</v>
      </c>
      <c r="E5224" s="5" t="s">
        <v>14969</v>
      </c>
      <c r="F5224" s="6">
        <v>3692</v>
      </c>
    </row>
    <row r="5225" spans="1:6" x14ac:dyDescent="0.25">
      <c r="A5225" s="4" t="s">
        <v>73</v>
      </c>
      <c r="B5225" s="1" t="s">
        <v>3161</v>
      </c>
      <c r="C5225" s="5" t="s">
        <v>5900</v>
      </c>
      <c r="D5225" s="1" t="s">
        <v>9452</v>
      </c>
      <c r="E5225" s="5" t="s">
        <v>15218</v>
      </c>
      <c r="F5225" s="6">
        <v>3952</v>
      </c>
    </row>
    <row r="5226" spans="1:6" x14ac:dyDescent="0.25">
      <c r="A5226" s="4" t="s">
        <v>73</v>
      </c>
      <c r="B5226" s="1" t="s">
        <v>3161</v>
      </c>
      <c r="C5226" s="5" t="s">
        <v>3324</v>
      </c>
      <c r="D5226" s="1" t="s">
        <v>10025</v>
      </c>
      <c r="E5226" s="5" t="s">
        <v>16005</v>
      </c>
      <c r="F5226" s="6">
        <v>4954</v>
      </c>
    </row>
    <row r="5227" spans="1:6" x14ac:dyDescent="0.25">
      <c r="A5227" s="4" t="s">
        <v>73</v>
      </c>
      <c r="B5227" s="1" t="s">
        <v>3161</v>
      </c>
      <c r="C5227" s="5" t="s">
        <v>6366</v>
      </c>
      <c r="D5227" s="1" t="s">
        <v>10067</v>
      </c>
      <c r="E5227" s="5" t="s">
        <v>16059</v>
      </c>
      <c r="F5227" s="6">
        <v>5083</v>
      </c>
    </row>
    <row r="5228" spans="1:6" x14ac:dyDescent="0.25">
      <c r="A5228" s="4" t="s">
        <v>73</v>
      </c>
      <c r="B5228" s="1" t="s">
        <v>3161</v>
      </c>
      <c r="C5228" s="5" t="s">
        <v>3324</v>
      </c>
      <c r="D5228" s="1" t="s">
        <v>10485</v>
      </c>
      <c r="E5228" s="5" t="s">
        <v>16648</v>
      </c>
      <c r="F5228" s="6">
        <v>6471</v>
      </c>
    </row>
    <row r="5229" spans="1:6" x14ac:dyDescent="0.25">
      <c r="A5229" s="4" t="s">
        <v>73</v>
      </c>
      <c r="B5229" s="1" t="s">
        <v>3161</v>
      </c>
      <c r="C5229" s="5" t="s">
        <v>3324</v>
      </c>
      <c r="D5229" s="1" t="s">
        <v>10624</v>
      </c>
      <c r="E5229" s="5" t="s">
        <v>16833</v>
      </c>
      <c r="F5229" s="6">
        <v>7058</v>
      </c>
    </row>
    <row r="5230" spans="1:6" x14ac:dyDescent="0.25">
      <c r="A5230" s="4" t="s">
        <v>73</v>
      </c>
      <c r="B5230" s="1" t="s">
        <v>3161</v>
      </c>
      <c r="C5230" s="5" t="s">
        <v>5750</v>
      </c>
      <c r="D5230" s="1" t="s">
        <v>10636</v>
      </c>
      <c r="E5230" s="5" t="s">
        <v>16847</v>
      </c>
      <c r="F5230" s="6">
        <v>7088</v>
      </c>
    </row>
    <row r="5231" spans="1:6" x14ac:dyDescent="0.25">
      <c r="A5231" s="4" t="s">
        <v>73</v>
      </c>
      <c r="B5231" s="1" t="s">
        <v>3161</v>
      </c>
      <c r="C5231" s="5">
        <v>492001</v>
      </c>
      <c r="D5231" s="1" t="s">
        <v>10756</v>
      </c>
      <c r="E5231" s="5" t="s">
        <v>17006</v>
      </c>
      <c r="F5231" s="6">
        <v>7566</v>
      </c>
    </row>
    <row r="5232" spans="1:6" x14ac:dyDescent="0.25">
      <c r="A5232" s="4" t="s">
        <v>73</v>
      </c>
      <c r="B5232" s="1" t="s">
        <v>3161</v>
      </c>
      <c r="C5232" s="5">
        <v>492001</v>
      </c>
      <c r="D5232" s="1" t="s">
        <v>10862</v>
      </c>
      <c r="E5232" s="5" t="s">
        <v>17143</v>
      </c>
      <c r="F5232" s="6">
        <v>8037</v>
      </c>
    </row>
    <row r="5233" spans="1:6" x14ac:dyDescent="0.25">
      <c r="A5233" s="4" t="s">
        <v>73</v>
      </c>
      <c r="B5233" s="1" t="s">
        <v>3161</v>
      </c>
      <c r="C5233" s="5" t="s">
        <v>3324</v>
      </c>
      <c r="D5233" s="1" t="s">
        <v>11402</v>
      </c>
      <c r="E5233" s="5" t="s">
        <v>17829</v>
      </c>
      <c r="F5233" s="6">
        <v>9455</v>
      </c>
    </row>
    <row r="5234" spans="1:6" x14ac:dyDescent="0.25">
      <c r="A5234" s="4" t="s">
        <v>1744</v>
      </c>
      <c r="B5234" s="1" t="s">
        <v>3154</v>
      </c>
      <c r="C5234" s="5" t="s">
        <v>5533</v>
      </c>
      <c r="D5234" s="1" t="s">
        <v>1744</v>
      </c>
      <c r="E5234" s="5" t="s">
        <v>14557</v>
      </c>
      <c r="F5234" s="6">
        <v>3248</v>
      </c>
    </row>
    <row r="5235" spans="1:6" x14ac:dyDescent="0.25">
      <c r="A5235" s="4" t="s">
        <v>2057</v>
      </c>
      <c r="B5235" s="1" t="s">
        <v>3154</v>
      </c>
      <c r="C5235" s="5" t="s">
        <v>5732</v>
      </c>
      <c r="D5235" s="1" t="s">
        <v>2057</v>
      </c>
      <c r="E5235" s="5" t="s">
        <v>14899</v>
      </c>
      <c r="F5235" s="6">
        <v>3617</v>
      </c>
    </row>
    <row r="5236" spans="1:6" x14ac:dyDescent="0.25">
      <c r="A5236" s="4" t="s">
        <v>2235</v>
      </c>
      <c r="B5236" s="1" t="s">
        <v>3160</v>
      </c>
      <c r="C5236" s="5" t="s">
        <v>5959</v>
      </c>
      <c r="D5236" s="1" t="s">
        <v>2235</v>
      </c>
      <c r="E5236" s="5" t="s">
        <v>15330</v>
      </c>
      <c r="F5236" s="6">
        <v>4067</v>
      </c>
    </row>
    <row r="5237" spans="1:6" x14ac:dyDescent="0.25">
      <c r="A5237" s="4" t="s">
        <v>1919</v>
      </c>
      <c r="B5237" s="1" t="s">
        <v>3152</v>
      </c>
      <c r="C5237" s="5" t="s">
        <v>3565</v>
      </c>
      <c r="D5237" s="1" t="s">
        <v>1919</v>
      </c>
      <c r="E5237" s="5" t="s">
        <v>14752</v>
      </c>
      <c r="F5237" s="6">
        <v>3463</v>
      </c>
    </row>
    <row r="5238" spans="1:6" x14ac:dyDescent="0.25">
      <c r="A5238" s="4" t="s">
        <v>687</v>
      </c>
      <c r="B5238" s="1" t="s">
        <v>3153</v>
      </c>
      <c r="C5238" s="5" t="s">
        <v>4390</v>
      </c>
      <c r="D5238" s="1" t="s">
        <v>687</v>
      </c>
      <c r="E5238" s="5" t="s">
        <v>13141</v>
      </c>
      <c r="F5238" s="6">
        <v>1774</v>
      </c>
    </row>
    <row r="5239" spans="1:6" x14ac:dyDescent="0.25">
      <c r="A5239" s="4" t="s">
        <v>1829</v>
      </c>
      <c r="B5239" s="1" t="s">
        <v>3156</v>
      </c>
      <c r="C5239" s="5" t="s">
        <v>5603</v>
      </c>
      <c r="D5239" s="1" t="s">
        <v>1829</v>
      </c>
      <c r="E5239" s="5" t="s">
        <v>14658</v>
      </c>
      <c r="F5239" s="6">
        <v>3356</v>
      </c>
    </row>
    <row r="5240" spans="1:6" x14ac:dyDescent="0.25">
      <c r="A5240" s="4" t="s">
        <v>1457</v>
      </c>
      <c r="B5240" s="1" t="s">
        <v>3152</v>
      </c>
      <c r="C5240" s="5" t="s">
        <v>5271</v>
      </c>
      <c r="D5240" s="1" t="s">
        <v>9101</v>
      </c>
      <c r="E5240" s="5" t="s">
        <v>14227</v>
      </c>
      <c r="F5240" s="6">
        <v>2887</v>
      </c>
    </row>
    <row r="5241" spans="1:6" x14ac:dyDescent="0.25">
      <c r="A5241" s="4" t="s">
        <v>118</v>
      </c>
      <c r="B5241" s="1" t="s">
        <v>3155</v>
      </c>
      <c r="C5241" s="5" t="s">
        <v>3380</v>
      </c>
      <c r="D5241" s="1" t="s">
        <v>7505</v>
      </c>
      <c r="E5241" s="5" t="s">
        <v>11789</v>
      </c>
      <c r="F5241" s="6">
        <v>215</v>
      </c>
    </row>
    <row r="5242" spans="1:6" x14ac:dyDescent="0.25">
      <c r="A5242" s="4" t="s">
        <v>118</v>
      </c>
      <c r="B5242" s="1" t="s">
        <v>3155</v>
      </c>
      <c r="C5242" s="5" t="s">
        <v>4974</v>
      </c>
      <c r="D5242" s="1" t="s">
        <v>8893</v>
      </c>
      <c r="E5242" s="5" t="s">
        <v>13826</v>
      </c>
      <c r="F5242" s="6">
        <v>2476</v>
      </c>
    </row>
    <row r="5243" spans="1:6" x14ac:dyDescent="0.25">
      <c r="A5243" s="4" t="s">
        <v>118</v>
      </c>
      <c r="B5243" s="1" t="s">
        <v>3155</v>
      </c>
      <c r="C5243" s="5" t="s">
        <v>4974</v>
      </c>
      <c r="D5243" s="1" t="s">
        <v>9561</v>
      </c>
      <c r="E5243" s="5" t="s">
        <v>15387</v>
      </c>
      <c r="F5243" s="6">
        <v>4124</v>
      </c>
    </row>
    <row r="5244" spans="1:6" x14ac:dyDescent="0.25">
      <c r="A5244" s="4" t="s">
        <v>118</v>
      </c>
      <c r="B5244" s="1" t="s">
        <v>3155</v>
      </c>
      <c r="C5244" s="5">
        <v>533105</v>
      </c>
      <c r="D5244" s="1" t="s">
        <v>9821</v>
      </c>
      <c r="E5244" s="5" t="s">
        <v>15739</v>
      </c>
      <c r="F5244" s="6">
        <v>4516</v>
      </c>
    </row>
    <row r="5245" spans="1:6" x14ac:dyDescent="0.25">
      <c r="A5245" s="4" t="s">
        <v>118</v>
      </c>
      <c r="B5245" s="1" t="s">
        <v>3155</v>
      </c>
      <c r="C5245" s="5" t="s">
        <v>4974</v>
      </c>
      <c r="D5245" s="1" t="s">
        <v>10522</v>
      </c>
      <c r="E5245" s="5" t="s">
        <v>16694</v>
      </c>
      <c r="F5245" s="6">
        <v>6606</v>
      </c>
    </row>
    <row r="5246" spans="1:6" x14ac:dyDescent="0.25">
      <c r="A5246" s="4" t="s">
        <v>118</v>
      </c>
      <c r="B5246" s="1" t="s">
        <v>3155</v>
      </c>
      <c r="C5246" s="5">
        <v>533125</v>
      </c>
      <c r="D5246" s="1" t="s">
        <v>10873</v>
      </c>
      <c r="E5246" s="5" t="s">
        <v>17157</v>
      </c>
      <c r="F5246" s="6">
        <v>8068</v>
      </c>
    </row>
    <row r="5247" spans="1:6" x14ac:dyDescent="0.25">
      <c r="A5247" s="4" t="s">
        <v>118</v>
      </c>
      <c r="B5247" s="1" t="s">
        <v>3155</v>
      </c>
      <c r="C5247" s="5" t="s">
        <v>4974</v>
      </c>
      <c r="D5247" s="1" t="s">
        <v>10927</v>
      </c>
      <c r="E5247" s="5" t="s">
        <v>17221</v>
      </c>
      <c r="F5247" s="6">
        <v>8219</v>
      </c>
    </row>
    <row r="5248" spans="1:6" x14ac:dyDescent="0.25">
      <c r="A5248" s="4" t="s">
        <v>1071</v>
      </c>
      <c r="B5248" s="1" t="s">
        <v>3155</v>
      </c>
      <c r="C5248" s="5" t="s">
        <v>4813</v>
      </c>
      <c r="D5248" s="1" t="s">
        <v>1071</v>
      </c>
      <c r="E5248" s="5" t="s">
        <v>13640</v>
      </c>
      <c r="F5248" s="6">
        <v>2284</v>
      </c>
    </row>
    <row r="5249" spans="1:6" x14ac:dyDescent="0.25">
      <c r="A5249" s="4" t="s">
        <v>874</v>
      </c>
      <c r="B5249" s="1" t="s">
        <v>3155</v>
      </c>
      <c r="C5249" s="5" t="s">
        <v>4617</v>
      </c>
      <c r="D5249" s="1" t="s">
        <v>874</v>
      </c>
      <c r="E5249" s="5" t="s">
        <v>13423</v>
      </c>
      <c r="F5249" s="6">
        <v>2057</v>
      </c>
    </row>
    <row r="5250" spans="1:6" x14ac:dyDescent="0.25">
      <c r="A5250" s="4" t="s">
        <v>1223</v>
      </c>
      <c r="B5250" s="1" t="s">
        <v>3148</v>
      </c>
      <c r="C5250" s="5" t="s">
        <v>4988</v>
      </c>
      <c r="D5250" s="1" t="s">
        <v>8904</v>
      </c>
      <c r="E5250" s="5" t="s">
        <v>13842</v>
      </c>
      <c r="F5250" s="6">
        <v>2492</v>
      </c>
    </row>
    <row r="5251" spans="1:6" x14ac:dyDescent="0.25">
      <c r="A5251" s="4" t="s">
        <v>419</v>
      </c>
      <c r="B5251" s="1" t="s">
        <v>3156</v>
      </c>
      <c r="C5251" s="5" t="s">
        <v>3942</v>
      </c>
      <c r="D5251" s="1" t="s">
        <v>419</v>
      </c>
      <c r="E5251" s="5" t="s">
        <v>12467</v>
      </c>
      <c r="F5251" s="6">
        <v>985</v>
      </c>
    </row>
    <row r="5252" spans="1:6" x14ac:dyDescent="0.25">
      <c r="A5252" s="4" t="s">
        <v>1964</v>
      </c>
      <c r="B5252" s="1" t="s">
        <v>3148</v>
      </c>
      <c r="C5252" s="5" t="s">
        <v>5692</v>
      </c>
      <c r="D5252" s="1" t="s">
        <v>1964</v>
      </c>
      <c r="E5252" s="5" t="s">
        <v>14800</v>
      </c>
      <c r="F5252" s="6">
        <v>3511</v>
      </c>
    </row>
    <row r="5253" spans="1:6" x14ac:dyDescent="0.25">
      <c r="A5253" s="4" t="s">
        <v>1073</v>
      </c>
      <c r="B5253" s="1" t="s">
        <v>3160</v>
      </c>
      <c r="C5253" s="5" t="s">
        <v>4816</v>
      </c>
      <c r="D5253" s="1" t="s">
        <v>1073</v>
      </c>
      <c r="E5253" s="5" t="s">
        <v>13643</v>
      </c>
      <c r="F5253" s="6">
        <v>2289</v>
      </c>
    </row>
    <row r="5254" spans="1:6" x14ac:dyDescent="0.25">
      <c r="A5254" s="4" t="s">
        <v>934</v>
      </c>
      <c r="B5254" s="1" t="s">
        <v>3153</v>
      </c>
      <c r="C5254" s="5" t="s">
        <v>4682</v>
      </c>
      <c r="D5254" s="1" t="s">
        <v>8786</v>
      </c>
      <c r="E5254" s="5" t="s">
        <v>13500</v>
      </c>
      <c r="F5254" s="6">
        <v>2138</v>
      </c>
    </row>
    <row r="5255" spans="1:6" x14ac:dyDescent="0.25">
      <c r="A5255" s="4" t="s">
        <v>2702</v>
      </c>
      <c r="B5255" s="1" t="s">
        <v>3153</v>
      </c>
      <c r="C5255" s="5" t="s">
        <v>6633</v>
      </c>
      <c r="D5255" s="1" t="s">
        <v>10437</v>
      </c>
      <c r="E5255" s="5" t="s">
        <v>16586</v>
      </c>
      <c r="F5255" s="6">
        <v>6299</v>
      </c>
    </row>
    <row r="5256" spans="1:6" x14ac:dyDescent="0.25">
      <c r="A5256" s="4" t="s">
        <v>1405</v>
      </c>
      <c r="B5256" s="1" t="s">
        <v>3156</v>
      </c>
      <c r="C5256" s="5" t="s">
        <v>5208</v>
      </c>
      <c r="D5256" s="1" t="s">
        <v>9053</v>
      </c>
      <c r="E5256" s="5" t="s">
        <v>14138</v>
      </c>
      <c r="F5256" s="6">
        <v>2795</v>
      </c>
    </row>
    <row r="5257" spans="1:6" x14ac:dyDescent="0.25">
      <c r="A5257" s="4" t="s">
        <v>875</v>
      </c>
      <c r="B5257" s="1" t="s">
        <v>812</v>
      </c>
      <c r="C5257" s="5" t="s">
        <v>4619</v>
      </c>
      <c r="D5257" s="1" t="s">
        <v>875</v>
      </c>
      <c r="E5257" s="5" t="s">
        <v>13425</v>
      </c>
      <c r="F5257" s="6">
        <v>2059</v>
      </c>
    </row>
    <row r="5258" spans="1:6" x14ac:dyDescent="0.25">
      <c r="A5258" s="4" t="s">
        <v>1968</v>
      </c>
      <c r="B5258" s="1" t="s">
        <v>3152</v>
      </c>
      <c r="C5258" s="5" t="s">
        <v>5274</v>
      </c>
      <c r="D5258" s="1" t="s">
        <v>1968</v>
      </c>
      <c r="E5258" s="5" t="s">
        <v>14805</v>
      </c>
      <c r="F5258" s="6">
        <v>3517</v>
      </c>
    </row>
    <row r="5259" spans="1:6" x14ac:dyDescent="0.25">
      <c r="A5259" s="4" t="s">
        <v>930</v>
      </c>
      <c r="B5259" s="1" t="s">
        <v>3161</v>
      </c>
      <c r="C5259" s="5" t="s">
        <v>4678</v>
      </c>
      <c r="D5259" s="1" t="s">
        <v>8785</v>
      </c>
      <c r="E5259" s="5" t="s">
        <v>13496</v>
      </c>
      <c r="F5259" s="6">
        <v>2134</v>
      </c>
    </row>
    <row r="5260" spans="1:6" x14ac:dyDescent="0.25">
      <c r="A5260" s="4" t="s">
        <v>48</v>
      </c>
      <c r="B5260" s="1" t="s">
        <v>3147</v>
      </c>
      <c r="C5260" s="5" t="s">
        <v>3279</v>
      </c>
      <c r="D5260" s="1" t="s">
        <v>7407</v>
      </c>
      <c r="E5260" s="5" t="s">
        <v>11682</v>
      </c>
      <c r="F5260" s="6">
        <v>101</v>
      </c>
    </row>
    <row r="5261" spans="1:6" x14ac:dyDescent="0.25">
      <c r="A5261" s="4" t="s">
        <v>48</v>
      </c>
      <c r="B5261" s="1" t="s">
        <v>3147</v>
      </c>
      <c r="C5261" s="5" t="s">
        <v>3279</v>
      </c>
      <c r="D5261" s="1" t="s">
        <v>7655</v>
      </c>
      <c r="E5261" s="5" t="s">
        <v>11945</v>
      </c>
      <c r="F5261" s="6">
        <v>378</v>
      </c>
    </row>
    <row r="5262" spans="1:6" x14ac:dyDescent="0.25">
      <c r="A5262" s="4" t="s">
        <v>48</v>
      </c>
      <c r="B5262" s="1" t="s">
        <v>3147</v>
      </c>
      <c r="C5262" s="5" t="s">
        <v>3520</v>
      </c>
      <c r="D5262" s="1" t="s">
        <v>7656</v>
      </c>
      <c r="E5262" s="5" t="s">
        <v>11946</v>
      </c>
      <c r="F5262" s="6">
        <v>379</v>
      </c>
    </row>
    <row r="5263" spans="1:6" x14ac:dyDescent="0.25">
      <c r="A5263" s="4" t="s">
        <v>48</v>
      </c>
      <c r="B5263" s="1" t="s">
        <v>3147</v>
      </c>
      <c r="C5263" s="5" t="s">
        <v>3707</v>
      </c>
      <c r="D5263" s="1" t="s">
        <v>7880</v>
      </c>
      <c r="E5263" s="5" t="s">
        <v>12186</v>
      </c>
      <c r="F5263" s="6">
        <v>661</v>
      </c>
    </row>
    <row r="5264" spans="1:6" x14ac:dyDescent="0.25">
      <c r="A5264" s="4" t="s">
        <v>48</v>
      </c>
      <c r="B5264" s="1" t="s">
        <v>3147</v>
      </c>
      <c r="C5264" s="5" t="s">
        <v>3279</v>
      </c>
      <c r="D5264" s="1" t="s">
        <v>8251</v>
      </c>
      <c r="E5264" s="5" t="s">
        <v>12658</v>
      </c>
      <c r="F5264" s="6">
        <v>1253</v>
      </c>
    </row>
    <row r="5265" spans="1:6" x14ac:dyDescent="0.25">
      <c r="A5265" s="4" t="s">
        <v>48</v>
      </c>
      <c r="B5265" s="1" t="s">
        <v>3147</v>
      </c>
      <c r="C5265" s="5" t="s">
        <v>4335</v>
      </c>
      <c r="D5265" s="1" t="s">
        <v>8566</v>
      </c>
      <c r="E5265" s="5" t="s">
        <v>13064</v>
      </c>
      <c r="F5265" s="6">
        <v>1696</v>
      </c>
    </row>
    <row r="5266" spans="1:6" x14ac:dyDescent="0.25">
      <c r="A5266" s="4" t="s">
        <v>48</v>
      </c>
      <c r="B5266" s="1" t="s">
        <v>3147</v>
      </c>
      <c r="C5266" s="5" t="s">
        <v>4336</v>
      </c>
      <c r="D5266" s="1" t="s">
        <v>8567</v>
      </c>
      <c r="E5266" s="5" t="s">
        <v>13065</v>
      </c>
      <c r="F5266" s="6">
        <v>1697</v>
      </c>
    </row>
    <row r="5267" spans="1:6" x14ac:dyDescent="0.25">
      <c r="A5267" s="4" t="s">
        <v>48</v>
      </c>
      <c r="B5267" s="1" t="s">
        <v>3147</v>
      </c>
      <c r="C5267" s="5" t="s">
        <v>4337</v>
      </c>
      <c r="D5267" s="1" t="s">
        <v>8568</v>
      </c>
      <c r="E5267" s="5" t="s">
        <v>13066</v>
      </c>
      <c r="F5267" s="6">
        <v>1698</v>
      </c>
    </row>
    <row r="5268" spans="1:6" x14ac:dyDescent="0.25">
      <c r="A5268" s="4" t="s">
        <v>48</v>
      </c>
      <c r="B5268" s="1" t="s">
        <v>3147</v>
      </c>
      <c r="C5268" s="5" t="s">
        <v>4335</v>
      </c>
      <c r="D5268" s="1" t="s">
        <v>9919</v>
      </c>
      <c r="E5268" s="5" t="s">
        <v>15862</v>
      </c>
      <c r="F5268" s="6">
        <v>4776</v>
      </c>
    </row>
    <row r="5269" spans="1:6" x14ac:dyDescent="0.25">
      <c r="A5269" s="4" t="s">
        <v>48</v>
      </c>
      <c r="B5269" s="1" t="s">
        <v>3147</v>
      </c>
      <c r="C5269" s="5" t="s">
        <v>4335</v>
      </c>
      <c r="D5269" s="1" t="s">
        <v>10324</v>
      </c>
      <c r="E5269" s="5" t="s">
        <v>16418</v>
      </c>
      <c r="F5269" s="6">
        <v>5875</v>
      </c>
    </row>
    <row r="5270" spans="1:6" x14ac:dyDescent="0.25">
      <c r="A5270" s="4" t="s">
        <v>48</v>
      </c>
      <c r="B5270" s="1" t="s">
        <v>3147</v>
      </c>
      <c r="C5270" s="5" t="s">
        <v>3520</v>
      </c>
      <c r="D5270" s="1" t="s">
        <v>10433</v>
      </c>
      <c r="E5270" s="5" t="s">
        <v>16580</v>
      </c>
      <c r="F5270" s="6">
        <v>6286</v>
      </c>
    </row>
    <row r="5271" spans="1:6" x14ac:dyDescent="0.25">
      <c r="A5271" s="4" t="s">
        <v>2735</v>
      </c>
      <c r="B5271" s="1" t="s">
        <v>3147</v>
      </c>
      <c r="C5271" s="5" t="s">
        <v>3520</v>
      </c>
      <c r="D5271" s="1" t="s">
        <v>10510</v>
      </c>
      <c r="E5271" s="5" t="s">
        <v>16679</v>
      </c>
      <c r="F5271" s="6">
        <v>6552</v>
      </c>
    </row>
    <row r="5272" spans="1:6" x14ac:dyDescent="0.25">
      <c r="A5272" s="4" t="s">
        <v>48</v>
      </c>
      <c r="B5272" s="1" t="s">
        <v>3147</v>
      </c>
      <c r="C5272" s="5">
        <v>360006</v>
      </c>
      <c r="D5272" s="1" t="s">
        <v>10935</v>
      </c>
      <c r="E5272" s="5" t="s">
        <v>17230</v>
      </c>
      <c r="F5272" s="6">
        <v>8258</v>
      </c>
    </row>
    <row r="5273" spans="1:6" x14ac:dyDescent="0.25">
      <c r="A5273" s="4" t="s">
        <v>48</v>
      </c>
      <c r="B5273" s="1" t="s">
        <v>3147</v>
      </c>
      <c r="C5273" s="5" t="s">
        <v>4335</v>
      </c>
      <c r="D5273" s="1" t="s">
        <v>11078</v>
      </c>
      <c r="E5273" s="5" t="s">
        <v>17420</v>
      </c>
      <c r="F5273" s="6">
        <v>9028</v>
      </c>
    </row>
    <row r="5274" spans="1:6" x14ac:dyDescent="0.25">
      <c r="A5274" s="4" t="s">
        <v>48</v>
      </c>
      <c r="B5274" s="1" t="s">
        <v>3147</v>
      </c>
      <c r="C5274" s="5" t="s">
        <v>3279</v>
      </c>
      <c r="D5274" s="1" t="s">
        <v>11277</v>
      </c>
      <c r="E5274" s="5" t="s">
        <v>17685</v>
      </c>
      <c r="F5274" s="6">
        <v>9303</v>
      </c>
    </row>
    <row r="5275" spans="1:6" x14ac:dyDescent="0.25">
      <c r="A5275" s="4" t="s">
        <v>48</v>
      </c>
      <c r="B5275" s="1" t="s">
        <v>3147</v>
      </c>
      <c r="C5275" s="5" t="s">
        <v>4335</v>
      </c>
      <c r="D5275" s="1" t="s">
        <v>11324</v>
      </c>
      <c r="E5275" s="5" t="s">
        <v>17746</v>
      </c>
      <c r="F5275" s="6">
        <v>9368</v>
      </c>
    </row>
    <row r="5276" spans="1:6" x14ac:dyDescent="0.25">
      <c r="A5276" s="4" t="s">
        <v>48</v>
      </c>
      <c r="B5276" s="1" t="s">
        <v>3147</v>
      </c>
      <c r="C5276" s="5" t="s">
        <v>3520</v>
      </c>
      <c r="D5276" s="1" t="s">
        <v>11341</v>
      </c>
      <c r="E5276" s="5" t="s">
        <v>17763</v>
      </c>
      <c r="F5276" s="6">
        <v>9385</v>
      </c>
    </row>
    <row r="5277" spans="1:6" x14ac:dyDescent="0.25">
      <c r="A5277" s="4" t="s">
        <v>48</v>
      </c>
      <c r="B5277" s="1" t="s">
        <v>3147</v>
      </c>
      <c r="C5277" s="5" t="s">
        <v>3520</v>
      </c>
      <c r="D5277" s="1" t="s">
        <v>11359</v>
      </c>
      <c r="E5277" s="5" t="s">
        <v>17783</v>
      </c>
      <c r="F5277" s="6">
        <v>9405</v>
      </c>
    </row>
    <row r="5278" spans="1:6" x14ac:dyDescent="0.25">
      <c r="A5278" s="4" t="s">
        <v>48</v>
      </c>
      <c r="B5278" s="1" t="s">
        <v>3147</v>
      </c>
      <c r="C5278" s="5" t="s">
        <v>3279</v>
      </c>
      <c r="D5278" s="1" t="s">
        <v>11391</v>
      </c>
      <c r="E5278" s="5" t="s">
        <v>17817</v>
      </c>
      <c r="F5278" s="6">
        <v>9443</v>
      </c>
    </row>
    <row r="5279" spans="1:6" x14ac:dyDescent="0.25">
      <c r="A5279" s="4" t="s">
        <v>384</v>
      </c>
      <c r="B5279" s="1" t="s">
        <v>3161</v>
      </c>
      <c r="C5279" s="5" t="s">
        <v>3898</v>
      </c>
      <c r="D5279" s="1" t="s">
        <v>384</v>
      </c>
      <c r="E5279" s="5" t="s">
        <v>12406</v>
      </c>
      <c r="F5279" s="6">
        <v>919</v>
      </c>
    </row>
    <row r="5280" spans="1:6" x14ac:dyDescent="0.25">
      <c r="A5280" s="4" t="s">
        <v>384</v>
      </c>
      <c r="B5280" s="1" t="s">
        <v>3161</v>
      </c>
      <c r="C5280" s="5" t="s">
        <v>3898</v>
      </c>
      <c r="D5280" s="1" t="s">
        <v>10841</v>
      </c>
      <c r="E5280" s="5" t="s">
        <v>17114</v>
      </c>
      <c r="F5280" s="6">
        <v>7950</v>
      </c>
    </row>
    <row r="5281" spans="1:6" x14ac:dyDescent="0.25">
      <c r="A5281" s="4" t="s">
        <v>1622</v>
      </c>
      <c r="B5281" s="1" t="s">
        <v>3147</v>
      </c>
      <c r="C5281" s="5" t="s">
        <v>5435</v>
      </c>
      <c r="D5281" s="1" t="s">
        <v>1622</v>
      </c>
      <c r="E5281" s="5" t="s">
        <v>14409</v>
      </c>
      <c r="F5281" s="6">
        <v>3086</v>
      </c>
    </row>
    <row r="5282" spans="1:6" x14ac:dyDescent="0.25">
      <c r="A5282" s="4" t="s">
        <v>1410</v>
      </c>
      <c r="B5282" s="1" t="s">
        <v>3163</v>
      </c>
      <c r="C5282" s="5" t="s">
        <v>5213</v>
      </c>
      <c r="D5282" s="1" t="s">
        <v>1410</v>
      </c>
      <c r="E5282" s="5" t="s">
        <v>14143</v>
      </c>
      <c r="F5282" s="6">
        <v>2800</v>
      </c>
    </row>
    <row r="5283" spans="1:6" x14ac:dyDescent="0.25">
      <c r="A5283" s="4" t="s">
        <v>647</v>
      </c>
      <c r="B5283" s="1" t="s">
        <v>3147</v>
      </c>
      <c r="C5283" s="5" t="s">
        <v>4333</v>
      </c>
      <c r="D5283" s="1" t="s">
        <v>647</v>
      </c>
      <c r="E5283" s="5" t="s">
        <v>13061</v>
      </c>
      <c r="F5283" s="6">
        <v>1693</v>
      </c>
    </row>
    <row r="5284" spans="1:6" x14ac:dyDescent="0.25">
      <c r="A5284" s="4" t="s">
        <v>1843</v>
      </c>
      <c r="B5284" s="1" t="s">
        <v>3152</v>
      </c>
      <c r="C5284" s="5" t="s">
        <v>5614</v>
      </c>
      <c r="D5284" s="1" t="s">
        <v>1843</v>
      </c>
      <c r="E5284" s="5" t="s">
        <v>14672</v>
      </c>
      <c r="F5284" s="6">
        <v>3372</v>
      </c>
    </row>
    <row r="5285" spans="1:6" x14ac:dyDescent="0.25">
      <c r="A5285" s="4" t="s">
        <v>80</v>
      </c>
      <c r="B5285" s="1" t="s">
        <v>3152</v>
      </c>
      <c r="C5285" s="5" t="s">
        <v>3333</v>
      </c>
      <c r="D5285" s="1" t="s">
        <v>7461</v>
      </c>
      <c r="E5285" s="5" t="s">
        <v>11741</v>
      </c>
      <c r="F5285" s="6">
        <v>162</v>
      </c>
    </row>
    <row r="5286" spans="1:6" x14ac:dyDescent="0.25">
      <c r="A5286" s="4" t="s">
        <v>80</v>
      </c>
      <c r="B5286" s="1" t="s">
        <v>3152</v>
      </c>
      <c r="C5286" s="5" t="s">
        <v>3333</v>
      </c>
      <c r="D5286" s="1" t="s">
        <v>9803</v>
      </c>
      <c r="E5286" s="5" t="s">
        <v>15720</v>
      </c>
      <c r="F5286" s="6">
        <v>4489</v>
      </c>
    </row>
    <row r="5287" spans="1:6" x14ac:dyDescent="0.25">
      <c r="A5287" s="4" t="s">
        <v>2690</v>
      </c>
      <c r="B5287" s="1" t="s">
        <v>3156</v>
      </c>
      <c r="C5287" s="5" t="s">
        <v>6614</v>
      </c>
      <c r="D5287" s="1" t="s">
        <v>10393</v>
      </c>
      <c r="E5287" s="5" t="s">
        <v>16532</v>
      </c>
      <c r="F5287" s="6">
        <v>6179</v>
      </c>
    </row>
    <row r="5288" spans="1:6" x14ac:dyDescent="0.25">
      <c r="A5288" s="4" t="s">
        <v>935</v>
      </c>
      <c r="B5288" s="1" t="s">
        <v>3147</v>
      </c>
      <c r="C5288" s="5" t="s">
        <v>4683</v>
      </c>
      <c r="D5288" s="1" t="s">
        <v>935</v>
      </c>
      <c r="E5288" s="5" t="s">
        <v>13501</v>
      </c>
      <c r="F5288" s="6">
        <v>2139</v>
      </c>
    </row>
    <row r="5289" spans="1:6" x14ac:dyDescent="0.25">
      <c r="A5289" s="4" t="s">
        <v>2415</v>
      </c>
      <c r="B5289" s="1" t="s">
        <v>3144</v>
      </c>
      <c r="C5289" s="5" t="s">
        <v>6258</v>
      </c>
      <c r="D5289" s="1" t="s">
        <v>2415</v>
      </c>
      <c r="E5289" s="5" t="s">
        <v>15831</v>
      </c>
      <c r="F5289" s="6">
        <v>4742</v>
      </c>
    </row>
    <row r="5290" spans="1:6" x14ac:dyDescent="0.25">
      <c r="A5290" s="4" t="s">
        <v>1597</v>
      </c>
      <c r="B5290" s="1" t="s">
        <v>3147</v>
      </c>
      <c r="C5290" s="5" t="s">
        <v>3879</v>
      </c>
      <c r="D5290" s="1" t="s">
        <v>1597</v>
      </c>
      <c r="E5290" s="5" t="s">
        <v>14383</v>
      </c>
      <c r="F5290" s="6">
        <v>3049</v>
      </c>
    </row>
    <row r="5291" spans="1:6" x14ac:dyDescent="0.25">
      <c r="A5291" s="4" t="s">
        <v>1533</v>
      </c>
      <c r="B5291" s="1" t="s">
        <v>3155</v>
      </c>
      <c r="C5291" s="5" t="s">
        <v>5353</v>
      </c>
      <c r="D5291" s="1" t="s">
        <v>9126</v>
      </c>
      <c r="E5291" s="5" t="s">
        <v>14313</v>
      </c>
      <c r="F5291" s="6">
        <v>2975</v>
      </c>
    </row>
    <row r="5292" spans="1:6" x14ac:dyDescent="0.25">
      <c r="A5292" s="4" t="s">
        <v>887</v>
      </c>
      <c r="B5292" s="1" t="s">
        <v>3151</v>
      </c>
      <c r="C5292" s="5" t="s">
        <v>4634</v>
      </c>
      <c r="D5292" s="1" t="s">
        <v>887</v>
      </c>
      <c r="E5292" s="5" t="s">
        <v>13448</v>
      </c>
      <c r="F5292" s="6">
        <v>2084</v>
      </c>
    </row>
    <row r="5293" spans="1:6" x14ac:dyDescent="0.25">
      <c r="A5293" s="4" t="s">
        <v>676</v>
      </c>
      <c r="B5293" s="1" t="s">
        <v>3149</v>
      </c>
      <c r="C5293" s="5" t="s">
        <v>4373</v>
      </c>
      <c r="D5293" s="1" t="s">
        <v>676</v>
      </c>
      <c r="E5293" s="5" t="s">
        <v>13114</v>
      </c>
      <c r="F5293" s="6">
        <v>1747</v>
      </c>
    </row>
    <row r="5294" spans="1:6" x14ac:dyDescent="0.25">
      <c r="A5294" s="4" t="s">
        <v>753</v>
      </c>
      <c r="B5294" s="1" t="s">
        <v>3146</v>
      </c>
      <c r="C5294" s="5" t="s">
        <v>4472</v>
      </c>
      <c r="D5294" s="1" t="s">
        <v>753</v>
      </c>
      <c r="E5294" s="5" t="s">
        <v>13240</v>
      </c>
      <c r="F5294" s="6">
        <v>1873</v>
      </c>
    </row>
    <row r="5295" spans="1:6" x14ac:dyDescent="0.25">
      <c r="A5295" s="4" t="s">
        <v>1809</v>
      </c>
      <c r="B5295" s="1" t="s">
        <v>3161</v>
      </c>
      <c r="C5295" s="5" t="s">
        <v>5581</v>
      </c>
      <c r="D5295" s="1" t="s">
        <v>1809</v>
      </c>
      <c r="E5295" s="5" t="s">
        <v>14631</v>
      </c>
      <c r="F5295" s="6">
        <v>3327</v>
      </c>
    </row>
    <row r="5296" spans="1:6" x14ac:dyDescent="0.25">
      <c r="A5296" s="4" t="s">
        <v>750</v>
      </c>
      <c r="B5296" s="1" t="s">
        <v>3146</v>
      </c>
      <c r="C5296" s="5" t="s">
        <v>4468</v>
      </c>
      <c r="D5296" s="1" t="s">
        <v>8662</v>
      </c>
      <c r="E5296" s="5" t="s">
        <v>13236</v>
      </c>
      <c r="F5296" s="6">
        <v>1869</v>
      </c>
    </row>
    <row r="5297" spans="1:6" x14ac:dyDescent="0.25">
      <c r="A5297" s="4" t="s">
        <v>1780</v>
      </c>
      <c r="B5297" s="1" t="s">
        <v>3152</v>
      </c>
      <c r="C5297" s="5" t="s">
        <v>5560</v>
      </c>
      <c r="D5297" s="1" t="s">
        <v>1780</v>
      </c>
      <c r="E5297" s="5" t="s">
        <v>14599</v>
      </c>
      <c r="F5297" s="6">
        <v>3294</v>
      </c>
    </row>
    <row r="5298" spans="1:6" x14ac:dyDescent="0.25">
      <c r="A5298" s="4" t="s">
        <v>2933</v>
      </c>
      <c r="B5298" s="1" t="s">
        <v>3146</v>
      </c>
      <c r="C5298" s="5" t="s">
        <v>6952</v>
      </c>
      <c r="D5298" s="1" t="s">
        <v>2933</v>
      </c>
      <c r="E5298" s="5" t="s">
        <v>17303</v>
      </c>
      <c r="F5298" s="6">
        <v>8627</v>
      </c>
    </row>
    <row r="5299" spans="1:6" x14ac:dyDescent="0.25">
      <c r="A5299" s="4" t="s">
        <v>1952</v>
      </c>
      <c r="B5299" s="1" t="s">
        <v>3162</v>
      </c>
      <c r="C5299" s="5" t="s">
        <v>5683</v>
      </c>
      <c r="D5299" s="1" t="s">
        <v>1952</v>
      </c>
      <c r="E5299" s="5" t="s">
        <v>14786</v>
      </c>
      <c r="F5299" s="6">
        <v>3497</v>
      </c>
    </row>
    <row r="5300" spans="1:6" x14ac:dyDescent="0.25">
      <c r="A5300" s="4" t="s">
        <v>316</v>
      </c>
      <c r="B5300" s="1" t="s">
        <v>3156</v>
      </c>
      <c r="C5300" s="5" t="s">
        <v>3792</v>
      </c>
      <c r="D5300" s="1" t="s">
        <v>7969</v>
      </c>
      <c r="E5300" s="5" t="s">
        <v>12286</v>
      </c>
      <c r="F5300" s="6">
        <v>780</v>
      </c>
    </row>
    <row r="5301" spans="1:6" x14ac:dyDescent="0.25">
      <c r="A5301" s="4" t="s">
        <v>300</v>
      </c>
      <c r="B5301" s="1" t="s">
        <v>3159</v>
      </c>
      <c r="C5301" s="5" t="s">
        <v>3775</v>
      </c>
      <c r="D5301" s="1" t="s">
        <v>7954</v>
      </c>
      <c r="E5301" s="5" t="s">
        <v>12269</v>
      </c>
      <c r="F5301" s="6">
        <v>761</v>
      </c>
    </row>
    <row r="5302" spans="1:6" x14ac:dyDescent="0.25">
      <c r="A5302" s="4" t="s">
        <v>877</v>
      </c>
      <c r="B5302" s="1" t="s">
        <v>3162</v>
      </c>
      <c r="C5302" s="5" t="s">
        <v>4621</v>
      </c>
      <c r="D5302" s="1" t="s">
        <v>877</v>
      </c>
      <c r="E5302" s="5" t="s">
        <v>13427</v>
      </c>
      <c r="F5302" s="6">
        <v>2061</v>
      </c>
    </row>
    <row r="5303" spans="1:6" x14ac:dyDescent="0.25">
      <c r="A5303" s="4" t="s">
        <v>2432</v>
      </c>
      <c r="B5303" s="1" t="s">
        <v>3158</v>
      </c>
      <c r="C5303" s="5" t="s">
        <v>6289</v>
      </c>
      <c r="D5303" s="1" t="s">
        <v>2432</v>
      </c>
      <c r="E5303" s="5" t="s">
        <v>15883</v>
      </c>
      <c r="F5303" s="6">
        <v>4797</v>
      </c>
    </row>
    <row r="5304" spans="1:6" x14ac:dyDescent="0.25">
      <c r="A5304" s="4" t="s">
        <v>1760</v>
      </c>
      <c r="B5304" s="1" t="s">
        <v>3152</v>
      </c>
      <c r="C5304" s="5" t="s">
        <v>5546</v>
      </c>
      <c r="D5304" s="1" t="s">
        <v>1760</v>
      </c>
      <c r="E5304" s="5" t="s">
        <v>14577</v>
      </c>
      <c r="F5304" s="6">
        <v>3269</v>
      </c>
    </row>
    <row r="5305" spans="1:6" x14ac:dyDescent="0.25">
      <c r="A5305" s="4" t="s">
        <v>1760</v>
      </c>
      <c r="B5305" s="1" t="s">
        <v>3158</v>
      </c>
      <c r="C5305" s="5" t="s">
        <v>6646</v>
      </c>
      <c r="D5305" s="1" t="s">
        <v>10453</v>
      </c>
      <c r="E5305" s="5" t="s">
        <v>16608</v>
      </c>
      <c r="F5305" s="6">
        <v>6355</v>
      </c>
    </row>
    <row r="5306" spans="1:6" x14ac:dyDescent="0.25">
      <c r="A5306" s="4" t="s">
        <v>330</v>
      </c>
      <c r="B5306" s="1" t="s">
        <v>3165</v>
      </c>
      <c r="C5306" s="5" t="s">
        <v>3814</v>
      </c>
      <c r="D5306" s="1" t="s">
        <v>7991</v>
      </c>
      <c r="E5306" s="5" t="s">
        <v>12310</v>
      </c>
      <c r="F5306" s="6">
        <v>805</v>
      </c>
    </row>
    <row r="5307" spans="1:6" x14ac:dyDescent="0.25">
      <c r="A5307" s="4" t="s">
        <v>782</v>
      </c>
      <c r="B5307" s="1" t="s">
        <v>3158</v>
      </c>
      <c r="C5307" s="5" t="s">
        <v>4507</v>
      </c>
      <c r="D5307" s="1" t="s">
        <v>8684</v>
      </c>
      <c r="E5307" s="5" t="s">
        <v>13283</v>
      </c>
      <c r="F5307" s="6">
        <v>1916</v>
      </c>
    </row>
    <row r="5308" spans="1:6" x14ac:dyDescent="0.25">
      <c r="A5308" s="4" t="s">
        <v>1991</v>
      </c>
      <c r="B5308" s="1" t="s">
        <v>3152</v>
      </c>
      <c r="C5308" s="5" t="s">
        <v>4131</v>
      </c>
      <c r="D5308" s="1" t="s">
        <v>1991</v>
      </c>
      <c r="E5308" s="5" t="s">
        <v>14828</v>
      </c>
      <c r="F5308" s="6">
        <v>3540</v>
      </c>
    </row>
    <row r="5309" spans="1:6" x14ac:dyDescent="0.25">
      <c r="A5309" s="4" t="s">
        <v>2584</v>
      </c>
      <c r="B5309" s="1" t="s">
        <v>3158</v>
      </c>
      <c r="C5309" s="5" t="s">
        <v>6495</v>
      </c>
      <c r="D5309" s="1" t="s">
        <v>10252</v>
      </c>
      <c r="E5309" s="5" t="s">
        <v>16309</v>
      </c>
      <c r="F5309" s="6">
        <v>5619</v>
      </c>
    </row>
    <row r="5310" spans="1:6" x14ac:dyDescent="0.25">
      <c r="A5310" s="4" t="s">
        <v>511</v>
      </c>
      <c r="B5310" s="1" t="s">
        <v>3152</v>
      </c>
      <c r="C5310" s="5" t="s">
        <v>4143</v>
      </c>
      <c r="D5310" s="1" t="s">
        <v>511</v>
      </c>
      <c r="E5310" s="5" t="s">
        <v>12791</v>
      </c>
      <c r="F5310" s="6">
        <v>1389</v>
      </c>
    </row>
    <row r="5311" spans="1:6" x14ac:dyDescent="0.25">
      <c r="A5311" s="4" t="s">
        <v>1230</v>
      </c>
      <c r="B5311" s="1" t="s">
        <v>3148</v>
      </c>
      <c r="C5311" s="5" t="s">
        <v>4997</v>
      </c>
      <c r="D5311" s="1" t="s">
        <v>1230</v>
      </c>
      <c r="E5311" s="5" t="s">
        <v>13856</v>
      </c>
      <c r="F5311" s="6">
        <v>2506</v>
      </c>
    </row>
    <row r="5312" spans="1:6" x14ac:dyDescent="0.25">
      <c r="A5312" s="4" t="s">
        <v>3007</v>
      </c>
      <c r="B5312" s="1" t="s">
        <v>3144</v>
      </c>
      <c r="C5312" s="5" t="s">
        <v>7071</v>
      </c>
      <c r="D5312" s="1" t="s">
        <v>3007</v>
      </c>
      <c r="E5312" s="5" t="s">
        <v>17541</v>
      </c>
      <c r="F5312" s="6">
        <v>9155</v>
      </c>
    </row>
    <row r="5313" spans="1:6" x14ac:dyDescent="0.25">
      <c r="A5313" s="4" t="s">
        <v>1204</v>
      </c>
      <c r="B5313" s="1" t="s">
        <v>3148</v>
      </c>
      <c r="C5313" s="5" t="s">
        <v>4962</v>
      </c>
      <c r="D5313" s="1" t="s">
        <v>1204</v>
      </c>
      <c r="E5313" s="5" t="s">
        <v>13814</v>
      </c>
      <c r="F5313" s="6">
        <v>2464</v>
      </c>
    </row>
    <row r="5314" spans="1:6" x14ac:dyDescent="0.25">
      <c r="A5314" s="4" t="s">
        <v>2202</v>
      </c>
      <c r="B5314" s="1" t="s">
        <v>3155</v>
      </c>
      <c r="C5314" s="5" t="s">
        <v>5918</v>
      </c>
      <c r="D5314" s="1" t="s">
        <v>2202</v>
      </c>
      <c r="E5314" s="5" t="s">
        <v>15267</v>
      </c>
      <c r="F5314" s="6">
        <v>4002</v>
      </c>
    </row>
    <row r="5315" spans="1:6" x14ac:dyDescent="0.25">
      <c r="A5315" s="4" t="s">
        <v>1021</v>
      </c>
      <c r="B5315" s="1" t="s">
        <v>3163</v>
      </c>
      <c r="C5315" s="5" t="s">
        <v>4764</v>
      </c>
      <c r="D5315" s="1" t="s">
        <v>1021</v>
      </c>
      <c r="E5315" s="5" t="s">
        <v>13588</v>
      </c>
      <c r="F5315" s="6">
        <v>2229</v>
      </c>
    </row>
    <row r="5316" spans="1:6" x14ac:dyDescent="0.25">
      <c r="A5316" s="4" t="s">
        <v>71</v>
      </c>
      <c r="B5316" s="1" t="s">
        <v>3159</v>
      </c>
      <c r="C5316" s="5" t="s">
        <v>3322</v>
      </c>
      <c r="D5316" s="1" t="s">
        <v>7450</v>
      </c>
      <c r="E5316" s="5" t="s">
        <v>11729</v>
      </c>
      <c r="F5316" s="6">
        <v>150</v>
      </c>
    </row>
    <row r="5317" spans="1:6" x14ac:dyDescent="0.25">
      <c r="A5317" s="4" t="s">
        <v>71</v>
      </c>
      <c r="B5317" s="1" t="s">
        <v>3159</v>
      </c>
      <c r="C5317" s="5" t="s">
        <v>3322</v>
      </c>
      <c r="D5317" s="1" t="s">
        <v>7923</v>
      </c>
      <c r="E5317" s="5" t="s">
        <v>12233</v>
      </c>
      <c r="F5317" s="6">
        <v>719</v>
      </c>
    </row>
    <row r="5318" spans="1:6" x14ac:dyDescent="0.25">
      <c r="A5318" s="4" t="s">
        <v>71</v>
      </c>
      <c r="B5318" s="1" t="s">
        <v>3159</v>
      </c>
      <c r="C5318" s="5" t="s">
        <v>3322</v>
      </c>
      <c r="D5318" s="1" t="s">
        <v>8429</v>
      </c>
      <c r="E5318" s="5" t="s">
        <v>12869</v>
      </c>
      <c r="F5318" s="6">
        <v>1470</v>
      </c>
    </row>
    <row r="5319" spans="1:6" x14ac:dyDescent="0.25">
      <c r="A5319" s="4" t="s">
        <v>71</v>
      </c>
      <c r="B5319" s="1" t="s">
        <v>3159</v>
      </c>
      <c r="C5319" s="5" t="s">
        <v>4623</v>
      </c>
      <c r="D5319" s="1" t="s">
        <v>8761</v>
      </c>
      <c r="E5319" s="5" t="s">
        <v>13429</v>
      </c>
      <c r="F5319" s="6">
        <v>2063</v>
      </c>
    </row>
    <row r="5320" spans="1:6" x14ac:dyDescent="0.25">
      <c r="A5320" s="4" t="s">
        <v>71</v>
      </c>
      <c r="B5320" s="1" t="s">
        <v>3159</v>
      </c>
      <c r="C5320" s="5" t="s">
        <v>4623</v>
      </c>
      <c r="D5320" s="1" t="s">
        <v>8917</v>
      </c>
      <c r="E5320" s="5" t="s">
        <v>13869</v>
      </c>
      <c r="F5320" s="6">
        <v>2519</v>
      </c>
    </row>
    <row r="5321" spans="1:6" x14ac:dyDescent="0.25">
      <c r="A5321" s="4" t="s">
        <v>71</v>
      </c>
      <c r="B5321" s="1" t="s">
        <v>3159</v>
      </c>
      <c r="C5321" s="5" t="s">
        <v>5139</v>
      </c>
      <c r="D5321" s="1" t="s">
        <v>8997</v>
      </c>
      <c r="E5321" s="5" t="s">
        <v>14033</v>
      </c>
      <c r="F5321" s="6">
        <v>2687</v>
      </c>
    </row>
    <row r="5322" spans="1:6" x14ac:dyDescent="0.25">
      <c r="A5322" s="4" t="s">
        <v>71</v>
      </c>
      <c r="B5322" s="1" t="s">
        <v>3159</v>
      </c>
      <c r="C5322" s="5" t="s">
        <v>5165</v>
      </c>
      <c r="D5322" s="1" t="s">
        <v>9018</v>
      </c>
      <c r="E5322" s="5" t="s">
        <v>14073</v>
      </c>
      <c r="F5322" s="6">
        <v>2728</v>
      </c>
    </row>
    <row r="5323" spans="1:6" x14ac:dyDescent="0.25">
      <c r="A5323" s="4" t="s">
        <v>71</v>
      </c>
      <c r="B5323" s="1" t="s">
        <v>3159</v>
      </c>
      <c r="C5323" s="5" t="s">
        <v>3322</v>
      </c>
      <c r="D5323" s="1" t="s">
        <v>9073</v>
      </c>
      <c r="E5323" s="5" t="s">
        <v>14177</v>
      </c>
      <c r="F5323" s="6">
        <v>2834</v>
      </c>
    </row>
    <row r="5324" spans="1:6" x14ac:dyDescent="0.25">
      <c r="A5324" s="4" t="s">
        <v>71</v>
      </c>
      <c r="B5324" s="1" t="s">
        <v>3159</v>
      </c>
      <c r="C5324" s="5" t="s">
        <v>5165</v>
      </c>
      <c r="D5324" s="1" t="s">
        <v>9356</v>
      </c>
      <c r="E5324" s="5" t="s">
        <v>15071</v>
      </c>
      <c r="F5324" s="6">
        <v>3799</v>
      </c>
    </row>
    <row r="5325" spans="1:6" x14ac:dyDescent="0.25">
      <c r="A5325" s="4" t="s">
        <v>71</v>
      </c>
      <c r="B5325" s="1" t="s">
        <v>3159</v>
      </c>
      <c r="C5325" s="5" t="s">
        <v>3322</v>
      </c>
      <c r="D5325" s="1" t="s">
        <v>9622</v>
      </c>
      <c r="E5325" s="5" t="s">
        <v>15475</v>
      </c>
      <c r="F5325" s="6">
        <v>4213</v>
      </c>
    </row>
    <row r="5326" spans="1:6" x14ac:dyDescent="0.25">
      <c r="A5326" s="4" t="s">
        <v>71</v>
      </c>
      <c r="B5326" s="1" t="s">
        <v>3159</v>
      </c>
      <c r="C5326" s="5" t="s">
        <v>3322</v>
      </c>
      <c r="D5326" s="1" t="s">
        <v>10066</v>
      </c>
      <c r="E5326" s="5" t="s">
        <v>16058</v>
      </c>
      <c r="F5326" s="6">
        <v>5082</v>
      </c>
    </row>
    <row r="5327" spans="1:6" x14ac:dyDescent="0.25">
      <c r="A5327" s="4" t="s">
        <v>71</v>
      </c>
      <c r="B5327" s="1" t="s">
        <v>3159</v>
      </c>
      <c r="C5327" s="5" t="s">
        <v>3322</v>
      </c>
      <c r="D5327" s="1" t="s">
        <v>10117</v>
      </c>
      <c r="E5327" s="5" t="s">
        <v>16119</v>
      </c>
      <c r="F5327" s="6">
        <v>5189</v>
      </c>
    </row>
    <row r="5328" spans="1:6" x14ac:dyDescent="0.25">
      <c r="A5328" s="4" t="s">
        <v>71</v>
      </c>
      <c r="B5328" s="1" t="s">
        <v>3159</v>
      </c>
      <c r="C5328" s="5" t="s">
        <v>6530</v>
      </c>
      <c r="D5328" s="1" t="s">
        <v>10291</v>
      </c>
      <c r="E5328" s="5" t="s">
        <v>16371</v>
      </c>
      <c r="F5328" s="6">
        <v>5770</v>
      </c>
    </row>
    <row r="5329" spans="1:6" x14ac:dyDescent="0.25">
      <c r="A5329" s="4" t="s">
        <v>71</v>
      </c>
      <c r="B5329" s="1" t="s">
        <v>3159</v>
      </c>
      <c r="C5329" s="5" t="s">
        <v>6830</v>
      </c>
      <c r="D5329" s="1" t="s">
        <v>10735</v>
      </c>
      <c r="E5329" s="5" t="s">
        <v>16972</v>
      </c>
      <c r="F5329" s="6">
        <v>7443</v>
      </c>
    </row>
    <row r="5330" spans="1:6" x14ac:dyDescent="0.25">
      <c r="A5330" s="4" t="s">
        <v>71</v>
      </c>
      <c r="B5330" s="1" t="s">
        <v>3159</v>
      </c>
      <c r="C5330" s="5" t="s">
        <v>3322</v>
      </c>
      <c r="D5330" s="1" t="s">
        <v>10837</v>
      </c>
      <c r="E5330" s="5" t="s">
        <v>17110</v>
      </c>
      <c r="F5330" s="6">
        <v>7944</v>
      </c>
    </row>
    <row r="5331" spans="1:6" x14ac:dyDescent="0.25">
      <c r="A5331" s="4" t="s">
        <v>2252</v>
      </c>
      <c r="B5331" s="1" t="s">
        <v>3151</v>
      </c>
      <c r="C5331" s="5" t="s">
        <v>4138</v>
      </c>
      <c r="D5331" s="1" t="s">
        <v>9544</v>
      </c>
      <c r="E5331" s="5" t="s">
        <v>15359</v>
      </c>
      <c r="F5331" s="6">
        <v>4096</v>
      </c>
    </row>
    <row r="5332" spans="1:6" x14ac:dyDescent="0.25">
      <c r="A5332" s="4" t="s">
        <v>2252</v>
      </c>
      <c r="B5332" s="1" t="s">
        <v>3151</v>
      </c>
      <c r="C5332" s="5" t="s">
        <v>6016</v>
      </c>
      <c r="D5332" s="1" t="s">
        <v>9579</v>
      </c>
      <c r="E5332" s="5" t="s">
        <v>15416</v>
      </c>
      <c r="F5332" s="6">
        <v>4154</v>
      </c>
    </row>
    <row r="5333" spans="1:6" x14ac:dyDescent="0.25">
      <c r="A5333" s="4" t="s">
        <v>2252</v>
      </c>
      <c r="B5333" s="1" t="s">
        <v>3151</v>
      </c>
      <c r="C5333" s="5" t="s">
        <v>6088</v>
      </c>
      <c r="D5333" s="1" t="s">
        <v>9653</v>
      </c>
      <c r="E5333" s="5" t="s">
        <v>15524</v>
      </c>
      <c r="F5333" s="6">
        <v>4262</v>
      </c>
    </row>
    <row r="5334" spans="1:6" x14ac:dyDescent="0.25">
      <c r="A5334" s="4" t="s">
        <v>2252</v>
      </c>
      <c r="B5334" s="1" t="s">
        <v>3151</v>
      </c>
      <c r="C5334" s="5" t="s">
        <v>6191</v>
      </c>
      <c r="D5334" s="1" t="s">
        <v>9798</v>
      </c>
      <c r="E5334" s="5" t="s">
        <v>15712</v>
      </c>
      <c r="F5334" s="6">
        <v>4480</v>
      </c>
    </row>
    <row r="5335" spans="1:6" x14ac:dyDescent="0.25">
      <c r="A5335" s="4" t="s">
        <v>2252</v>
      </c>
      <c r="B5335" s="1" t="s">
        <v>3151</v>
      </c>
      <c r="C5335" s="5" t="s">
        <v>6997</v>
      </c>
      <c r="D5335" s="1" t="s">
        <v>11071</v>
      </c>
      <c r="E5335" s="5" t="s">
        <v>17410</v>
      </c>
      <c r="F5335" s="6">
        <v>9017</v>
      </c>
    </row>
    <row r="5336" spans="1:6" x14ac:dyDescent="0.25">
      <c r="A5336" s="4" t="s">
        <v>1474</v>
      </c>
      <c r="B5336" s="1" t="s">
        <v>3164</v>
      </c>
      <c r="C5336" s="5" t="s">
        <v>5290</v>
      </c>
      <c r="D5336" s="1" t="s">
        <v>1474</v>
      </c>
      <c r="E5336" s="5" t="s">
        <v>14246</v>
      </c>
      <c r="F5336" s="6">
        <v>2907</v>
      </c>
    </row>
    <row r="5337" spans="1:6" x14ac:dyDescent="0.25">
      <c r="A5337" s="4" t="s">
        <v>1969</v>
      </c>
      <c r="B5337" s="1" t="s">
        <v>3152</v>
      </c>
      <c r="C5337" s="5" t="s">
        <v>4191</v>
      </c>
      <c r="D5337" s="1" t="s">
        <v>1969</v>
      </c>
      <c r="E5337" s="5" t="s">
        <v>14806</v>
      </c>
      <c r="F5337" s="6">
        <v>3518</v>
      </c>
    </row>
    <row r="5338" spans="1:6" x14ac:dyDescent="0.25">
      <c r="A5338" s="4" t="s">
        <v>2170</v>
      </c>
      <c r="B5338" s="1" t="s">
        <v>3148</v>
      </c>
      <c r="C5338" s="5" t="s">
        <v>5872</v>
      </c>
      <c r="D5338" s="1" t="s">
        <v>2170</v>
      </c>
      <c r="E5338" s="5" t="s">
        <v>15175</v>
      </c>
      <c r="F5338" s="6">
        <v>3907</v>
      </c>
    </row>
    <row r="5339" spans="1:6" x14ac:dyDescent="0.25">
      <c r="A5339" s="4" t="s">
        <v>897</v>
      </c>
      <c r="B5339" s="1" t="s">
        <v>3166</v>
      </c>
      <c r="C5339" s="5" t="s">
        <v>4645</v>
      </c>
      <c r="D5339" s="1" t="s">
        <v>897</v>
      </c>
      <c r="E5339" s="5" t="s">
        <v>13463</v>
      </c>
      <c r="F5339" s="6">
        <v>2100</v>
      </c>
    </row>
    <row r="5340" spans="1:6" x14ac:dyDescent="0.25">
      <c r="A5340" s="4" t="s">
        <v>2171</v>
      </c>
      <c r="B5340" s="1" t="s">
        <v>3156</v>
      </c>
      <c r="C5340" s="5" t="s">
        <v>5875</v>
      </c>
      <c r="D5340" s="1" t="s">
        <v>9425</v>
      </c>
      <c r="E5340" s="5" t="s">
        <v>15178</v>
      </c>
      <c r="F5340" s="6">
        <v>3910</v>
      </c>
    </row>
    <row r="5341" spans="1:6" x14ac:dyDescent="0.25">
      <c r="A5341" s="4" t="s">
        <v>1110</v>
      </c>
      <c r="B5341" s="1" t="s">
        <v>3154</v>
      </c>
      <c r="C5341" s="5" t="s">
        <v>4851</v>
      </c>
      <c r="D5341" s="1" t="s">
        <v>1110</v>
      </c>
      <c r="E5341" s="5" t="s">
        <v>13681</v>
      </c>
      <c r="F5341" s="6">
        <v>2327</v>
      </c>
    </row>
    <row r="5342" spans="1:6" x14ac:dyDescent="0.25">
      <c r="A5342" s="4" t="s">
        <v>1196</v>
      </c>
      <c r="B5342" s="1" t="s">
        <v>3149</v>
      </c>
      <c r="C5342" s="5" t="s">
        <v>4949</v>
      </c>
      <c r="D5342" s="1" t="s">
        <v>8880</v>
      </c>
      <c r="E5342" s="5" t="s">
        <v>13798</v>
      </c>
      <c r="F5342" s="6">
        <v>2448</v>
      </c>
    </row>
    <row r="5343" spans="1:6" x14ac:dyDescent="0.25">
      <c r="A5343" s="4" t="s">
        <v>271</v>
      </c>
      <c r="B5343" s="1" t="s">
        <v>3148</v>
      </c>
      <c r="C5343" s="5" t="s">
        <v>3729</v>
      </c>
      <c r="D5343" s="1" t="s">
        <v>7904</v>
      </c>
      <c r="E5343" s="5" t="s">
        <v>12213</v>
      </c>
      <c r="F5343" s="6">
        <v>692</v>
      </c>
    </row>
    <row r="5344" spans="1:6" x14ac:dyDescent="0.25">
      <c r="A5344" s="4" t="s">
        <v>2502</v>
      </c>
      <c r="B5344" s="1" t="s">
        <v>3162</v>
      </c>
      <c r="C5344" s="5" t="s">
        <v>6375</v>
      </c>
      <c r="D5344" s="1" t="s">
        <v>2502</v>
      </c>
      <c r="E5344" s="5" t="s">
        <v>16086</v>
      </c>
      <c r="F5344" s="6">
        <v>5132</v>
      </c>
    </row>
    <row r="5345" spans="1:6" x14ac:dyDescent="0.25">
      <c r="A5345" s="4" t="s">
        <v>463</v>
      </c>
      <c r="B5345" s="1" t="s">
        <v>3146</v>
      </c>
      <c r="C5345" s="5" t="s">
        <v>4028</v>
      </c>
      <c r="D5345" s="1" t="s">
        <v>8181</v>
      </c>
      <c r="E5345" s="5" t="s">
        <v>12583</v>
      </c>
      <c r="F5345" s="6">
        <v>1113</v>
      </c>
    </row>
    <row r="5346" spans="1:6" x14ac:dyDescent="0.25">
      <c r="A5346" s="4" t="s">
        <v>484</v>
      </c>
      <c r="B5346" s="1" t="s">
        <v>3146</v>
      </c>
      <c r="C5346" s="5" t="s">
        <v>4099</v>
      </c>
      <c r="D5346" s="1" t="s">
        <v>463</v>
      </c>
      <c r="E5346" s="5" t="s">
        <v>12698</v>
      </c>
      <c r="F5346" s="6">
        <v>1295</v>
      </c>
    </row>
    <row r="5347" spans="1:6" x14ac:dyDescent="0.25">
      <c r="A5347" s="4" t="s">
        <v>2382</v>
      </c>
      <c r="B5347" s="1" t="s">
        <v>3166</v>
      </c>
      <c r="C5347" s="5" t="s">
        <v>6194</v>
      </c>
      <c r="D5347" s="1" t="s">
        <v>9800</v>
      </c>
      <c r="E5347" s="5" t="s">
        <v>15715</v>
      </c>
      <c r="F5347" s="6">
        <v>4483</v>
      </c>
    </row>
    <row r="5348" spans="1:6" x14ac:dyDescent="0.25">
      <c r="A5348" s="4" t="s">
        <v>1781</v>
      </c>
      <c r="B5348" s="1" t="s">
        <v>3152</v>
      </c>
      <c r="C5348" s="5" t="s">
        <v>5561</v>
      </c>
      <c r="D5348" s="1" t="s">
        <v>1781</v>
      </c>
      <c r="E5348" s="5" t="s">
        <v>14600</v>
      </c>
      <c r="F5348" s="6">
        <v>3295</v>
      </c>
    </row>
    <row r="5349" spans="1:6" x14ac:dyDescent="0.25">
      <c r="A5349" s="4" t="s">
        <v>1781</v>
      </c>
      <c r="B5349" s="1" t="s">
        <v>3158</v>
      </c>
      <c r="C5349" s="5" t="s">
        <v>5933</v>
      </c>
      <c r="D5349" s="1" t="s">
        <v>9502</v>
      </c>
      <c r="E5349" s="5" t="s">
        <v>15287</v>
      </c>
      <c r="F5349" s="6">
        <v>4022</v>
      </c>
    </row>
    <row r="5350" spans="1:6" x14ac:dyDescent="0.25">
      <c r="A5350" s="4" t="s">
        <v>1415</v>
      </c>
      <c r="B5350" s="1" t="s">
        <v>3144</v>
      </c>
      <c r="C5350" s="5">
        <v>412209</v>
      </c>
      <c r="D5350" s="1" t="s">
        <v>1415</v>
      </c>
      <c r="E5350" s="5" t="s">
        <v>14152</v>
      </c>
      <c r="F5350" s="6">
        <v>2809</v>
      </c>
    </row>
    <row r="5351" spans="1:6" x14ac:dyDescent="0.25">
      <c r="A5351" s="4" t="s">
        <v>2224</v>
      </c>
      <c r="B5351" s="1" t="s">
        <v>3150</v>
      </c>
      <c r="C5351" s="5" t="s">
        <v>5947</v>
      </c>
      <c r="D5351" s="1" t="s">
        <v>2224</v>
      </c>
      <c r="E5351" s="5" t="s">
        <v>15309</v>
      </c>
      <c r="F5351" s="6">
        <v>4046</v>
      </c>
    </row>
    <row r="5352" spans="1:6" x14ac:dyDescent="0.25">
      <c r="A5352" s="4" t="s">
        <v>756</v>
      </c>
      <c r="B5352" s="1" t="s">
        <v>3146</v>
      </c>
      <c r="C5352" s="5" t="s">
        <v>4477</v>
      </c>
      <c r="D5352" s="1" t="s">
        <v>756</v>
      </c>
      <c r="E5352" s="5" t="s">
        <v>13246</v>
      </c>
      <c r="F5352" s="6">
        <v>1879</v>
      </c>
    </row>
    <row r="5353" spans="1:6" x14ac:dyDescent="0.25">
      <c r="A5353" s="4" t="s">
        <v>1913</v>
      </c>
      <c r="B5353" s="1" t="s">
        <v>3154</v>
      </c>
      <c r="C5353" s="5" t="s">
        <v>3701</v>
      </c>
      <c r="D5353" s="1" t="s">
        <v>1913</v>
      </c>
      <c r="E5353" s="5" t="s">
        <v>14746</v>
      </c>
      <c r="F5353" s="6">
        <v>3457</v>
      </c>
    </row>
    <row r="5354" spans="1:6" x14ac:dyDescent="0.25">
      <c r="A5354" s="4" t="s">
        <v>3065</v>
      </c>
      <c r="B5354" s="1" t="s">
        <v>3156</v>
      </c>
      <c r="C5354" s="5" t="s">
        <v>7191</v>
      </c>
      <c r="D5354" s="1" t="s">
        <v>3065</v>
      </c>
      <c r="E5354" s="5" t="s">
        <v>17769</v>
      </c>
      <c r="F5354" s="6">
        <v>9391</v>
      </c>
    </row>
    <row r="5355" spans="1:6" x14ac:dyDescent="0.25">
      <c r="A5355" s="4" t="s">
        <v>2705</v>
      </c>
      <c r="B5355" s="1" t="s">
        <v>3161</v>
      </c>
      <c r="C5355" s="5" t="s">
        <v>6637</v>
      </c>
      <c r="D5355" s="1" t="s">
        <v>2705</v>
      </c>
      <c r="E5355" s="5" t="s">
        <v>16593</v>
      </c>
      <c r="F5355" s="6">
        <v>6316</v>
      </c>
    </row>
    <row r="5356" spans="1:6" x14ac:dyDescent="0.25">
      <c r="A5356" s="4" t="s">
        <v>1322</v>
      </c>
      <c r="B5356" s="1" t="s">
        <v>3158</v>
      </c>
      <c r="C5356" s="5" t="s">
        <v>5107</v>
      </c>
      <c r="D5356" s="1" t="s">
        <v>1322</v>
      </c>
      <c r="E5356" s="5" t="s">
        <v>13996</v>
      </c>
      <c r="F5356" s="6">
        <v>2650</v>
      </c>
    </row>
    <row r="5357" spans="1:6" x14ac:dyDescent="0.25">
      <c r="A5357" s="4" t="s">
        <v>544</v>
      </c>
      <c r="B5357" s="1" t="s">
        <v>3154</v>
      </c>
      <c r="C5357" s="5" t="s">
        <v>4190</v>
      </c>
      <c r="D5357" s="1" t="s">
        <v>8437</v>
      </c>
      <c r="E5357" s="5" t="s">
        <v>12878</v>
      </c>
      <c r="F5357" s="6">
        <v>1479</v>
      </c>
    </row>
    <row r="5358" spans="1:6" x14ac:dyDescent="0.25">
      <c r="A5358" s="4" t="s">
        <v>224</v>
      </c>
      <c r="B5358" s="1" t="s">
        <v>3153</v>
      </c>
      <c r="C5358" s="5" t="s">
        <v>3604</v>
      </c>
      <c r="D5358" s="1" t="s">
        <v>7742</v>
      </c>
      <c r="E5358" s="5" t="s">
        <v>12041</v>
      </c>
      <c r="F5358" s="6">
        <v>475</v>
      </c>
    </row>
    <row r="5359" spans="1:6" x14ac:dyDescent="0.25">
      <c r="A5359" s="4" t="s">
        <v>224</v>
      </c>
      <c r="B5359" s="1" t="s">
        <v>3153</v>
      </c>
      <c r="C5359" s="5" t="s">
        <v>3604</v>
      </c>
      <c r="D5359" s="1" t="s">
        <v>10602</v>
      </c>
      <c r="E5359" s="5" t="s">
        <v>16808</v>
      </c>
      <c r="F5359" s="6">
        <v>6999</v>
      </c>
    </row>
    <row r="5360" spans="1:6" x14ac:dyDescent="0.25">
      <c r="A5360" s="4" t="s">
        <v>224</v>
      </c>
      <c r="B5360" s="1" t="s">
        <v>3153</v>
      </c>
      <c r="C5360" s="5" t="s">
        <v>3604</v>
      </c>
      <c r="D5360" s="1" t="s">
        <v>11407</v>
      </c>
      <c r="E5360" s="5" t="s">
        <v>17836</v>
      </c>
      <c r="F5360" s="6">
        <v>9462</v>
      </c>
    </row>
    <row r="5361" spans="1:6" x14ac:dyDescent="0.25">
      <c r="A5361" s="4" t="s">
        <v>205</v>
      </c>
      <c r="B5361" s="1" t="s">
        <v>3144</v>
      </c>
      <c r="C5361" s="5" t="s">
        <v>3563</v>
      </c>
      <c r="D5361" s="1" t="s">
        <v>205</v>
      </c>
      <c r="E5361" s="5" t="s">
        <v>11997</v>
      </c>
      <c r="F5361" s="6">
        <v>430</v>
      </c>
    </row>
    <row r="5362" spans="1:6" x14ac:dyDescent="0.25">
      <c r="A5362" s="4" t="s">
        <v>205</v>
      </c>
      <c r="B5362" s="1" t="s">
        <v>3144</v>
      </c>
      <c r="C5362" s="5" t="s">
        <v>5684</v>
      </c>
      <c r="D5362" s="1" t="s">
        <v>9223</v>
      </c>
      <c r="E5362" s="5" t="s">
        <v>14787</v>
      </c>
      <c r="F5362" s="6">
        <v>3498</v>
      </c>
    </row>
    <row r="5363" spans="1:6" x14ac:dyDescent="0.25">
      <c r="A5363" s="4" t="s">
        <v>2115</v>
      </c>
      <c r="B5363" s="1" t="s">
        <v>3165</v>
      </c>
      <c r="C5363" s="5" t="s">
        <v>5818</v>
      </c>
      <c r="D5363" s="1" t="s">
        <v>2115</v>
      </c>
      <c r="E5363" s="5" t="s">
        <v>15048</v>
      </c>
      <c r="F5363" s="6">
        <v>3776</v>
      </c>
    </row>
    <row r="5364" spans="1:6" x14ac:dyDescent="0.25">
      <c r="A5364" s="4" t="s">
        <v>1669</v>
      </c>
      <c r="B5364" s="1" t="s">
        <v>3152</v>
      </c>
      <c r="C5364" s="5" t="s">
        <v>5463</v>
      </c>
      <c r="D5364" s="1" t="s">
        <v>1669</v>
      </c>
      <c r="E5364" s="5" t="s">
        <v>14459</v>
      </c>
      <c r="F5364" s="6">
        <v>3144</v>
      </c>
    </row>
    <row r="5365" spans="1:6" x14ac:dyDescent="0.25">
      <c r="A5365" s="4" t="s">
        <v>936</v>
      </c>
      <c r="B5365" s="1" t="s">
        <v>3153</v>
      </c>
      <c r="C5365" s="5" t="s">
        <v>4684</v>
      </c>
      <c r="D5365" s="1" t="s">
        <v>936</v>
      </c>
      <c r="E5365" s="5" t="s">
        <v>13502</v>
      </c>
      <c r="F5365" s="6">
        <v>2140</v>
      </c>
    </row>
    <row r="5366" spans="1:6" x14ac:dyDescent="0.25">
      <c r="A5366" s="4" t="s">
        <v>1033</v>
      </c>
      <c r="B5366" s="1" t="s">
        <v>3144</v>
      </c>
      <c r="C5366" s="5" t="s">
        <v>4776</v>
      </c>
      <c r="D5366" s="1" t="s">
        <v>1033</v>
      </c>
      <c r="E5366" s="5" t="s">
        <v>13600</v>
      </c>
      <c r="F5366" s="6">
        <v>2241</v>
      </c>
    </row>
    <row r="5367" spans="1:6" x14ac:dyDescent="0.25">
      <c r="A5367" s="4" t="s">
        <v>2866</v>
      </c>
      <c r="B5367" s="1" t="s">
        <v>3166</v>
      </c>
      <c r="C5367" s="5" t="s">
        <v>5826</v>
      </c>
      <c r="D5367" s="1" t="s">
        <v>10803</v>
      </c>
      <c r="E5367" s="5" t="s">
        <v>17068</v>
      </c>
      <c r="F5367" s="6">
        <v>7755</v>
      </c>
    </row>
    <row r="5368" spans="1:6" x14ac:dyDescent="0.25">
      <c r="A5368" s="4" t="s">
        <v>2207</v>
      </c>
      <c r="B5368" s="1" t="s">
        <v>3155</v>
      </c>
      <c r="C5368" s="5" t="s">
        <v>5922</v>
      </c>
      <c r="D5368" s="1" t="s">
        <v>2207</v>
      </c>
      <c r="E5368" s="5" t="s">
        <v>15275</v>
      </c>
      <c r="F5368" s="6">
        <v>4010</v>
      </c>
    </row>
    <row r="5369" spans="1:6" x14ac:dyDescent="0.25">
      <c r="A5369" s="4" t="s">
        <v>1409</v>
      </c>
      <c r="B5369" s="1" t="s">
        <v>3156</v>
      </c>
      <c r="C5369" s="5" t="s">
        <v>5212</v>
      </c>
      <c r="D5369" s="1" t="s">
        <v>1409</v>
      </c>
      <c r="E5369" s="5" t="s">
        <v>14142</v>
      </c>
      <c r="F5369" s="6">
        <v>2799</v>
      </c>
    </row>
    <row r="5370" spans="1:6" x14ac:dyDescent="0.25">
      <c r="A5370" s="4" t="s">
        <v>937</v>
      </c>
      <c r="B5370" s="1" t="s">
        <v>812</v>
      </c>
      <c r="C5370" s="5" t="s">
        <v>4685</v>
      </c>
      <c r="D5370" s="1" t="s">
        <v>8787</v>
      </c>
      <c r="E5370" s="5" t="s">
        <v>13503</v>
      </c>
      <c r="F5370" s="6">
        <v>2141</v>
      </c>
    </row>
    <row r="5371" spans="1:6" x14ac:dyDescent="0.25">
      <c r="A5371" s="4" t="s">
        <v>2341</v>
      </c>
      <c r="B5371" s="1" t="s">
        <v>3158</v>
      </c>
      <c r="C5371" s="5" t="s">
        <v>6125</v>
      </c>
      <c r="D5371" s="1" t="s">
        <v>2341</v>
      </c>
      <c r="E5371" s="5" t="s">
        <v>15578</v>
      </c>
      <c r="F5371" s="6">
        <v>4320</v>
      </c>
    </row>
    <row r="5372" spans="1:6" x14ac:dyDescent="0.25">
      <c r="A5372" s="4" t="s">
        <v>1156</v>
      </c>
      <c r="B5372" s="1" t="s">
        <v>3155</v>
      </c>
      <c r="C5372" s="5" t="s">
        <v>4896</v>
      </c>
      <c r="D5372" s="1" t="s">
        <v>8841</v>
      </c>
      <c r="E5372" s="5" t="s">
        <v>13732</v>
      </c>
      <c r="F5372" s="6">
        <v>2380</v>
      </c>
    </row>
    <row r="5373" spans="1:6" x14ac:dyDescent="0.25">
      <c r="A5373" s="4" t="s">
        <v>854</v>
      </c>
      <c r="B5373" s="1" t="s">
        <v>3155</v>
      </c>
      <c r="C5373" s="5" t="s">
        <v>4592</v>
      </c>
      <c r="D5373" s="1" t="s">
        <v>854</v>
      </c>
      <c r="E5373" s="5" t="s">
        <v>13392</v>
      </c>
      <c r="F5373" s="6">
        <v>2025</v>
      </c>
    </row>
    <row r="5374" spans="1:6" x14ac:dyDescent="0.25">
      <c r="A5374" s="4" t="s">
        <v>1423</v>
      </c>
      <c r="B5374" s="1" t="s">
        <v>3160</v>
      </c>
      <c r="C5374" s="5" t="s">
        <v>5230</v>
      </c>
      <c r="D5374" s="1" t="s">
        <v>1423</v>
      </c>
      <c r="E5374" s="5" t="s">
        <v>14164</v>
      </c>
      <c r="F5374" s="6">
        <v>2821</v>
      </c>
    </row>
    <row r="5375" spans="1:6" x14ac:dyDescent="0.25">
      <c r="A5375" s="4" t="s">
        <v>1449</v>
      </c>
      <c r="B5375" s="1" t="s">
        <v>3152</v>
      </c>
      <c r="C5375" s="5" t="s">
        <v>5263</v>
      </c>
      <c r="D5375" s="1" t="s">
        <v>1449</v>
      </c>
      <c r="E5375" s="5" t="s">
        <v>14219</v>
      </c>
      <c r="F5375" s="6">
        <v>2879</v>
      </c>
    </row>
    <row r="5376" spans="1:6" x14ac:dyDescent="0.25">
      <c r="A5376" s="4" t="s">
        <v>879</v>
      </c>
      <c r="B5376" s="1" t="s">
        <v>3146</v>
      </c>
      <c r="C5376" s="5" t="s">
        <v>4624</v>
      </c>
      <c r="D5376" s="1" t="s">
        <v>879</v>
      </c>
      <c r="E5376" s="5" t="s">
        <v>13430</v>
      </c>
      <c r="F5376" s="6">
        <v>2064</v>
      </c>
    </row>
    <row r="5377" spans="1:6" x14ac:dyDescent="0.25">
      <c r="A5377" s="4" t="s">
        <v>1920</v>
      </c>
      <c r="B5377" s="1" t="s">
        <v>3151</v>
      </c>
      <c r="C5377" s="5" t="s">
        <v>5661</v>
      </c>
      <c r="D5377" s="1" t="s">
        <v>1920</v>
      </c>
      <c r="E5377" s="5" t="s">
        <v>14753</v>
      </c>
      <c r="F5377" s="6">
        <v>3464</v>
      </c>
    </row>
    <row r="5378" spans="1:6" x14ac:dyDescent="0.25">
      <c r="A5378" s="4" t="s">
        <v>2962</v>
      </c>
      <c r="B5378" s="1" t="s">
        <v>3156</v>
      </c>
      <c r="C5378" s="5" t="s">
        <v>6986</v>
      </c>
      <c r="D5378" s="1" t="s">
        <v>2962</v>
      </c>
      <c r="E5378" s="5" t="s">
        <v>17391</v>
      </c>
      <c r="F5378" s="6">
        <v>8996</v>
      </c>
    </row>
    <row r="5379" spans="1:6" x14ac:dyDescent="0.25">
      <c r="A5379" s="4" t="s">
        <v>1212</v>
      </c>
      <c r="B5379" s="1" t="s">
        <v>3152</v>
      </c>
      <c r="C5379" s="5" t="s">
        <v>4971</v>
      </c>
      <c r="D5379" s="1" t="s">
        <v>1212</v>
      </c>
      <c r="E5379" s="5" t="s">
        <v>13823</v>
      </c>
      <c r="F5379" s="6">
        <v>2473</v>
      </c>
    </row>
    <row r="5380" spans="1:6" x14ac:dyDescent="0.25">
      <c r="A5380" s="4" t="s">
        <v>2872</v>
      </c>
      <c r="B5380" s="1" t="s">
        <v>3153</v>
      </c>
      <c r="C5380" s="5" t="s">
        <v>6878</v>
      </c>
      <c r="D5380" s="1" t="s">
        <v>2872</v>
      </c>
      <c r="E5380" s="5" t="s">
        <v>17082</v>
      </c>
      <c r="F5380" s="6">
        <v>7803</v>
      </c>
    </row>
    <row r="5381" spans="1:6" x14ac:dyDescent="0.25">
      <c r="A5381" s="4" t="s">
        <v>1644</v>
      </c>
      <c r="B5381" s="1" t="s">
        <v>3165</v>
      </c>
      <c r="C5381" s="5" t="s">
        <v>5446</v>
      </c>
      <c r="D5381" s="1" t="s">
        <v>1644</v>
      </c>
      <c r="E5381" s="5" t="s">
        <v>14433</v>
      </c>
      <c r="F5381" s="6">
        <v>3116</v>
      </c>
    </row>
    <row r="5382" spans="1:6" x14ac:dyDescent="0.25">
      <c r="A5382" s="4" t="s">
        <v>2565</v>
      </c>
      <c r="B5382" s="1" t="s">
        <v>3144</v>
      </c>
      <c r="C5382" s="5">
        <v>413527</v>
      </c>
      <c r="D5382" s="1" t="s">
        <v>10236</v>
      </c>
      <c r="E5382" s="5" t="s">
        <v>16282</v>
      </c>
      <c r="F5382" s="6">
        <v>5562</v>
      </c>
    </row>
    <row r="5383" spans="1:6" x14ac:dyDescent="0.25">
      <c r="A5383" s="4" t="s">
        <v>1433</v>
      </c>
      <c r="B5383" s="1" t="s">
        <v>3160</v>
      </c>
      <c r="C5383" s="5" t="s">
        <v>5244</v>
      </c>
      <c r="D5383" s="1" t="s">
        <v>1433</v>
      </c>
      <c r="E5383" s="5" t="s">
        <v>14189</v>
      </c>
      <c r="F5383" s="6">
        <v>2848</v>
      </c>
    </row>
    <row r="5384" spans="1:6" x14ac:dyDescent="0.25">
      <c r="A5384" s="4" t="s">
        <v>783</v>
      </c>
      <c r="B5384" s="1" t="s">
        <v>3158</v>
      </c>
      <c r="C5384" s="5" t="s">
        <v>4508</v>
      </c>
      <c r="D5384" s="1" t="s">
        <v>8685</v>
      </c>
      <c r="E5384" s="5" t="s">
        <v>13284</v>
      </c>
      <c r="F5384" s="6">
        <v>1917</v>
      </c>
    </row>
    <row r="5385" spans="1:6" x14ac:dyDescent="0.25">
      <c r="A5385" s="4" t="s">
        <v>1116</v>
      </c>
      <c r="B5385" s="1" t="s">
        <v>3155</v>
      </c>
      <c r="C5385" s="5" t="s">
        <v>4858</v>
      </c>
      <c r="D5385" s="1" t="s">
        <v>1116</v>
      </c>
      <c r="E5385" s="5" t="s">
        <v>13689</v>
      </c>
      <c r="F5385" s="6">
        <v>2335</v>
      </c>
    </row>
    <row r="5386" spans="1:6" x14ac:dyDescent="0.25">
      <c r="A5386" s="4" t="s">
        <v>444</v>
      </c>
      <c r="B5386" s="1" t="s">
        <v>3153</v>
      </c>
      <c r="C5386" s="5" t="s">
        <v>3991</v>
      </c>
      <c r="D5386" s="1" t="s">
        <v>444</v>
      </c>
      <c r="E5386" s="5" t="s">
        <v>12534</v>
      </c>
      <c r="F5386" s="6">
        <v>1059</v>
      </c>
    </row>
    <row r="5387" spans="1:6" x14ac:dyDescent="0.25">
      <c r="A5387" s="4" t="s">
        <v>444</v>
      </c>
      <c r="B5387" s="1" t="s">
        <v>3153</v>
      </c>
      <c r="C5387" s="5" t="s">
        <v>3991</v>
      </c>
      <c r="D5387" s="1" t="s">
        <v>10827</v>
      </c>
      <c r="E5387" s="5" t="s">
        <v>17099</v>
      </c>
      <c r="F5387" s="6">
        <v>7878</v>
      </c>
    </row>
    <row r="5388" spans="1:6" x14ac:dyDescent="0.25">
      <c r="A5388" s="4" t="s">
        <v>444</v>
      </c>
      <c r="B5388" s="1" t="s">
        <v>3153</v>
      </c>
      <c r="C5388" s="5" t="s">
        <v>3991</v>
      </c>
      <c r="D5388" s="1" t="s">
        <v>11573</v>
      </c>
      <c r="E5388" s="5" t="s">
        <v>18046</v>
      </c>
      <c r="F5388" s="6">
        <v>9679</v>
      </c>
    </row>
    <row r="5389" spans="1:6" x14ac:dyDescent="0.25">
      <c r="A5389" s="4" t="s">
        <v>136</v>
      </c>
      <c r="B5389" s="1" t="s">
        <v>3154</v>
      </c>
      <c r="C5389" s="5" t="s">
        <v>3407</v>
      </c>
      <c r="D5389" s="1" t="s">
        <v>7534</v>
      </c>
      <c r="E5389" s="5" t="s">
        <v>11819</v>
      </c>
      <c r="F5389" s="6">
        <v>250</v>
      </c>
    </row>
    <row r="5390" spans="1:6" x14ac:dyDescent="0.25">
      <c r="A5390" s="4" t="s">
        <v>136</v>
      </c>
      <c r="B5390" s="1" t="s">
        <v>3154</v>
      </c>
      <c r="C5390" s="5" t="s">
        <v>3407</v>
      </c>
      <c r="D5390" s="1" t="s">
        <v>8926</v>
      </c>
      <c r="E5390" s="5" t="s">
        <v>13886</v>
      </c>
      <c r="F5390" s="6">
        <v>2537</v>
      </c>
    </row>
    <row r="5391" spans="1:6" x14ac:dyDescent="0.25">
      <c r="A5391" s="4" t="s">
        <v>136</v>
      </c>
      <c r="B5391" s="1" t="s">
        <v>3154</v>
      </c>
      <c r="C5391" s="5" t="s">
        <v>4884</v>
      </c>
      <c r="D5391" s="1" t="s">
        <v>9476</v>
      </c>
      <c r="E5391" s="5" t="s">
        <v>15250</v>
      </c>
      <c r="F5391" s="6">
        <v>3985</v>
      </c>
    </row>
    <row r="5392" spans="1:6" x14ac:dyDescent="0.25">
      <c r="A5392" s="4" t="s">
        <v>136</v>
      </c>
      <c r="B5392" s="1" t="s">
        <v>3154</v>
      </c>
      <c r="C5392" s="5" t="s">
        <v>5663</v>
      </c>
      <c r="D5392" s="1" t="s">
        <v>9630</v>
      </c>
      <c r="E5392" s="5" t="s">
        <v>15484</v>
      </c>
      <c r="F5392" s="6">
        <v>4222</v>
      </c>
    </row>
    <row r="5393" spans="1:6" x14ac:dyDescent="0.25">
      <c r="A5393" s="4" t="s">
        <v>136</v>
      </c>
      <c r="B5393" s="1" t="s">
        <v>3154</v>
      </c>
      <c r="C5393" s="5" t="s">
        <v>3407</v>
      </c>
      <c r="D5393" s="1" t="s">
        <v>9788</v>
      </c>
      <c r="E5393" s="5" t="s">
        <v>15699</v>
      </c>
      <c r="F5393" s="6">
        <v>4466</v>
      </c>
    </row>
    <row r="5394" spans="1:6" x14ac:dyDescent="0.25">
      <c r="A5394" s="4" t="s">
        <v>2925</v>
      </c>
      <c r="B5394" s="1" t="s">
        <v>3191</v>
      </c>
      <c r="C5394" s="5" t="s">
        <v>6942</v>
      </c>
      <c r="D5394" s="1" t="s">
        <v>2925</v>
      </c>
      <c r="E5394" s="5" t="s">
        <v>17282</v>
      </c>
      <c r="F5394" s="6">
        <v>8464</v>
      </c>
    </row>
    <row r="5395" spans="1:6" x14ac:dyDescent="0.25">
      <c r="A5395" s="4" t="s">
        <v>278</v>
      </c>
      <c r="B5395" s="1" t="s">
        <v>3162</v>
      </c>
      <c r="C5395" s="5" t="s">
        <v>3747</v>
      </c>
      <c r="D5395" s="1" t="s">
        <v>7928</v>
      </c>
      <c r="E5395" s="5" t="s">
        <v>12238</v>
      </c>
      <c r="F5395" s="6">
        <v>725</v>
      </c>
    </row>
    <row r="5396" spans="1:6" x14ac:dyDescent="0.25">
      <c r="A5396" s="4" t="s">
        <v>278</v>
      </c>
      <c r="B5396" s="1" t="s">
        <v>3162</v>
      </c>
      <c r="C5396" s="5" t="s">
        <v>6683</v>
      </c>
      <c r="D5396" s="1" t="s">
        <v>10517</v>
      </c>
      <c r="E5396" s="5" t="s">
        <v>16688</v>
      </c>
      <c r="F5396" s="6">
        <v>6582</v>
      </c>
    </row>
    <row r="5397" spans="1:6" x14ac:dyDescent="0.25">
      <c r="A5397" s="4" t="s">
        <v>278</v>
      </c>
      <c r="B5397" s="1" t="s">
        <v>3162</v>
      </c>
      <c r="C5397" s="5" t="s">
        <v>3747</v>
      </c>
      <c r="D5397" s="1" t="s">
        <v>10919</v>
      </c>
      <c r="E5397" s="5" t="s">
        <v>17211</v>
      </c>
      <c r="F5397" s="6">
        <v>8197</v>
      </c>
    </row>
    <row r="5398" spans="1:6" x14ac:dyDescent="0.25">
      <c r="A5398" s="4" t="s">
        <v>2568</v>
      </c>
      <c r="B5398" s="1" t="s">
        <v>3148</v>
      </c>
      <c r="C5398" s="5" t="s">
        <v>6476</v>
      </c>
      <c r="D5398" s="1" t="s">
        <v>2568</v>
      </c>
      <c r="E5398" s="5" t="s">
        <v>16285</v>
      </c>
      <c r="F5398" s="6">
        <v>5569</v>
      </c>
    </row>
    <row r="5399" spans="1:6" x14ac:dyDescent="0.25">
      <c r="A5399" s="4" t="s">
        <v>2648</v>
      </c>
      <c r="B5399" s="1" t="s">
        <v>3144</v>
      </c>
      <c r="C5399" s="5" t="s">
        <v>6568</v>
      </c>
      <c r="D5399" s="1" t="s">
        <v>2648</v>
      </c>
      <c r="E5399" s="5" t="s">
        <v>16433</v>
      </c>
      <c r="F5399" s="6">
        <v>5892</v>
      </c>
    </row>
    <row r="5400" spans="1:6" x14ac:dyDescent="0.25">
      <c r="A5400" s="4" t="s">
        <v>767</v>
      </c>
      <c r="B5400" s="1" t="s">
        <v>3158</v>
      </c>
      <c r="C5400" s="5" t="s">
        <v>4488</v>
      </c>
      <c r="D5400" s="1" t="s">
        <v>767</v>
      </c>
      <c r="E5400" s="5" t="s">
        <v>13259</v>
      </c>
      <c r="F5400" s="6">
        <v>1892</v>
      </c>
    </row>
    <row r="5401" spans="1:6" x14ac:dyDescent="0.25">
      <c r="A5401" s="4" t="s">
        <v>1588</v>
      </c>
      <c r="B5401" s="1" t="s">
        <v>3144</v>
      </c>
      <c r="C5401" s="5" t="s">
        <v>5408</v>
      </c>
      <c r="D5401" s="1" t="s">
        <v>1588</v>
      </c>
      <c r="E5401" s="5" t="s">
        <v>14373</v>
      </c>
      <c r="F5401" s="6">
        <v>3038</v>
      </c>
    </row>
    <row r="5402" spans="1:6" x14ac:dyDescent="0.25">
      <c r="A5402" s="4" t="s">
        <v>2163</v>
      </c>
      <c r="B5402" s="1" t="s">
        <v>3152</v>
      </c>
      <c r="C5402" s="5" t="s">
        <v>4127</v>
      </c>
      <c r="D5402" s="1" t="s">
        <v>9411</v>
      </c>
      <c r="E5402" s="5" t="s">
        <v>15159</v>
      </c>
      <c r="F5402" s="6">
        <v>3891</v>
      </c>
    </row>
    <row r="5403" spans="1:6" x14ac:dyDescent="0.25">
      <c r="A5403" s="4" t="s">
        <v>1149</v>
      </c>
      <c r="B5403" s="1" t="s">
        <v>3165</v>
      </c>
      <c r="C5403" s="5" t="s">
        <v>4890</v>
      </c>
      <c r="D5403" s="1" t="s">
        <v>1149</v>
      </c>
      <c r="E5403" s="5" t="s">
        <v>13723</v>
      </c>
      <c r="F5403" s="6">
        <v>2371</v>
      </c>
    </row>
    <row r="5404" spans="1:6" x14ac:dyDescent="0.25">
      <c r="A5404" s="4" t="s">
        <v>91</v>
      </c>
      <c r="B5404" s="1" t="s">
        <v>3154</v>
      </c>
      <c r="C5404" s="5" t="s">
        <v>3347</v>
      </c>
      <c r="D5404" s="1" t="s">
        <v>7474</v>
      </c>
      <c r="E5404" s="5" t="s">
        <v>11755</v>
      </c>
      <c r="F5404" s="6">
        <v>176</v>
      </c>
    </row>
    <row r="5405" spans="1:6" x14ac:dyDescent="0.25">
      <c r="A5405" s="4" t="s">
        <v>91</v>
      </c>
      <c r="B5405" s="1" t="s">
        <v>3154</v>
      </c>
      <c r="C5405" s="5" t="s">
        <v>3347</v>
      </c>
      <c r="D5405" s="1" t="s">
        <v>8762</v>
      </c>
      <c r="E5405" s="5" t="s">
        <v>13432</v>
      </c>
      <c r="F5405" s="6">
        <v>2066</v>
      </c>
    </row>
    <row r="5406" spans="1:6" x14ac:dyDescent="0.25">
      <c r="A5406" s="4" t="s">
        <v>91</v>
      </c>
      <c r="B5406" s="1" t="s">
        <v>3154</v>
      </c>
      <c r="C5406" s="5" t="s">
        <v>3347</v>
      </c>
      <c r="D5406" s="1" t="s">
        <v>8914</v>
      </c>
      <c r="E5406" s="5" t="s">
        <v>13866</v>
      </c>
      <c r="F5406" s="6">
        <v>2516</v>
      </c>
    </row>
    <row r="5407" spans="1:6" x14ac:dyDescent="0.25">
      <c r="A5407" s="4" t="s">
        <v>262</v>
      </c>
      <c r="B5407" s="1" t="s">
        <v>3162</v>
      </c>
      <c r="C5407" s="5" t="s">
        <v>3704</v>
      </c>
      <c r="D5407" s="1" t="s">
        <v>7877</v>
      </c>
      <c r="E5407" s="5" t="s">
        <v>12183</v>
      </c>
      <c r="F5407" s="6">
        <v>657</v>
      </c>
    </row>
    <row r="5408" spans="1:6" x14ac:dyDescent="0.25">
      <c r="A5408" s="4" t="s">
        <v>262</v>
      </c>
      <c r="B5408" s="1" t="s">
        <v>3162</v>
      </c>
      <c r="C5408" s="5" t="s">
        <v>3704</v>
      </c>
      <c r="D5408" s="1" t="s">
        <v>9775</v>
      </c>
      <c r="E5408" s="5" t="s">
        <v>15684</v>
      </c>
      <c r="F5408" s="6">
        <v>4432</v>
      </c>
    </row>
    <row r="5409" spans="1:6" x14ac:dyDescent="0.25">
      <c r="A5409" s="4" t="s">
        <v>262</v>
      </c>
      <c r="B5409" s="1" t="s">
        <v>3162</v>
      </c>
      <c r="C5409" s="5" t="s">
        <v>3704</v>
      </c>
      <c r="D5409" s="1" t="s">
        <v>10008</v>
      </c>
      <c r="E5409" s="5" t="s">
        <v>15982</v>
      </c>
      <c r="F5409" s="6">
        <v>4902</v>
      </c>
    </row>
    <row r="5410" spans="1:6" x14ac:dyDescent="0.25">
      <c r="A5410" s="4" t="s">
        <v>262</v>
      </c>
      <c r="B5410" s="1" t="s">
        <v>3162</v>
      </c>
      <c r="C5410" s="5" t="s">
        <v>6716</v>
      </c>
      <c r="D5410" s="1" t="s">
        <v>10554</v>
      </c>
      <c r="E5410" s="5" t="s">
        <v>16741</v>
      </c>
      <c r="F5410" s="6">
        <v>6777</v>
      </c>
    </row>
    <row r="5411" spans="1:6" x14ac:dyDescent="0.25">
      <c r="A5411" s="4" t="s">
        <v>262</v>
      </c>
      <c r="B5411" s="1" t="s">
        <v>3162</v>
      </c>
      <c r="C5411" s="5" t="s">
        <v>3704</v>
      </c>
      <c r="D5411" s="1" t="s">
        <v>11496</v>
      </c>
      <c r="E5411" s="5" t="s">
        <v>17956</v>
      </c>
      <c r="F5411" s="6">
        <v>9588</v>
      </c>
    </row>
    <row r="5412" spans="1:6" x14ac:dyDescent="0.25">
      <c r="A5412" s="4" t="s">
        <v>79</v>
      </c>
      <c r="B5412" s="1" t="s">
        <v>3152</v>
      </c>
      <c r="C5412" s="5" t="s">
        <v>3332</v>
      </c>
      <c r="D5412" s="1" t="s">
        <v>7460</v>
      </c>
      <c r="E5412" s="5" t="s">
        <v>11740</v>
      </c>
      <c r="F5412" s="6">
        <v>161</v>
      </c>
    </row>
    <row r="5413" spans="1:6" x14ac:dyDescent="0.25">
      <c r="A5413" s="4" t="s">
        <v>79</v>
      </c>
      <c r="B5413" s="1" t="s">
        <v>3152</v>
      </c>
      <c r="C5413" s="5" t="s">
        <v>4161</v>
      </c>
      <c r="D5413" s="1" t="s">
        <v>8394</v>
      </c>
      <c r="E5413" s="5" t="s">
        <v>12828</v>
      </c>
      <c r="F5413" s="6">
        <v>1427</v>
      </c>
    </row>
    <row r="5414" spans="1:6" x14ac:dyDescent="0.25">
      <c r="A5414" s="4" t="s">
        <v>134</v>
      </c>
      <c r="B5414" s="1" t="s">
        <v>3160</v>
      </c>
      <c r="C5414" s="5" t="s">
        <v>3403</v>
      </c>
      <c r="D5414" s="1" t="s">
        <v>7529</v>
      </c>
      <c r="E5414" s="5" t="s">
        <v>11814</v>
      </c>
      <c r="F5414" s="6">
        <v>243</v>
      </c>
    </row>
    <row r="5415" spans="1:6" x14ac:dyDescent="0.25">
      <c r="A5415" s="4" t="s">
        <v>134</v>
      </c>
      <c r="B5415" s="1" t="s">
        <v>3160</v>
      </c>
      <c r="C5415" s="5" t="s">
        <v>3506</v>
      </c>
      <c r="D5415" s="1" t="s">
        <v>7640</v>
      </c>
      <c r="E5415" s="5" t="s">
        <v>11929</v>
      </c>
      <c r="F5415" s="6">
        <v>362</v>
      </c>
    </row>
    <row r="5416" spans="1:6" x14ac:dyDescent="0.25">
      <c r="A5416" s="4" t="s">
        <v>134</v>
      </c>
      <c r="B5416" s="1" t="s">
        <v>3160</v>
      </c>
      <c r="C5416" s="5" t="s">
        <v>5828</v>
      </c>
      <c r="D5416" s="1" t="s">
        <v>9355</v>
      </c>
      <c r="E5416" s="5" t="s">
        <v>15069</v>
      </c>
      <c r="F5416" s="6">
        <v>3797</v>
      </c>
    </row>
    <row r="5417" spans="1:6" x14ac:dyDescent="0.25">
      <c r="A5417" s="4" t="s">
        <v>134</v>
      </c>
      <c r="B5417" s="1" t="s">
        <v>3160</v>
      </c>
      <c r="C5417" s="5" t="s">
        <v>6434</v>
      </c>
      <c r="D5417" s="1" t="s">
        <v>10190</v>
      </c>
      <c r="E5417" s="5" t="s">
        <v>16209</v>
      </c>
      <c r="F5417" s="6">
        <v>5380</v>
      </c>
    </row>
    <row r="5418" spans="1:6" x14ac:dyDescent="0.25">
      <c r="A5418" s="4" t="s">
        <v>134</v>
      </c>
      <c r="B5418" s="1" t="s">
        <v>3160</v>
      </c>
      <c r="C5418" s="5" t="s">
        <v>3506</v>
      </c>
      <c r="D5418" s="1" t="s">
        <v>11393</v>
      </c>
      <c r="E5418" s="5" t="s">
        <v>17819</v>
      </c>
      <c r="F5418" s="6">
        <v>9445</v>
      </c>
    </row>
    <row r="5419" spans="1:6" x14ac:dyDescent="0.25">
      <c r="A5419" s="4" t="s">
        <v>1187</v>
      </c>
      <c r="B5419" s="1" t="s">
        <v>3158</v>
      </c>
      <c r="C5419" s="5" t="s">
        <v>4938</v>
      </c>
      <c r="D5419" s="1" t="s">
        <v>8871</v>
      </c>
      <c r="E5419" s="5" t="s">
        <v>13783</v>
      </c>
      <c r="F5419" s="6">
        <v>2433</v>
      </c>
    </row>
    <row r="5420" spans="1:6" x14ac:dyDescent="0.25">
      <c r="A5420" s="4" t="s">
        <v>1406</v>
      </c>
      <c r="B5420" s="1" t="s">
        <v>3158</v>
      </c>
      <c r="C5420" s="5" t="s">
        <v>5209</v>
      </c>
      <c r="D5420" s="1" t="s">
        <v>1406</v>
      </c>
      <c r="E5420" s="5" t="s">
        <v>14139</v>
      </c>
      <c r="F5420" s="6">
        <v>2796</v>
      </c>
    </row>
    <row r="5421" spans="1:6" x14ac:dyDescent="0.25">
      <c r="A5421" s="4" t="s">
        <v>3074</v>
      </c>
      <c r="B5421" s="1" t="s">
        <v>3162</v>
      </c>
      <c r="C5421" s="5" t="s">
        <v>7217</v>
      </c>
      <c r="D5421" s="1" t="s">
        <v>3074</v>
      </c>
      <c r="E5421" s="5" t="s">
        <v>17852</v>
      </c>
      <c r="F5421" s="6">
        <v>9479</v>
      </c>
    </row>
    <row r="5422" spans="1:6" x14ac:dyDescent="0.25">
      <c r="A5422" s="4" t="s">
        <v>154</v>
      </c>
      <c r="B5422" s="1" t="s">
        <v>3162</v>
      </c>
      <c r="C5422" s="5" t="s">
        <v>3437</v>
      </c>
      <c r="D5422" s="1" t="s">
        <v>7566</v>
      </c>
      <c r="E5422" s="5" t="s">
        <v>11852</v>
      </c>
      <c r="F5422" s="6">
        <v>283</v>
      </c>
    </row>
    <row r="5423" spans="1:6" x14ac:dyDescent="0.25">
      <c r="A5423" s="4" t="s">
        <v>154</v>
      </c>
      <c r="B5423" s="1" t="s">
        <v>3162</v>
      </c>
      <c r="C5423" s="5" t="s">
        <v>3437</v>
      </c>
      <c r="D5423" s="1" t="s">
        <v>9075</v>
      </c>
      <c r="E5423" s="5" t="s">
        <v>14179</v>
      </c>
      <c r="F5423" s="6">
        <v>2836</v>
      </c>
    </row>
    <row r="5424" spans="1:6" x14ac:dyDescent="0.25">
      <c r="A5424" s="4" t="s">
        <v>154</v>
      </c>
      <c r="B5424" s="1" t="s">
        <v>3162</v>
      </c>
      <c r="C5424" s="5" t="s">
        <v>6795</v>
      </c>
      <c r="D5424" s="1" t="s">
        <v>10674</v>
      </c>
      <c r="E5424" s="5" t="s">
        <v>16897</v>
      </c>
      <c r="F5424" s="6">
        <v>7201</v>
      </c>
    </row>
    <row r="5425" spans="1:6" x14ac:dyDescent="0.25">
      <c r="A5425" s="4" t="s">
        <v>1856</v>
      </c>
      <c r="B5425" s="1" t="s">
        <v>3152</v>
      </c>
      <c r="C5425" s="5" t="s">
        <v>4431</v>
      </c>
      <c r="D5425" s="1" t="s">
        <v>1856</v>
      </c>
      <c r="E5425" s="5" t="s">
        <v>14686</v>
      </c>
      <c r="F5425" s="6">
        <v>3389</v>
      </c>
    </row>
    <row r="5426" spans="1:6" x14ac:dyDescent="0.25">
      <c r="A5426" s="4" t="s">
        <v>1464</v>
      </c>
      <c r="B5426" s="1" t="s">
        <v>812</v>
      </c>
      <c r="C5426" s="5" t="s">
        <v>5278</v>
      </c>
      <c r="D5426" s="1" t="s">
        <v>1464</v>
      </c>
      <c r="E5426" s="5" t="s">
        <v>14234</v>
      </c>
      <c r="F5426" s="6">
        <v>2895</v>
      </c>
    </row>
    <row r="5427" spans="1:6" x14ac:dyDescent="0.25">
      <c r="A5427" s="4" t="s">
        <v>1542</v>
      </c>
      <c r="B5427" s="1" t="s">
        <v>3158</v>
      </c>
      <c r="C5427" s="5" t="s">
        <v>5361</v>
      </c>
      <c r="D5427" s="1" t="s">
        <v>1542</v>
      </c>
      <c r="E5427" s="5" t="s">
        <v>14323</v>
      </c>
      <c r="F5427" s="6">
        <v>2985</v>
      </c>
    </row>
    <row r="5428" spans="1:6" x14ac:dyDescent="0.25">
      <c r="A5428" s="4" t="s">
        <v>2922</v>
      </c>
      <c r="B5428" s="1" t="s">
        <v>3151</v>
      </c>
      <c r="C5428" s="5">
        <v>502291</v>
      </c>
      <c r="D5428" s="1" t="s">
        <v>2922</v>
      </c>
      <c r="E5428" s="5" t="s">
        <v>17276</v>
      </c>
      <c r="F5428" s="6">
        <v>8424</v>
      </c>
    </row>
    <row r="5429" spans="1:6" x14ac:dyDescent="0.25">
      <c r="A5429" s="4" t="s">
        <v>1485</v>
      </c>
      <c r="B5429" s="1" t="s">
        <v>3154</v>
      </c>
      <c r="C5429" s="5" t="s">
        <v>5302</v>
      </c>
      <c r="D5429" s="1" t="s">
        <v>1485</v>
      </c>
      <c r="E5429" s="5" t="s">
        <v>14258</v>
      </c>
      <c r="F5429" s="6">
        <v>2919</v>
      </c>
    </row>
    <row r="5430" spans="1:6" x14ac:dyDescent="0.25">
      <c r="A5430" s="4" t="s">
        <v>2413</v>
      </c>
      <c r="B5430" s="1" t="s">
        <v>3156</v>
      </c>
      <c r="C5430" s="5" t="s">
        <v>6251</v>
      </c>
      <c r="D5430" s="1" t="s">
        <v>2413</v>
      </c>
      <c r="E5430" s="5" t="s">
        <v>15821</v>
      </c>
      <c r="F5430" s="6">
        <v>4732</v>
      </c>
    </row>
    <row r="5431" spans="1:6" x14ac:dyDescent="0.25">
      <c r="A5431" s="4" t="s">
        <v>2868</v>
      </c>
      <c r="B5431" s="1" t="s">
        <v>3156</v>
      </c>
      <c r="C5431" s="5">
        <v>306702</v>
      </c>
      <c r="D5431" s="1" t="s">
        <v>2868</v>
      </c>
      <c r="E5431" s="5" t="s">
        <v>17072</v>
      </c>
      <c r="F5431" s="6">
        <v>7778</v>
      </c>
    </row>
    <row r="5432" spans="1:6" x14ac:dyDescent="0.25">
      <c r="A5432" s="4" t="s">
        <v>3000</v>
      </c>
      <c r="B5432" s="1" t="s">
        <v>3158</v>
      </c>
      <c r="C5432" s="5" t="s">
        <v>7062</v>
      </c>
      <c r="D5432" s="1" t="s">
        <v>3000</v>
      </c>
      <c r="E5432" s="5" t="s">
        <v>17529</v>
      </c>
      <c r="F5432" s="6">
        <v>9143</v>
      </c>
    </row>
    <row r="5433" spans="1:6" x14ac:dyDescent="0.25">
      <c r="A5433" s="4" t="s">
        <v>2285</v>
      </c>
      <c r="B5433" s="1" t="s">
        <v>3156</v>
      </c>
      <c r="C5433" s="5" t="s">
        <v>6036</v>
      </c>
      <c r="D5433" s="1" t="s">
        <v>2285</v>
      </c>
      <c r="E5433" s="5" t="s">
        <v>15442</v>
      </c>
      <c r="F5433" s="6">
        <v>4180</v>
      </c>
    </row>
    <row r="5434" spans="1:6" x14ac:dyDescent="0.25">
      <c r="A5434" s="4" t="s">
        <v>543</v>
      </c>
      <c r="B5434" s="1" t="s">
        <v>3154</v>
      </c>
      <c r="C5434" s="5" t="s">
        <v>4189</v>
      </c>
      <c r="D5434" s="1" t="s">
        <v>543</v>
      </c>
      <c r="E5434" s="5" t="s">
        <v>12877</v>
      </c>
      <c r="F5434" s="6">
        <v>1478</v>
      </c>
    </row>
    <row r="5435" spans="1:6" x14ac:dyDescent="0.25">
      <c r="A5435" s="4" t="s">
        <v>2483</v>
      </c>
      <c r="B5435" s="1" t="s">
        <v>3158</v>
      </c>
      <c r="C5435" s="5" t="s">
        <v>6354</v>
      </c>
      <c r="D5435" s="1" t="s">
        <v>10041</v>
      </c>
      <c r="E5435" s="5" t="s">
        <v>16025</v>
      </c>
      <c r="F5435" s="6">
        <v>5008</v>
      </c>
    </row>
    <row r="5436" spans="1:6" x14ac:dyDescent="0.25">
      <c r="A5436" s="4" t="s">
        <v>212</v>
      </c>
      <c r="B5436" s="1" t="s">
        <v>3153</v>
      </c>
      <c r="C5436" s="5" t="s">
        <v>3581</v>
      </c>
      <c r="D5436" s="1" t="s">
        <v>7721</v>
      </c>
      <c r="E5436" s="5" t="s">
        <v>12016</v>
      </c>
      <c r="F5436" s="6">
        <v>449</v>
      </c>
    </row>
    <row r="5437" spans="1:6" x14ac:dyDescent="0.25">
      <c r="A5437" s="4" t="s">
        <v>212</v>
      </c>
      <c r="B5437" s="1" t="s">
        <v>3153</v>
      </c>
      <c r="C5437" s="5" t="s">
        <v>3581</v>
      </c>
      <c r="D5437" s="1" t="s">
        <v>8852</v>
      </c>
      <c r="E5437" s="5" t="s">
        <v>13752</v>
      </c>
      <c r="F5437" s="6">
        <v>2400</v>
      </c>
    </row>
    <row r="5438" spans="1:6" x14ac:dyDescent="0.25">
      <c r="A5438" s="4" t="s">
        <v>1729</v>
      </c>
      <c r="B5438" s="1" t="s">
        <v>3149</v>
      </c>
      <c r="C5438" s="5" t="s">
        <v>5513</v>
      </c>
      <c r="D5438" s="1" t="s">
        <v>9171</v>
      </c>
      <c r="E5438" s="5" t="s">
        <v>14532</v>
      </c>
      <c r="F5438" s="6">
        <v>3220</v>
      </c>
    </row>
    <row r="5439" spans="1:6" x14ac:dyDescent="0.25">
      <c r="A5439" s="4" t="s">
        <v>2977</v>
      </c>
      <c r="B5439" s="1" t="s">
        <v>3156</v>
      </c>
      <c r="C5439" s="5" t="s">
        <v>7014</v>
      </c>
      <c r="D5439" s="1" t="s">
        <v>2977</v>
      </c>
      <c r="E5439" s="5" t="s">
        <v>17439</v>
      </c>
      <c r="F5439" s="6">
        <v>9049</v>
      </c>
    </row>
    <row r="5440" spans="1:6" x14ac:dyDescent="0.25">
      <c r="A5440" s="4" t="s">
        <v>1514</v>
      </c>
      <c r="B5440" s="1" t="s">
        <v>3154</v>
      </c>
      <c r="C5440" s="5" t="s">
        <v>5333</v>
      </c>
      <c r="D5440" s="1" t="s">
        <v>1514</v>
      </c>
      <c r="E5440" s="5" t="s">
        <v>14292</v>
      </c>
      <c r="F5440" s="6">
        <v>2954</v>
      </c>
    </row>
    <row r="5441" spans="1:6" x14ac:dyDescent="0.25">
      <c r="A5441" s="4" t="s">
        <v>172</v>
      </c>
      <c r="B5441" s="1" t="s">
        <v>3158</v>
      </c>
      <c r="C5441" s="5" t="s">
        <v>3474</v>
      </c>
      <c r="D5441" s="1" t="s">
        <v>7605</v>
      </c>
      <c r="E5441" s="5" t="s">
        <v>11894</v>
      </c>
      <c r="F5441" s="6">
        <v>326</v>
      </c>
    </row>
    <row r="5442" spans="1:6" x14ac:dyDescent="0.25">
      <c r="A5442" s="4" t="s">
        <v>172</v>
      </c>
      <c r="B5442" s="1" t="s">
        <v>3158</v>
      </c>
      <c r="C5442" s="5" t="s">
        <v>3474</v>
      </c>
      <c r="D5442" s="1" t="s">
        <v>8763</v>
      </c>
      <c r="E5442" s="5" t="s">
        <v>13433</v>
      </c>
      <c r="F5442" s="6">
        <v>2067</v>
      </c>
    </row>
    <row r="5443" spans="1:6" x14ac:dyDescent="0.25">
      <c r="A5443" s="4" t="s">
        <v>172</v>
      </c>
      <c r="B5443" s="1" t="s">
        <v>3158</v>
      </c>
      <c r="C5443" s="5" t="s">
        <v>3474</v>
      </c>
      <c r="D5443" s="1" t="s">
        <v>9314</v>
      </c>
      <c r="E5443" s="5" t="s">
        <v>15002</v>
      </c>
      <c r="F5443" s="6">
        <v>3727</v>
      </c>
    </row>
    <row r="5444" spans="1:6" x14ac:dyDescent="0.25">
      <c r="A5444" s="4" t="s">
        <v>172</v>
      </c>
      <c r="B5444" s="1" t="s">
        <v>3158</v>
      </c>
      <c r="C5444" s="5" t="s">
        <v>3474</v>
      </c>
      <c r="D5444" s="1" t="s">
        <v>10034</v>
      </c>
      <c r="E5444" s="5" t="s">
        <v>16016</v>
      </c>
      <c r="F5444" s="6">
        <v>4983</v>
      </c>
    </row>
    <row r="5445" spans="1:6" x14ac:dyDescent="0.25">
      <c r="A5445" s="4" t="s">
        <v>172</v>
      </c>
      <c r="B5445" s="1" t="s">
        <v>3158</v>
      </c>
      <c r="C5445" s="5" t="s">
        <v>3474</v>
      </c>
      <c r="D5445" s="1" t="s">
        <v>11548</v>
      </c>
      <c r="E5445" s="5" t="s">
        <v>18018</v>
      </c>
      <c r="F5445" s="6">
        <v>9650</v>
      </c>
    </row>
    <row r="5446" spans="1:6" x14ac:dyDescent="0.25">
      <c r="A5446" s="4" t="s">
        <v>2355</v>
      </c>
      <c r="B5446" s="1" t="s">
        <v>812</v>
      </c>
      <c r="C5446" s="5" t="s">
        <v>6149</v>
      </c>
      <c r="D5446" s="1" t="s">
        <v>2355</v>
      </c>
      <c r="E5446" s="5" t="s">
        <v>15619</v>
      </c>
      <c r="F5446" s="6">
        <v>4361</v>
      </c>
    </row>
    <row r="5447" spans="1:6" x14ac:dyDescent="0.25">
      <c r="A5447" s="4" t="s">
        <v>1925</v>
      </c>
      <c r="B5447" s="1" t="s">
        <v>3152</v>
      </c>
      <c r="C5447" s="5" t="s">
        <v>3820</v>
      </c>
      <c r="D5447" s="1" t="s">
        <v>1925</v>
      </c>
      <c r="E5447" s="5" t="s">
        <v>14758</v>
      </c>
      <c r="F5447" s="6">
        <v>3469</v>
      </c>
    </row>
    <row r="5448" spans="1:6" x14ac:dyDescent="0.25">
      <c r="A5448" s="4" t="s">
        <v>480</v>
      </c>
      <c r="B5448" s="1" t="s">
        <v>3158</v>
      </c>
      <c r="C5448" s="5" t="s">
        <v>3566</v>
      </c>
      <c r="D5448" s="1" t="s">
        <v>8262</v>
      </c>
      <c r="E5448" s="5" t="s">
        <v>12670</v>
      </c>
      <c r="F5448" s="6">
        <v>1266</v>
      </c>
    </row>
    <row r="5449" spans="1:6" x14ac:dyDescent="0.25">
      <c r="A5449" s="4" t="s">
        <v>1347</v>
      </c>
      <c r="B5449" s="1" t="s">
        <v>3159</v>
      </c>
      <c r="C5449" s="5" t="s">
        <v>5140</v>
      </c>
      <c r="D5449" s="1" t="s">
        <v>1347</v>
      </c>
      <c r="E5449" s="5" t="s">
        <v>14034</v>
      </c>
      <c r="F5449" s="6">
        <v>2688</v>
      </c>
    </row>
    <row r="5450" spans="1:6" x14ac:dyDescent="0.25">
      <c r="A5450" s="4" t="s">
        <v>2453</v>
      </c>
      <c r="B5450" s="1" t="s">
        <v>3152</v>
      </c>
      <c r="C5450" s="5" t="s">
        <v>3326</v>
      </c>
      <c r="D5450" s="1" t="s">
        <v>9989</v>
      </c>
      <c r="E5450" s="5" t="s">
        <v>15954</v>
      </c>
      <c r="F5450" s="6">
        <v>4873</v>
      </c>
    </row>
    <row r="5451" spans="1:6" x14ac:dyDescent="0.25">
      <c r="A5451" s="4" t="s">
        <v>2199</v>
      </c>
      <c r="B5451" s="1" t="s">
        <v>3158</v>
      </c>
      <c r="C5451" s="5" t="s">
        <v>5913</v>
      </c>
      <c r="D5451" s="1" t="s">
        <v>2199</v>
      </c>
      <c r="E5451" s="5" t="s">
        <v>15255</v>
      </c>
      <c r="F5451" s="6">
        <v>3990</v>
      </c>
    </row>
    <row r="5452" spans="1:6" x14ac:dyDescent="0.25">
      <c r="A5452" s="4" t="s">
        <v>496</v>
      </c>
      <c r="B5452" s="1" t="s">
        <v>3152</v>
      </c>
      <c r="C5452" s="5" t="s">
        <v>4123</v>
      </c>
      <c r="D5452" s="1" t="s">
        <v>8325</v>
      </c>
      <c r="E5452" s="5" t="s">
        <v>12743</v>
      </c>
      <c r="F5452" s="6">
        <v>1340</v>
      </c>
    </row>
    <row r="5453" spans="1:6" x14ac:dyDescent="0.25">
      <c r="A5453" s="4" t="s">
        <v>1520</v>
      </c>
      <c r="B5453" s="1" t="s">
        <v>3152</v>
      </c>
      <c r="C5453" s="5" t="s">
        <v>5340</v>
      </c>
      <c r="D5453" s="1" t="s">
        <v>1520</v>
      </c>
      <c r="E5453" s="5" t="s">
        <v>14299</v>
      </c>
      <c r="F5453" s="6">
        <v>2961</v>
      </c>
    </row>
    <row r="5454" spans="1:6" x14ac:dyDescent="0.25">
      <c r="A5454" s="4" t="s">
        <v>1575</v>
      </c>
      <c r="B5454" s="1" t="s">
        <v>3144</v>
      </c>
      <c r="C5454" s="5" t="s">
        <v>5395</v>
      </c>
      <c r="D5454" s="1" t="s">
        <v>1575</v>
      </c>
      <c r="E5454" s="5" t="s">
        <v>14359</v>
      </c>
      <c r="F5454" s="6">
        <v>3024</v>
      </c>
    </row>
    <row r="5455" spans="1:6" x14ac:dyDescent="0.25">
      <c r="A5455" s="4" t="s">
        <v>2035</v>
      </c>
      <c r="B5455" s="1" t="s">
        <v>3152</v>
      </c>
      <c r="C5455" s="5" t="s">
        <v>4439</v>
      </c>
      <c r="D5455" s="1" t="s">
        <v>2035</v>
      </c>
      <c r="E5455" s="5" t="s">
        <v>14875</v>
      </c>
      <c r="F5455" s="6">
        <v>3591</v>
      </c>
    </row>
    <row r="5456" spans="1:6" x14ac:dyDescent="0.25">
      <c r="A5456" s="4" t="s">
        <v>1510</v>
      </c>
      <c r="B5456" s="1" t="s">
        <v>3165</v>
      </c>
      <c r="C5456" s="5" t="s">
        <v>5329</v>
      </c>
      <c r="D5456" s="1" t="s">
        <v>1510</v>
      </c>
      <c r="E5456" s="5" t="s">
        <v>14288</v>
      </c>
      <c r="F5456" s="6">
        <v>2950</v>
      </c>
    </row>
    <row r="5457" spans="1:6" x14ac:dyDescent="0.25">
      <c r="A5457" s="4" t="s">
        <v>1576</v>
      </c>
      <c r="B5457" s="1" t="s">
        <v>3148</v>
      </c>
      <c r="C5457" s="5" t="s">
        <v>5396</v>
      </c>
      <c r="D5457" s="1" t="s">
        <v>1576</v>
      </c>
      <c r="E5457" s="5" t="s">
        <v>14360</v>
      </c>
      <c r="F5457" s="6">
        <v>3025</v>
      </c>
    </row>
    <row r="5458" spans="1:6" x14ac:dyDescent="0.25">
      <c r="A5458" s="4" t="s">
        <v>1639</v>
      </c>
      <c r="B5458" s="1" t="s">
        <v>3147</v>
      </c>
      <c r="C5458" s="5" t="s">
        <v>3456</v>
      </c>
      <c r="D5458" s="1" t="s">
        <v>1639</v>
      </c>
      <c r="E5458" s="5" t="s">
        <v>14428</v>
      </c>
      <c r="F5458" s="6">
        <v>3110</v>
      </c>
    </row>
    <row r="5459" spans="1:6" x14ac:dyDescent="0.25">
      <c r="A5459" s="4" t="s">
        <v>2670</v>
      </c>
      <c r="B5459" s="1" t="s">
        <v>3144</v>
      </c>
      <c r="C5459" s="5" t="s">
        <v>6589</v>
      </c>
      <c r="D5459" s="1" t="s">
        <v>2670</v>
      </c>
      <c r="E5459" s="5" t="s">
        <v>16497</v>
      </c>
      <c r="F5459" s="6">
        <v>6058</v>
      </c>
    </row>
    <row r="5460" spans="1:6" x14ac:dyDescent="0.25">
      <c r="A5460" s="4" t="s">
        <v>3142</v>
      </c>
      <c r="B5460" s="1" t="s">
        <v>3161</v>
      </c>
      <c r="C5460" s="5" t="s">
        <v>7318</v>
      </c>
      <c r="D5460" s="1" t="s">
        <v>11582</v>
      </c>
      <c r="E5460" s="5" t="s">
        <v>18059</v>
      </c>
      <c r="F5460" s="6">
        <v>9693</v>
      </c>
    </row>
    <row r="5461" spans="1:6" x14ac:dyDescent="0.25">
      <c r="A5461" s="4" t="s">
        <v>2098</v>
      </c>
      <c r="B5461" s="1" t="s">
        <v>3144</v>
      </c>
      <c r="C5461" s="5" t="s">
        <v>4420</v>
      </c>
      <c r="D5461" s="1" t="s">
        <v>2098</v>
      </c>
      <c r="E5461" s="5" t="s">
        <v>15021</v>
      </c>
      <c r="F5461" s="6">
        <v>3748</v>
      </c>
    </row>
    <row r="5462" spans="1:6" x14ac:dyDescent="0.25">
      <c r="A5462" s="4" t="s">
        <v>2514</v>
      </c>
      <c r="B5462" s="1" t="s">
        <v>1147</v>
      </c>
      <c r="C5462" s="5" t="s">
        <v>6401</v>
      </c>
      <c r="D5462" s="1" t="s">
        <v>10136</v>
      </c>
      <c r="E5462" s="5" t="s">
        <v>16141</v>
      </c>
      <c r="F5462" s="6">
        <v>5237</v>
      </c>
    </row>
    <row r="5463" spans="1:6" x14ac:dyDescent="0.25">
      <c r="A5463" s="4" t="s">
        <v>93</v>
      </c>
      <c r="B5463" s="1" t="s">
        <v>3146</v>
      </c>
      <c r="C5463" s="5" t="s">
        <v>3349</v>
      </c>
      <c r="D5463" s="1" t="s">
        <v>7476</v>
      </c>
      <c r="E5463" s="5" t="s">
        <v>11757</v>
      </c>
      <c r="F5463" s="6">
        <v>178</v>
      </c>
    </row>
    <row r="5464" spans="1:6" x14ac:dyDescent="0.25">
      <c r="A5464" s="4" t="s">
        <v>93</v>
      </c>
      <c r="B5464" s="1" t="s">
        <v>3170</v>
      </c>
      <c r="C5464" s="5">
        <v>636005</v>
      </c>
      <c r="D5464" s="1" t="s">
        <v>8178</v>
      </c>
      <c r="E5464" s="5" t="s">
        <v>12580</v>
      </c>
      <c r="F5464" s="6">
        <v>1110</v>
      </c>
    </row>
    <row r="5465" spans="1:6" x14ac:dyDescent="0.25">
      <c r="A5465" s="4" t="s">
        <v>93</v>
      </c>
      <c r="B5465" s="1" t="s">
        <v>3146</v>
      </c>
      <c r="C5465" s="5" t="s">
        <v>4088</v>
      </c>
      <c r="D5465" s="1" t="s">
        <v>8277</v>
      </c>
      <c r="E5465" s="5" t="s">
        <v>12685</v>
      </c>
      <c r="F5465" s="6">
        <v>1281</v>
      </c>
    </row>
    <row r="5466" spans="1:6" x14ac:dyDescent="0.25">
      <c r="A5466" s="4" t="s">
        <v>93</v>
      </c>
      <c r="B5466" s="1" t="s">
        <v>3146</v>
      </c>
      <c r="C5466" s="5" t="s">
        <v>4269</v>
      </c>
      <c r="D5466" s="1" t="s">
        <v>8516</v>
      </c>
      <c r="E5466" s="5" t="s">
        <v>12980</v>
      </c>
      <c r="F5466" s="6">
        <v>1590</v>
      </c>
    </row>
    <row r="5467" spans="1:6" x14ac:dyDescent="0.25">
      <c r="A5467" s="4" t="s">
        <v>93</v>
      </c>
      <c r="B5467" s="1" t="s">
        <v>3146</v>
      </c>
      <c r="C5467" s="5" t="s">
        <v>4920</v>
      </c>
      <c r="D5467" s="1" t="s">
        <v>8860</v>
      </c>
      <c r="E5467" s="5" t="s">
        <v>13761</v>
      </c>
      <c r="F5467" s="6">
        <v>2410</v>
      </c>
    </row>
    <row r="5468" spans="1:6" x14ac:dyDescent="0.25">
      <c r="A5468" s="4" t="s">
        <v>93</v>
      </c>
      <c r="B5468" s="1" t="s">
        <v>3146</v>
      </c>
      <c r="C5468" s="5" t="s">
        <v>5762</v>
      </c>
      <c r="D5468" s="1" t="s">
        <v>9276</v>
      </c>
      <c r="E5468" s="5" t="s">
        <v>14951</v>
      </c>
      <c r="F5468" s="6">
        <v>3673</v>
      </c>
    </row>
    <row r="5469" spans="1:6" x14ac:dyDescent="0.25">
      <c r="A5469" s="4" t="s">
        <v>93</v>
      </c>
      <c r="B5469" s="1" t="s">
        <v>3146</v>
      </c>
      <c r="C5469" s="5" t="s">
        <v>6413</v>
      </c>
      <c r="D5469" s="1" t="s">
        <v>10149</v>
      </c>
      <c r="E5469" s="5" t="s">
        <v>16159</v>
      </c>
      <c r="F5469" s="6">
        <v>5272</v>
      </c>
    </row>
    <row r="5470" spans="1:6" x14ac:dyDescent="0.25">
      <c r="A5470" s="4" t="s">
        <v>93</v>
      </c>
      <c r="B5470" s="1" t="s">
        <v>3146</v>
      </c>
      <c r="C5470" s="5" t="s">
        <v>6528</v>
      </c>
      <c r="D5470" s="1" t="s">
        <v>10290</v>
      </c>
      <c r="E5470" s="5" t="s">
        <v>16369</v>
      </c>
      <c r="F5470" s="6">
        <v>5767</v>
      </c>
    </row>
    <row r="5471" spans="1:6" x14ac:dyDescent="0.25">
      <c r="A5471" s="4" t="s">
        <v>93</v>
      </c>
      <c r="B5471" s="1" t="s">
        <v>3146</v>
      </c>
      <c r="C5471" s="5" t="s">
        <v>6560</v>
      </c>
      <c r="D5471" s="1" t="s">
        <v>10328</v>
      </c>
      <c r="E5471" s="5" t="s">
        <v>16425</v>
      </c>
      <c r="F5471" s="6">
        <v>5884</v>
      </c>
    </row>
    <row r="5472" spans="1:6" x14ac:dyDescent="0.25">
      <c r="A5472" s="4" t="s">
        <v>963</v>
      </c>
      <c r="B5472" s="1" t="s">
        <v>3158</v>
      </c>
      <c r="C5472" s="5" t="s">
        <v>4710</v>
      </c>
      <c r="D5472" s="1" t="s">
        <v>963</v>
      </c>
      <c r="E5472" s="5" t="s">
        <v>13530</v>
      </c>
      <c r="F5472" s="6">
        <v>2168</v>
      </c>
    </row>
    <row r="5473" spans="1:6" x14ac:dyDescent="0.25">
      <c r="A5473" s="4" t="s">
        <v>719</v>
      </c>
      <c r="B5473" s="1" t="s">
        <v>3160</v>
      </c>
      <c r="C5473" s="5" t="s">
        <v>4429</v>
      </c>
      <c r="D5473" s="1" t="s">
        <v>719</v>
      </c>
      <c r="E5473" s="5" t="s">
        <v>13188</v>
      </c>
      <c r="F5473" s="6">
        <v>1821</v>
      </c>
    </row>
    <row r="5474" spans="1:6" x14ac:dyDescent="0.25">
      <c r="A5474" s="4" t="s">
        <v>1365</v>
      </c>
      <c r="B5474" s="1" t="s">
        <v>1147</v>
      </c>
      <c r="C5474" s="5" t="s">
        <v>5161</v>
      </c>
      <c r="D5474" s="1" t="s">
        <v>1365</v>
      </c>
      <c r="E5474" s="5" t="s">
        <v>14068</v>
      </c>
      <c r="F5474" s="6">
        <v>2723</v>
      </c>
    </row>
    <row r="5475" spans="1:6" x14ac:dyDescent="0.25">
      <c r="A5475" s="4" t="s">
        <v>2422</v>
      </c>
      <c r="B5475" s="1" t="s">
        <v>3158</v>
      </c>
      <c r="C5475" s="5" t="s">
        <v>6269</v>
      </c>
      <c r="D5475" s="1" t="s">
        <v>2422</v>
      </c>
      <c r="E5475" s="5" t="s">
        <v>15853</v>
      </c>
      <c r="F5475" s="6">
        <v>4766</v>
      </c>
    </row>
    <row r="5476" spans="1:6" x14ac:dyDescent="0.25">
      <c r="A5476" s="4" t="s">
        <v>2634</v>
      </c>
      <c r="B5476" s="1" t="s">
        <v>3156</v>
      </c>
      <c r="C5476" s="5" t="s">
        <v>6551</v>
      </c>
      <c r="D5476" s="1" t="s">
        <v>10315</v>
      </c>
      <c r="E5476" s="5" t="s">
        <v>16407</v>
      </c>
      <c r="F5476" s="6">
        <v>5844</v>
      </c>
    </row>
    <row r="5477" spans="1:6" x14ac:dyDescent="0.25">
      <c r="A5477" s="4" t="s">
        <v>2131</v>
      </c>
      <c r="B5477" s="1" t="s">
        <v>3161</v>
      </c>
      <c r="C5477" s="5" t="s">
        <v>3799</v>
      </c>
      <c r="D5477" s="1" t="s">
        <v>9370</v>
      </c>
      <c r="E5477" s="5" t="s">
        <v>15092</v>
      </c>
      <c r="F5477" s="6">
        <v>3821</v>
      </c>
    </row>
    <row r="5478" spans="1:6" x14ac:dyDescent="0.25">
      <c r="A5478" s="4" t="s">
        <v>1007</v>
      </c>
      <c r="B5478" s="1" t="s">
        <v>3155</v>
      </c>
      <c r="C5478" s="5">
        <v>535591</v>
      </c>
      <c r="D5478" s="1" t="s">
        <v>1007</v>
      </c>
      <c r="E5478" s="5" t="s">
        <v>13574</v>
      </c>
      <c r="F5478" s="6">
        <v>2214</v>
      </c>
    </row>
    <row r="5479" spans="1:6" x14ac:dyDescent="0.25">
      <c r="A5479" s="4" t="s">
        <v>2118</v>
      </c>
      <c r="B5479" s="1" t="s">
        <v>3158</v>
      </c>
      <c r="C5479" s="5" t="s">
        <v>5820</v>
      </c>
      <c r="D5479" s="1" t="s">
        <v>9347</v>
      </c>
      <c r="E5479" s="5" t="s">
        <v>15059</v>
      </c>
      <c r="F5479" s="6">
        <v>3787</v>
      </c>
    </row>
    <row r="5480" spans="1:6" x14ac:dyDescent="0.25">
      <c r="A5480" s="4" t="s">
        <v>2036</v>
      </c>
      <c r="B5480" s="1" t="s">
        <v>3154</v>
      </c>
      <c r="C5480" s="5" t="s">
        <v>5138</v>
      </c>
      <c r="D5480" s="1" t="s">
        <v>2036</v>
      </c>
      <c r="E5480" s="5" t="s">
        <v>14876</v>
      </c>
      <c r="F5480" s="6">
        <v>3592</v>
      </c>
    </row>
    <row r="5481" spans="1:6" x14ac:dyDescent="0.25">
      <c r="A5481" s="4" t="s">
        <v>2921</v>
      </c>
      <c r="B5481" s="1" t="s">
        <v>3146</v>
      </c>
      <c r="C5481" s="5">
        <v>641663</v>
      </c>
      <c r="D5481" s="1" t="s">
        <v>2921</v>
      </c>
      <c r="E5481" s="5" t="s">
        <v>17270</v>
      </c>
      <c r="F5481" s="6">
        <v>8369</v>
      </c>
    </row>
    <row r="5482" spans="1:6" x14ac:dyDescent="0.25">
      <c r="A5482" s="4" t="s">
        <v>2800</v>
      </c>
      <c r="B5482" s="1" t="s">
        <v>3152</v>
      </c>
      <c r="C5482" s="5" t="s">
        <v>6785</v>
      </c>
      <c r="D5482" s="1" t="s">
        <v>2800</v>
      </c>
      <c r="E5482" s="5" t="s">
        <v>16880</v>
      </c>
      <c r="F5482" s="6">
        <v>7157</v>
      </c>
    </row>
    <row r="5483" spans="1:6" x14ac:dyDescent="0.25">
      <c r="A5483" s="4" t="s">
        <v>526</v>
      </c>
      <c r="B5483" s="1" t="s">
        <v>3152</v>
      </c>
      <c r="C5483" s="5">
        <v>147101</v>
      </c>
      <c r="D5483" s="1" t="s">
        <v>526</v>
      </c>
      <c r="E5483" s="5" t="s">
        <v>12831</v>
      </c>
      <c r="F5483" s="6">
        <v>1431</v>
      </c>
    </row>
    <row r="5484" spans="1:6" x14ac:dyDescent="0.25">
      <c r="A5484" s="4" t="s">
        <v>1290</v>
      </c>
      <c r="B5484" s="1" t="s">
        <v>812</v>
      </c>
      <c r="C5484" s="5" t="s">
        <v>5075</v>
      </c>
      <c r="D5484" s="1" t="s">
        <v>1290</v>
      </c>
      <c r="E5484" s="5" t="s">
        <v>13956</v>
      </c>
      <c r="F5484" s="6">
        <v>2608</v>
      </c>
    </row>
    <row r="5485" spans="1:6" x14ac:dyDescent="0.25">
      <c r="A5485" s="4" t="s">
        <v>1290</v>
      </c>
      <c r="B5485" s="1" t="s">
        <v>812</v>
      </c>
      <c r="C5485" s="5" t="s">
        <v>5075</v>
      </c>
      <c r="D5485" s="1" t="s">
        <v>11083</v>
      </c>
      <c r="E5485" s="5" t="s">
        <v>17425</v>
      </c>
      <c r="F5485" s="6">
        <v>9033</v>
      </c>
    </row>
    <row r="5486" spans="1:6" x14ac:dyDescent="0.25">
      <c r="A5486" s="4" t="s">
        <v>1022</v>
      </c>
      <c r="B5486" s="1" t="s">
        <v>3163</v>
      </c>
      <c r="C5486" s="5" t="s">
        <v>4765</v>
      </c>
      <c r="D5486" s="1" t="s">
        <v>1022</v>
      </c>
      <c r="E5486" s="5" t="s">
        <v>13589</v>
      </c>
      <c r="F5486" s="6">
        <v>2230</v>
      </c>
    </row>
    <row r="5487" spans="1:6" x14ac:dyDescent="0.25">
      <c r="A5487" s="4" t="s">
        <v>1022</v>
      </c>
      <c r="B5487" s="1" t="s">
        <v>3163</v>
      </c>
      <c r="C5487" s="5" t="s">
        <v>5850</v>
      </c>
      <c r="D5487" s="1" t="s">
        <v>9384</v>
      </c>
      <c r="E5487" s="5" t="s">
        <v>15120</v>
      </c>
      <c r="F5487" s="6">
        <v>3850</v>
      </c>
    </row>
    <row r="5488" spans="1:6" x14ac:dyDescent="0.25">
      <c r="A5488" s="4" t="s">
        <v>185</v>
      </c>
      <c r="B5488" s="1" t="s">
        <v>3160</v>
      </c>
      <c r="C5488" s="5" t="s">
        <v>3513</v>
      </c>
      <c r="D5488" s="1" t="s">
        <v>7647</v>
      </c>
      <c r="E5488" s="5" t="s">
        <v>11936</v>
      </c>
      <c r="F5488" s="6">
        <v>369</v>
      </c>
    </row>
    <row r="5489" spans="1:6" x14ac:dyDescent="0.25">
      <c r="A5489" s="4" t="s">
        <v>185</v>
      </c>
      <c r="B5489" s="1" t="s">
        <v>3160</v>
      </c>
      <c r="C5489" s="5" t="s">
        <v>5158</v>
      </c>
      <c r="D5489" s="1" t="s">
        <v>9012</v>
      </c>
      <c r="E5489" s="5" t="s">
        <v>14062</v>
      </c>
      <c r="F5489" s="6">
        <v>2717</v>
      </c>
    </row>
    <row r="5490" spans="1:6" x14ac:dyDescent="0.25">
      <c r="A5490" s="4" t="s">
        <v>185</v>
      </c>
      <c r="B5490" s="1" t="s">
        <v>3160</v>
      </c>
      <c r="C5490" s="5" t="s">
        <v>6025</v>
      </c>
      <c r="D5490" s="1" t="s">
        <v>9586</v>
      </c>
      <c r="E5490" s="5" t="s">
        <v>15427</v>
      </c>
      <c r="F5490" s="6">
        <v>4165</v>
      </c>
    </row>
    <row r="5491" spans="1:6" x14ac:dyDescent="0.25">
      <c r="A5491" s="4" t="s">
        <v>185</v>
      </c>
      <c r="B5491" s="1" t="s">
        <v>3160</v>
      </c>
      <c r="C5491" s="5" t="s">
        <v>6430</v>
      </c>
      <c r="D5491" s="1" t="s">
        <v>10182</v>
      </c>
      <c r="E5491" s="5" t="s">
        <v>16199</v>
      </c>
      <c r="F5491" s="6">
        <v>5347</v>
      </c>
    </row>
    <row r="5492" spans="1:6" x14ac:dyDescent="0.25">
      <c r="A5492" s="4" t="s">
        <v>185</v>
      </c>
      <c r="B5492" s="1" t="s">
        <v>3160</v>
      </c>
      <c r="C5492" s="5" t="s">
        <v>6724</v>
      </c>
      <c r="D5492" s="1" t="s">
        <v>10567</v>
      </c>
      <c r="E5492" s="5" t="s">
        <v>16758</v>
      </c>
      <c r="F5492" s="6">
        <v>6849</v>
      </c>
    </row>
    <row r="5493" spans="1:6" x14ac:dyDescent="0.25">
      <c r="A5493" s="4" t="s">
        <v>818</v>
      </c>
      <c r="B5493" s="1" t="s">
        <v>3158</v>
      </c>
      <c r="C5493" s="5" t="s">
        <v>4548</v>
      </c>
      <c r="D5493" s="1" t="s">
        <v>8711</v>
      </c>
      <c r="E5493" s="5" t="s">
        <v>13333</v>
      </c>
      <c r="F5493" s="6">
        <v>1966</v>
      </c>
    </row>
    <row r="5494" spans="1:6" x14ac:dyDescent="0.25">
      <c r="A5494" s="4" t="s">
        <v>2175</v>
      </c>
      <c r="B5494" s="1" t="s">
        <v>3156</v>
      </c>
      <c r="C5494" s="5" t="s">
        <v>5880</v>
      </c>
      <c r="D5494" s="1" t="s">
        <v>2175</v>
      </c>
      <c r="E5494" s="5" t="s">
        <v>15188</v>
      </c>
      <c r="F5494" s="6">
        <v>3922</v>
      </c>
    </row>
    <row r="5495" spans="1:6" x14ac:dyDescent="0.25">
      <c r="A5495" s="4" t="s">
        <v>1999</v>
      </c>
      <c r="B5495" s="1" t="s">
        <v>3152</v>
      </c>
      <c r="C5495" s="5" t="s">
        <v>4026</v>
      </c>
      <c r="D5495" s="1" t="s">
        <v>1999</v>
      </c>
      <c r="E5495" s="5" t="s">
        <v>14837</v>
      </c>
      <c r="F5495" s="6">
        <v>3549</v>
      </c>
    </row>
    <row r="5496" spans="1:6" x14ac:dyDescent="0.25">
      <c r="A5496" s="4" t="s">
        <v>2089</v>
      </c>
      <c r="B5496" s="1" t="s">
        <v>3147</v>
      </c>
      <c r="C5496" s="5" t="s">
        <v>5788</v>
      </c>
      <c r="D5496" s="1" t="s">
        <v>2089</v>
      </c>
      <c r="E5496" s="5" t="s">
        <v>15000</v>
      </c>
      <c r="F5496" s="6">
        <v>3725</v>
      </c>
    </row>
    <row r="5497" spans="1:6" x14ac:dyDescent="0.25">
      <c r="A5497" s="4" t="s">
        <v>1494</v>
      </c>
      <c r="B5497" s="1" t="s">
        <v>3154</v>
      </c>
      <c r="C5497" s="5" t="s">
        <v>5309</v>
      </c>
      <c r="D5497" s="1" t="s">
        <v>1494</v>
      </c>
      <c r="E5497" s="5" t="s">
        <v>14267</v>
      </c>
      <c r="F5497" s="6">
        <v>2928</v>
      </c>
    </row>
    <row r="5498" spans="1:6" x14ac:dyDescent="0.25">
      <c r="A5498" s="4" t="s">
        <v>2429</v>
      </c>
      <c r="B5498" s="1" t="s">
        <v>3158</v>
      </c>
      <c r="C5498" s="5" t="s">
        <v>6286</v>
      </c>
      <c r="D5498" s="1" t="s">
        <v>9934</v>
      </c>
      <c r="E5498" s="5" t="s">
        <v>15880</v>
      </c>
      <c r="F5498" s="6">
        <v>4794</v>
      </c>
    </row>
    <row r="5499" spans="1:6" x14ac:dyDescent="0.25">
      <c r="A5499" s="4" t="s">
        <v>638</v>
      </c>
      <c r="B5499" s="1" t="s">
        <v>3147</v>
      </c>
      <c r="C5499" s="5" t="s">
        <v>4322</v>
      </c>
      <c r="D5499" s="1" t="s">
        <v>8555</v>
      </c>
      <c r="E5499" s="5" t="s">
        <v>13046</v>
      </c>
      <c r="F5499" s="6">
        <v>1677</v>
      </c>
    </row>
    <row r="5500" spans="1:6" x14ac:dyDescent="0.25">
      <c r="A5500" s="4" t="s">
        <v>2026</v>
      </c>
      <c r="B5500" s="1" t="s">
        <v>3147</v>
      </c>
      <c r="C5500" s="5" t="s">
        <v>5720</v>
      </c>
      <c r="D5500" s="1" t="s">
        <v>2026</v>
      </c>
      <c r="E5500" s="5" t="s">
        <v>14866</v>
      </c>
      <c r="F5500" s="6">
        <v>3582</v>
      </c>
    </row>
    <row r="5501" spans="1:6" x14ac:dyDescent="0.25">
      <c r="A5501" s="4" t="s">
        <v>1722</v>
      </c>
      <c r="B5501" s="1" t="s">
        <v>3152</v>
      </c>
      <c r="C5501" s="5" t="s">
        <v>5504</v>
      </c>
      <c r="D5501" s="1" t="s">
        <v>1722</v>
      </c>
      <c r="E5501" s="5" t="s">
        <v>14519</v>
      </c>
      <c r="F5501" s="6">
        <v>3207</v>
      </c>
    </row>
    <row r="5502" spans="1:6" x14ac:dyDescent="0.25">
      <c r="A5502" s="4" t="s">
        <v>2971</v>
      </c>
      <c r="B5502" s="1" t="s">
        <v>3153</v>
      </c>
      <c r="C5502" s="5" t="s">
        <v>5619</v>
      </c>
      <c r="D5502" s="1" t="s">
        <v>2971</v>
      </c>
      <c r="E5502" s="5" t="s">
        <v>17412</v>
      </c>
      <c r="F5502" s="6">
        <v>9019</v>
      </c>
    </row>
    <row r="5503" spans="1:6" x14ac:dyDescent="0.25">
      <c r="A5503" s="4" t="s">
        <v>2983</v>
      </c>
      <c r="B5503" s="1" t="s">
        <v>3156</v>
      </c>
      <c r="C5503" s="5" t="s">
        <v>7028</v>
      </c>
      <c r="D5503" s="1" t="s">
        <v>2983</v>
      </c>
      <c r="E5503" s="5" t="s">
        <v>17461</v>
      </c>
      <c r="F5503" s="6">
        <v>9072</v>
      </c>
    </row>
    <row r="5504" spans="1:6" x14ac:dyDescent="0.25">
      <c r="A5504" s="4" t="s">
        <v>2053</v>
      </c>
      <c r="B5504" s="1" t="s">
        <v>3154</v>
      </c>
      <c r="C5504" s="5" t="s">
        <v>4658</v>
      </c>
      <c r="D5504" s="1" t="s">
        <v>2053</v>
      </c>
      <c r="E5504" s="5" t="s">
        <v>14893</v>
      </c>
      <c r="F5504" s="6">
        <v>3610</v>
      </c>
    </row>
    <row r="5505" spans="1:6" x14ac:dyDescent="0.25">
      <c r="A5505" s="4" t="s">
        <v>1787</v>
      </c>
      <c r="B5505" s="1" t="s">
        <v>3152</v>
      </c>
      <c r="C5505" s="5" t="s">
        <v>5567</v>
      </c>
      <c r="D5505" s="1" t="s">
        <v>1787</v>
      </c>
      <c r="E5505" s="5" t="s">
        <v>14607</v>
      </c>
      <c r="F5505" s="6">
        <v>3302</v>
      </c>
    </row>
    <row r="5506" spans="1:6" x14ac:dyDescent="0.25">
      <c r="A5506" s="4" t="s">
        <v>1312</v>
      </c>
      <c r="B5506" s="1" t="s">
        <v>3158</v>
      </c>
      <c r="C5506" s="5" t="s">
        <v>5097</v>
      </c>
      <c r="D5506" s="1" t="s">
        <v>1312</v>
      </c>
      <c r="E5506" s="5" t="s">
        <v>13983</v>
      </c>
      <c r="F5506" s="6">
        <v>2636</v>
      </c>
    </row>
    <row r="5507" spans="1:6" x14ac:dyDescent="0.25">
      <c r="A5507" s="4" t="s">
        <v>1111</v>
      </c>
      <c r="B5507" s="1" t="s">
        <v>3149</v>
      </c>
      <c r="C5507" s="5" t="s">
        <v>4852</v>
      </c>
      <c r="D5507" s="1" t="s">
        <v>1111</v>
      </c>
      <c r="E5507" s="5" t="s">
        <v>13682</v>
      </c>
      <c r="F5507" s="6">
        <v>2328</v>
      </c>
    </row>
    <row r="5508" spans="1:6" x14ac:dyDescent="0.25">
      <c r="A5508" s="4" t="s">
        <v>1848</v>
      </c>
      <c r="B5508" s="1" t="s">
        <v>3152</v>
      </c>
      <c r="C5508" s="5" t="s">
        <v>4877</v>
      </c>
      <c r="D5508" s="1" t="s">
        <v>1848</v>
      </c>
      <c r="E5508" s="5" t="s">
        <v>14678</v>
      </c>
      <c r="F5508" s="6">
        <v>3380</v>
      </c>
    </row>
    <row r="5509" spans="1:6" x14ac:dyDescent="0.25">
      <c r="A5509" s="4" t="s">
        <v>2594</v>
      </c>
      <c r="B5509" s="1" t="s">
        <v>3144</v>
      </c>
      <c r="C5509" s="5" t="s">
        <v>3595</v>
      </c>
      <c r="D5509" s="1" t="s">
        <v>10264</v>
      </c>
      <c r="E5509" s="5" t="s">
        <v>16326</v>
      </c>
      <c r="F5509" s="6">
        <v>5655</v>
      </c>
    </row>
    <row r="5510" spans="1:6" x14ac:dyDescent="0.25">
      <c r="A5510" s="4" t="s">
        <v>2469</v>
      </c>
      <c r="B5510" s="1" t="s">
        <v>3151</v>
      </c>
      <c r="C5510" s="5">
        <v>502001</v>
      </c>
      <c r="D5510" s="1" t="s">
        <v>10015</v>
      </c>
      <c r="E5510" s="5" t="s">
        <v>15991</v>
      </c>
      <c r="F5510" s="6">
        <v>4921</v>
      </c>
    </row>
    <row r="5511" spans="1:6" x14ac:dyDescent="0.25">
      <c r="A5511" s="4" t="s">
        <v>2469</v>
      </c>
      <c r="B5511" s="1" t="s">
        <v>3151</v>
      </c>
      <c r="C5511" s="5">
        <v>502307</v>
      </c>
      <c r="D5511" s="1" t="s">
        <v>10050</v>
      </c>
      <c r="E5511" s="5" t="s">
        <v>16038</v>
      </c>
      <c r="F5511" s="6">
        <v>5034</v>
      </c>
    </row>
    <row r="5512" spans="1:6" x14ac:dyDescent="0.25">
      <c r="A5512" s="4" t="s">
        <v>1285</v>
      </c>
      <c r="B5512" s="1" t="s">
        <v>3156</v>
      </c>
      <c r="C5512" s="5" t="s">
        <v>5069</v>
      </c>
      <c r="D5512" s="1" t="s">
        <v>1285</v>
      </c>
      <c r="E5512" s="5" t="s">
        <v>13950</v>
      </c>
      <c r="F5512" s="6">
        <v>2602</v>
      </c>
    </row>
    <row r="5513" spans="1:6" x14ac:dyDescent="0.25">
      <c r="A5513" s="4" t="s">
        <v>1285</v>
      </c>
      <c r="B5513" s="1" t="s">
        <v>3156</v>
      </c>
      <c r="C5513" s="5" t="s">
        <v>4155</v>
      </c>
      <c r="D5513" s="1" t="s">
        <v>9615</v>
      </c>
      <c r="E5513" s="5" t="s">
        <v>15466</v>
      </c>
      <c r="F5513" s="6">
        <v>4204</v>
      </c>
    </row>
    <row r="5514" spans="1:6" x14ac:dyDescent="0.25">
      <c r="A5514" s="4" t="s">
        <v>1682</v>
      </c>
      <c r="B5514" s="1" t="s">
        <v>3152</v>
      </c>
      <c r="C5514" s="5">
        <v>151401</v>
      </c>
      <c r="D5514" s="1" t="s">
        <v>1682</v>
      </c>
      <c r="E5514" s="5" t="s">
        <v>14472</v>
      </c>
      <c r="F5514" s="6">
        <v>3157</v>
      </c>
    </row>
    <row r="5515" spans="1:6" x14ac:dyDescent="0.25">
      <c r="A5515" s="4" t="s">
        <v>122</v>
      </c>
      <c r="B5515" s="1" t="s">
        <v>3144</v>
      </c>
      <c r="C5515" s="5" t="s">
        <v>3387</v>
      </c>
      <c r="D5515" s="1" t="s">
        <v>7512</v>
      </c>
      <c r="E5515" s="5" t="s">
        <v>11796</v>
      </c>
      <c r="F5515" s="6">
        <v>222</v>
      </c>
    </row>
    <row r="5516" spans="1:6" x14ac:dyDescent="0.25">
      <c r="A5516" s="4" t="s">
        <v>122</v>
      </c>
      <c r="B5516" s="1" t="s">
        <v>3144</v>
      </c>
      <c r="C5516" s="5" t="s">
        <v>3387</v>
      </c>
      <c r="D5516" s="1" t="s">
        <v>11289</v>
      </c>
      <c r="E5516" s="5" t="s">
        <v>17701</v>
      </c>
      <c r="F5516" s="6">
        <v>9321</v>
      </c>
    </row>
    <row r="5517" spans="1:6" x14ac:dyDescent="0.25">
      <c r="A5517" s="4" t="s">
        <v>1349</v>
      </c>
      <c r="B5517" s="1" t="s">
        <v>3144</v>
      </c>
      <c r="C5517" s="5" t="s">
        <v>5142</v>
      </c>
      <c r="D5517" s="1" t="s">
        <v>8999</v>
      </c>
      <c r="E5517" s="5" t="s">
        <v>14037</v>
      </c>
      <c r="F5517" s="6">
        <v>2691</v>
      </c>
    </row>
    <row r="5518" spans="1:6" x14ac:dyDescent="0.25">
      <c r="A5518" s="4" t="s">
        <v>144</v>
      </c>
      <c r="B5518" s="1" t="s">
        <v>3152</v>
      </c>
      <c r="C5518" s="5" t="s">
        <v>3419</v>
      </c>
      <c r="D5518" s="1" t="s">
        <v>7545</v>
      </c>
      <c r="E5518" s="5" t="s">
        <v>11831</v>
      </c>
      <c r="F5518" s="6">
        <v>262</v>
      </c>
    </row>
    <row r="5519" spans="1:6" x14ac:dyDescent="0.25">
      <c r="A5519" s="4" t="s">
        <v>144</v>
      </c>
      <c r="B5519" s="1" t="s">
        <v>3152</v>
      </c>
      <c r="C5519" s="5" t="s">
        <v>3698</v>
      </c>
      <c r="D5519" s="1" t="s">
        <v>7869</v>
      </c>
      <c r="E5519" s="5" t="s">
        <v>12175</v>
      </c>
      <c r="F5519" s="6">
        <v>649</v>
      </c>
    </row>
    <row r="5520" spans="1:6" x14ac:dyDescent="0.25">
      <c r="A5520" s="4" t="s">
        <v>144</v>
      </c>
      <c r="B5520" s="1" t="s">
        <v>3152</v>
      </c>
      <c r="C5520" s="5" t="s">
        <v>3807</v>
      </c>
      <c r="D5520" s="1" t="s">
        <v>7983</v>
      </c>
      <c r="E5520" s="5" t="s">
        <v>12302</v>
      </c>
      <c r="F5520" s="6">
        <v>796</v>
      </c>
    </row>
    <row r="5521" spans="1:6" x14ac:dyDescent="0.25">
      <c r="A5521" s="4" t="s">
        <v>144</v>
      </c>
      <c r="B5521" s="1" t="s">
        <v>3152</v>
      </c>
      <c r="C5521" s="5" t="s">
        <v>3419</v>
      </c>
      <c r="D5521" s="1" t="s">
        <v>9013</v>
      </c>
      <c r="E5521" s="5" t="s">
        <v>14063</v>
      </c>
      <c r="F5521" s="6">
        <v>2718</v>
      </c>
    </row>
    <row r="5522" spans="1:6" x14ac:dyDescent="0.25">
      <c r="A5522" s="4" t="s">
        <v>1417</v>
      </c>
      <c r="B5522" s="1" t="s">
        <v>1147</v>
      </c>
      <c r="C5522" s="5" t="s">
        <v>5223</v>
      </c>
      <c r="D5522" s="1" t="s">
        <v>1417</v>
      </c>
      <c r="E5522" s="5" t="s">
        <v>14155</v>
      </c>
      <c r="F5522" s="6">
        <v>2812</v>
      </c>
    </row>
    <row r="5523" spans="1:6" x14ac:dyDescent="0.25">
      <c r="A5523" s="4" t="s">
        <v>1615</v>
      </c>
      <c r="B5523" s="1" t="s">
        <v>3147</v>
      </c>
      <c r="C5523" s="5" t="s">
        <v>5430</v>
      </c>
      <c r="D5523" s="1" t="s">
        <v>1615</v>
      </c>
      <c r="E5523" s="5" t="s">
        <v>14402</v>
      </c>
      <c r="F5523" s="6">
        <v>3075</v>
      </c>
    </row>
    <row r="5524" spans="1:6" x14ac:dyDescent="0.25">
      <c r="A5524" s="4" t="s">
        <v>178</v>
      </c>
      <c r="B5524" s="1" t="s">
        <v>3165</v>
      </c>
      <c r="C5524" s="5" t="s">
        <v>3491</v>
      </c>
      <c r="D5524" s="1" t="s">
        <v>7624</v>
      </c>
      <c r="E5524" s="5" t="s">
        <v>11913</v>
      </c>
      <c r="F5524" s="6">
        <v>346</v>
      </c>
    </row>
    <row r="5525" spans="1:6" x14ac:dyDescent="0.25">
      <c r="A5525" s="4" t="s">
        <v>1112</v>
      </c>
      <c r="B5525" s="1" t="s">
        <v>3146</v>
      </c>
      <c r="C5525" s="5" t="s">
        <v>4853</v>
      </c>
      <c r="D5525" s="1" t="s">
        <v>1112</v>
      </c>
      <c r="E5525" s="5" t="s">
        <v>13683</v>
      </c>
      <c r="F5525" s="6">
        <v>2329</v>
      </c>
    </row>
    <row r="5526" spans="1:6" x14ac:dyDescent="0.25">
      <c r="A5526" s="4" t="s">
        <v>3096</v>
      </c>
      <c r="B5526" s="1" t="s">
        <v>3146</v>
      </c>
      <c r="C5526" s="5" t="s">
        <v>7252</v>
      </c>
      <c r="D5526" s="1" t="s">
        <v>3096</v>
      </c>
      <c r="E5526" s="5" t="s">
        <v>17926</v>
      </c>
      <c r="F5526" s="6">
        <v>9556</v>
      </c>
    </row>
    <row r="5527" spans="1:6" x14ac:dyDescent="0.25">
      <c r="A5527" s="4" t="s">
        <v>2183</v>
      </c>
      <c r="B5527" s="1" t="s">
        <v>3149</v>
      </c>
      <c r="C5527" s="5" t="s">
        <v>5890</v>
      </c>
      <c r="D5527" s="1" t="s">
        <v>2183</v>
      </c>
      <c r="E5527" s="5" t="s">
        <v>15201</v>
      </c>
      <c r="F5527" s="6">
        <v>3935</v>
      </c>
    </row>
    <row r="5528" spans="1:6" x14ac:dyDescent="0.25">
      <c r="A5528" s="4" t="s">
        <v>2039</v>
      </c>
      <c r="B5528" s="1" t="s">
        <v>3154</v>
      </c>
      <c r="C5528" s="5" t="s">
        <v>5131</v>
      </c>
      <c r="D5528" s="1" t="s">
        <v>2039</v>
      </c>
      <c r="E5528" s="5" t="s">
        <v>14879</v>
      </c>
      <c r="F5528" s="6">
        <v>3595</v>
      </c>
    </row>
    <row r="5529" spans="1:6" x14ac:dyDescent="0.25">
      <c r="A5529" s="4" t="s">
        <v>1140</v>
      </c>
      <c r="B5529" s="1" t="s">
        <v>1147</v>
      </c>
      <c r="C5529" s="5" t="s">
        <v>4881</v>
      </c>
      <c r="D5529" s="1" t="s">
        <v>1140</v>
      </c>
      <c r="E5529" s="5" t="s">
        <v>13714</v>
      </c>
      <c r="F5529" s="6">
        <v>2361</v>
      </c>
    </row>
    <row r="5530" spans="1:6" x14ac:dyDescent="0.25">
      <c r="A5530" s="4" t="s">
        <v>338</v>
      </c>
      <c r="B5530" s="1" t="s">
        <v>1147</v>
      </c>
      <c r="C5530" s="5" t="s">
        <v>3825</v>
      </c>
      <c r="D5530" s="1" t="s">
        <v>8000</v>
      </c>
      <c r="E5530" s="5" t="s">
        <v>12322</v>
      </c>
      <c r="F5530" s="6">
        <v>818</v>
      </c>
    </row>
    <row r="5531" spans="1:6" x14ac:dyDescent="0.25">
      <c r="A5531" s="4" t="s">
        <v>3067</v>
      </c>
      <c r="B5531" s="1" t="s">
        <v>3148</v>
      </c>
      <c r="C5531" s="5" t="s">
        <v>7198</v>
      </c>
      <c r="D5531" s="1" t="s">
        <v>3067</v>
      </c>
      <c r="E5531" s="5" t="s">
        <v>17793</v>
      </c>
      <c r="F5531" s="6">
        <v>9415</v>
      </c>
    </row>
    <row r="5532" spans="1:6" x14ac:dyDescent="0.25">
      <c r="A5532" s="4" t="s">
        <v>467</v>
      </c>
      <c r="B5532" s="1" t="s">
        <v>3153</v>
      </c>
      <c r="C5532" s="5">
        <v>453551</v>
      </c>
      <c r="D5532" s="1" t="s">
        <v>467</v>
      </c>
      <c r="E5532" s="5" t="s">
        <v>12604</v>
      </c>
      <c r="F5532" s="6">
        <v>1161</v>
      </c>
    </row>
    <row r="5533" spans="1:6" x14ac:dyDescent="0.25">
      <c r="A5533" s="4" t="s">
        <v>1438</v>
      </c>
      <c r="B5533" s="1" t="s">
        <v>3144</v>
      </c>
      <c r="C5533" s="5" t="s">
        <v>5252</v>
      </c>
      <c r="D5533" s="1" t="s">
        <v>1438</v>
      </c>
      <c r="E5533" s="5" t="s">
        <v>14204</v>
      </c>
      <c r="F5533" s="6">
        <v>2864</v>
      </c>
    </row>
    <row r="5534" spans="1:6" x14ac:dyDescent="0.25">
      <c r="A5534" s="4" t="s">
        <v>949</v>
      </c>
      <c r="B5534" s="1" t="s">
        <v>3158</v>
      </c>
      <c r="C5534" s="5" t="s">
        <v>4697</v>
      </c>
      <c r="D5534" s="1" t="s">
        <v>8790</v>
      </c>
      <c r="E5534" s="5" t="s">
        <v>13515</v>
      </c>
      <c r="F5534" s="6">
        <v>2153</v>
      </c>
    </row>
    <row r="5535" spans="1:6" x14ac:dyDescent="0.25">
      <c r="A5535" s="4" t="s">
        <v>1340</v>
      </c>
      <c r="B5535" s="1" t="s">
        <v>3159</v>
      </c>
      <c r="C5535" s="5" t="s">
        <v>5132</v>
      </c>
      <c r="D5535" s="1" t="s">
        <v>1340</v>
      </c>
      <c r="E5535" s="5" t="s">
        <v>14025</v>
      </c>
      <c r="F5535" s="6">
        <v>2679</v>
      </c>
    </row>
    <row r="5536" spans="1:6" x14ac:dyDescent="0.25">
      <c r="A5536" s="4" t="s">
        <v>2179</v>
      </c>
      <c r="B5536" s="1" t="s">
        <v>3161</v>
      </c>
      <c r="C5536" s="5" t="s">
        <v>5887</v>
      </c>
      <c r="D5536" s="1" t="s">
        <v>2179</v>
      </c>
      <c r="E5536" s="5" t="s">
        <v>15196</v>
      </c>
      <c r="F5536" s="6">
        <v>3930</v>
      </c>
    </row>
    <row r="5537" spans="1:6" x14ac:dyDescent="0.25">
      <c r="A5537" s="4" t="s">
        <v>2820</v>
      </c>
      <c r="B5537" s="1" t="s">
        <v>3161</v>
      </c>
      <c r="C5537" s="5" t="s">
        <v>6812</v>
      </c>
      <c r="D5537" s="1" t="s">
        <v>2820</v>
      </c>
      <c r="E5537" s="5" t="s">
        <v>16934</v>
      </c>
      <c r="F5537" s="6">
        <v>7327</v>
      </c>
    </row>
    <row r="5538" spans="1:6" x14ac:dyDescent="0.25">
      <c r="A5538" s="4" t="s">
        <v>2707</v>
      </c>
      <c r="B5538" s="1" t="s">
        <v>3153</v>
      </c>
      <c r="C5538" s="5" t="s">
        <v>6639</v>
      </c>
      <c r="D5538" s="1" t="s">
        <v>7524</v>
      </c>
      <c r="E5538" s="5" t="s">
        <v>16595</v>
      </c>
      <c r="F5538" s="6">
        <v>6322</v>
      </c>
    </row>
    <row r="5539" spans="1:6" x14ac:dyDescent="0.25">
      <c r="A5539" s="4" t="s">
        <v>1023</v>
      </c>
      <c r="B5539" s="1" t="s">
        <v>3146</v>
      </c>
      <c r="C5539" s="5" t="s">
        <v>4766</v>
      </c>
      <c r="D5539" s="1" t="s">
        <v>8808</v>
      </c>
      <c r="E5539" s="5" t="s">
        <v>13590</v>
      </c>
      <c r="F5539" s="6">
        <v>2231</v>
      </c>
    </row>
    <row r="5540" spans="1:6" x14ac:dyDescent="0.25">
      <c r="A5540" s="4" t="s">
        <v>1329</v>
      </c>
      <c r="B5540" s="1" t="s">
        <v>3156</v>
      </c>
      <c r="C5540" s="5" t="s">
        <v>5115</v>
      </c>
      <c r="D5540" s="1" t="s">
        <v>8980</v>
      </c>
      <c r="E5540" s="5" t="s">
        <v>14005</v>
      </c>
      <c r="F5540" s="6">
        <v>2659</v>
      </c>
    </row>
    <row r="5541" spans="1:6" x14ac:dyDescent="0.25">
      <c r="A5541" s="4" t="s">
        <v>2347</v>
      </c>
      <c r="B5541" s="1" t="s">
        <v>3158</v>
      </c>
      <c r="C5541" s="5" t="s">
        <v>6134</v>
      </c>
      <c r="D5541" s="1" t="s">
        <v>2347</v>
      </c>
      <c r="E5541" s="5" t="s">
        <v>15590</v>
      </c>
      <c r="F5541" s="6">
        <v>4332</v>
      </c>
    </row>
    <row r="5542" spans="1:6" x14ac:dyDescent="0.25">
      <c r="A5542" s="4" t="s">
        <v>534</v>
      </c>
      <c r="B5542" s="1" t="s">
        <v>3152</v>
      </c>
      <c r="C5542" s="5" t="s">
        <v>4174</v>
      </c>
      <c r="D5542" s="1" t="s">
        <v>8420</v>
      </c>
      <c r="E5542" s="5" t="s">
        <v>12856</v>
      </c>
      <c r="F5542" s="6">
        <v>1457</v>
      </c>
    </row>
    <row r="5543" spans="1:6" x14ac:dyDescent="0.25">
      <c r="A5543" s="4" t="s">
        <v>1654</v>
      </c>
      <c r="B5543" s="1" t="s">
        <v>3165</v>
      </c>
      <c r="C5543" s="5" t="s">
        <v>5455</v>
      </c>
      <c r="D5543" s="1" t="s">
        <v>1654</v>
      </c>
      <c r="E5543" s="5" t="s">
        <v>14444</v>
      </c>
      <c r="F5543" s="6">
        <v>3129</v>
      </c>
    </row>
    <row r="5544" spans="1:6" x14ac:dyDescent="0.25">
      <c r="A5544" s="4" t="s">
        <v>1761</v>
      </c>
      <c r="B5544" s="1" t="s">
        <v>3152</v>
      </c>
      <c r="C5544" s="5" t="s">
        <v>5547</v>
      </c>
      <c r="D5544" s="1" t="s">
        <v>1761</v>
      </c>
      <c r="E5544" s="5" t="s">
        <v>14578</v>
      </c>
      <c r="F5544" s="6">
        <v>3270</v>
      </c>
    </row>
    <row r="5545" spans="1:6" x14ac:dyDescent="0.25">
      <c r="A5545" s="4" t="s">
        <v>3009</v>
      </c>
      <c r="B5545" s="1" t="s">
        <v>3153</v>
      </c>
      <c r="C5545" s="5" t="s">
        <v>7075</v>
      </c>
      <c r="D5545" s="1" t="s">
        <v>3009</v>
      </c>
      <c r="E5545" s="5" t="s">
        <v>17546</v>
      </c>
      <c r="F5545" s="6">
        <v>9160</v>
      </c>
    </row>
    <row r="5546" spans="1:6" x14ac:dyDescent="0.25">
      <c r="A5546" s="4" t="s">
        <v>2929</v>
      </c>
      <c r="B5546" s="1" t="s">
        <v>3152</v>
      </c>
      <c r="C5546" s="5">
        <v>160055</v>
      </c>
      <c r="D5546" s="1" t="s">
        <v>10985</v>
      </c>
      <c r="E5546" s="5" t="s">
        <v>17294</v>
      </c>
      <c r="F5546" s="6">
        <v>8569</v>
      </c>
    </row>
    <row r="5547" spans="1:6" x14ac:dyDescent="0.25">
      <c r="A5547" s="4" t="s">
        <v>2929</v>
      </c>
      <c r="B5547" s="1" t="s">
        <v>3152</v>
      </c>
      <c r="C5547" s="5" t="s">
        <v>7199</v>
      </c>
      <c r="D5547" s="1" t="s">
        <v>11370</v>
      </c>
      <c r="E5547" s="5" t="s">
        <v>17796</v>
      </c>
      <c r="F5547" s="6">
        <v>9421</v>
      </c>
    </row>
    <row r="5548" spans="1:6" x14ac:dyDescent="0.25">
      <c r="A5548" s="4" t="s">
        <v>871</v>
      </c>
      <c r="B5548" s="1" t="s">
        <v>812</v>
      </c>
      <c r="C5548" s="5" t="s">
        <v>4614</v>
      </c>
      <c r="D5548" s="1" t="s">
        <v>8756</v>
      </c>
      <c r="E5548" s="5" t="s">
        <v>13418</v>
      </c>
      <c r="F5548" s="6">
        <v>2052</v>
      </c>
    </row>
    <row r="5549" spans="1:6" x14ac:dyDescent="0.25">
      <c r="A5549" s="4" t="s">
        <v>938</v>
      </c>
      <c r="B5549" s="1" t="s">
        <v>3144</v>
      </c>
      <c r="C5549" s="5" t="s">
        <v>4686</v>
      </c>
      <c r="D5549" s="1" t="s">
        <v>938</v>
      </c>
      <c r="E5549" s="5" t="s">
        <v>13504</v>
      </c>
      <c r="F5549" s="6">
        <v>2142</v>
      </c>
    </row>
    <row r="5550" spans="1:6" x14ac:dyDescent="0.25">
      <c r="A5550" s="4" t="s">
        <v>324</v>
      </c>
      <c r="B5550" s="1" t="s">
        <v>3144</v>
      </c>
      <c r="C5550" s="5" t="s">
        <v>3801</v>
      </c>
      <c r="D5550" s="1" t="s">
        <v>324</v>
      </c>
      <c r="E5550" s="5" t="s">
        <v>12296</v>
      </c>
      <c r="F5550" s="6">
        <v>790</v>
      </c>
    </row>
    <row r="5551" spans="1:6" x14ac:dyDescent="0.25">
      <c r="A5551" s="4" t="s">
        <v>324</v>
      </c>
      <c r="B5551" s="1" t="s">
        <v>3144</v>
      </c>
      <c r="C5551" s="5" t="s">
        <v>6319</v>
      </c>
      <c r="D5551" s="1" t="s">
        <v>9972</v>
      </c>
      <c r="E5551" s="5" t="s">
        <v>15932</v>
      </c>
      <c r="F5551" s="6">
        <v>4850</v>
      </c>
    </row>
    <row r="5552" spans="1:6" x14ac:dyDescent="0.25">
      <c r="A5552" s="4" t="s">
        <v>324</v>
      </c>
      <c r="B5552" s="1" t="s">
        <v>3144</v>
      </c>
      <c r="C5552" s="5" t="s">
        <v>7204</v>
      </c>
      <c r="D5552" s="1" t="s">
        <v>11394</v>
      </c>
      <c r="E5552" s="5" t="s">
        <v>17820</v>
      </c>
      <c r="F5552" s="6">
        <v>9446</v>
      </c>
    </row>
    <row r="5553" spans="1:6" x14ac:dyDescent="0.25">
      <c r="A5553" s="4" t="s">
        <v>324</v>
      </c>
      <c r="B5553" s="1" t="s">
        <v>3144</v>
      </c>
      <c r="C5553" s="5" t="s">
        <v>7227</v>
      </c>
      <c r="D5553" s="1" t="s">
        <v>11452</v>
      </c>
      <c r="E5553" s="5" t="s">
        <v>17885</v>
      </c>
      <c r="F5553" s="6">
        <v>9514</v>
      </c>
    </row>
    <row r="5554" spans="1:6" x14ac:dyDescent="0.25">
      <c r="A5554" s="4" t="s">
        <v>2225</v>
      </c>
      <c r="B5554" s="1" t="s">
        <v>3151</v>
      </c>
      <c r="C5554" s="5" t="s">
        <v>5948</v>
      </c>
      <c r="D5554" s="1" t="s">
        <v>2225</v>
      </c>
      <c r="E5554" s="5" t="s">
        <v>15310</v>
      </c>
      <c r="F5554" s="6">
        <v>4047</v>
      </c>
    </row>
    <row r="5555" spans="1:6" x14ac:dyDescent="0.25">
      <c r="A5555" s="4" t="s">
        <v>2227</v>
      </c>
      <c r="B5555" s="1" t="s">
        <v>3147</v>
      </c>
      <c r="C5555" s="5" t="s">
        <v>5951</v>
      </c>
      <c r="D5555" s="1" t="s">
        <v>2227</v>
      </c>
      <c r="E5555" s="5" t="s">
        <v>15318</v>
      </c>
      <c r="F5555" s="6">
        <v>4055</v>
      </c>
    </row>
    <row r="5556" spans="1:6" x14ac:dyDescent="0.25">
      <c r="A5556" s="4" t="s">
        <v>249</v>
      </c>
      <c r="B5556" s="1" t="s">
        <v>3153</v>
      </c>
      <c r="C5556" s="5" t="s">
        <v>3681</v>
      </c>
      <c r="D5556" s="1" t="s">
        <v>7852</v>
      </c>
      <c r="E5556" s="5" t="s">
        <v>12155</v>
      </c>
      <c r="F5556" s="6">
        <v>629</v>
      </c>
    </row>
    <row r="5557" spans="1:6" x14ac:dyDescent="0.25">
      <c r="A5557" s="4" t="s">
        <v>249</v>
      </c>
      <c r="B5557" s="1" t="s">
        <v>3153</v>
      </c>
      <c r="C5557" s="5" t="s">
        <v>3681</v>
      </c>
      <c r="D5557" s="1" t="s">
        <v>10269</v>
      </c>
      <c r="E5557" s="5" t="s">
        <v>16335</v>
      </c>
      <c r="F5557" s="6">
        <v>5676</v>
      </c>
    </row>
    <row r="5558" spans="1:6" x14ac:dyDescent="0.25">
      <c r="A5558" s="4" t="s">
        <v>2893</v>
      </c>
      <c r="B5558" s="1" t="s">
        <v>3162</v>
      </c>
      <c r="C5558" s="5" t="s">
        <v>6893</v>
      </c>
      <c r="D5558" s="1" t="s">
        <v>10879</v>
      </c>
      <c r="E5558" s="5" t="s">
        <v>17165</v>
      </c>
      <c r="F5558" s="6">
        <v>8104</v>
      </c>
    </row>
    <row r="5559" spans="1:6" x14ac:dyDescent="0.25">
      <c r="A5559" s="4" t="s">
        <v>1168</v>
      </c>
      <c r="B5559" s="1" t="s">
        <v>3155</v>
      </c>
      <c r="C5559" s="5" t="s">
        <v>4910</v>
      </c>
      <c r="D5559" s="1" t="s">
        <v>8849</v>
      </c>
      <c r="E5559" s="5" t="s">
        <v>13749</v>
      </c>
      <c r="F5559" s="6">
        <v>2397</v>
      </c>
    </row>
    <row r="5560" spans="1:6" x14ac:dyDescent="0.25">
      <c r="A5560" s="4" t="s">
        <v>3100</v>
      </c>
      <c r="B5560" s="1" t="s">
        <v>3146</v>
      </c>
      <c r="C5560" s="5" t="s">
        <v>7257</v>
      </c>
      <c r="D5560" s="1" t="s">
        <v>3100</v>
      </c>
      <c r="E5560" s="5" t="s">
        <v>17931</v>
      </c>
      <c r="F5560" s="6">
        <v>9561</v>
      </c>
    </row>
    <row r="5561" spans="1:6" x14ac:dyDescent="0.25">
      <c r="A5561" s="4" t="s">
        <v>2114</v>
      </c>
      <c r="B5561" s="1" t="s">
        <v>3160</v>
      </c>
      <c r="C5561" s="5" t="s">
        <v>5815</v>
      </c>
      <c r="D5561" s="1" t="s">
        <v>9335</v>
      </c>
      <c r="E5561" s="5" t="s">
        <v>15044</v>
      </c>
      <c r="F5561" s="6">
        <v>3772</v>
      </c>
    </row>
    <row r="5562" spans="1:6" x14ac:dyDescent="0.25">
      <c r="A5562" s="4" t="s">
        <v>3134</v>
      </c>
      <c r="B5562" s="1" t="s">
        <v>3153</v>
      </c>
      <c r="C5562" s="5" t="s">
        <v>7310</v>
      </c>
      <c r="D5562" s="1" t="s">
        <v>11574</v>
      </c>
      <c r="E5562" s="5" t="s">
        <v>18047</v>
      </c>
      <c r="F5562" s="6">
        <v>9680</v>
      </c>
    </row>
    <row r="5563" spans="1:6" x14ac:dyDescent="0.25">
      <c r="A5563" s="4" t="s">
        <v>3095</v>
      </c>
      <c r="B5563" s="1" t="s">
        <v>3144</v>
      </c>
      <c r="C5563" s="5" t="s">
        <v>7251</v>
      </c>
      <c r="D5563" s="1" t="s">
        <v>11476</v>
      </c>
      <c r="E5563" s="5" t="s">
        <v>17925</v>
      </c>
      <c r="F5563" s="6">
        <v>9555</v>
      </c>
    </row>
    <row r="5564" spans="1:6" x14ac:dyDescent="0.25">
      <c r="A5564" s="4" t="s">
        <v>1994</v>
      </c>
      <c r="B5564" s="1" t="s">
        <v>3144</v>
      </c>
      <c r="C5564" s="5" t="s">
        <v>3761</v>
      </c>
      <c r="D5564" s="1" t="s">
        <v>1994</v>
      </c>
      <c r="E5564" s="5" t="s">
        <v>14831</v>
      </c>
      <c r="F5564" s="6">
        <v>3543</v>
      </c>
    </row>
    <row r="5565" spans="1:6" x14ac:dyDescent="0.25">
      <c r="A5565" s="4" t="s">
        <v>2384</v>
      </c>
      <c r="B5565" s="1" t="s">
        <v>3144</v>
      </c>
      <c r="C5565" s="5" t="s">
        <v>6196</v>
      </c>
      <c r="D5565" s="1" t="s">
        <v>2384</v>
      </c>
      <c r="E5565" s="5" t="s">
        <v>15718</v>
      </c>
      <c r="F5565" s="6">
        <v>4487</v>
      </c>
    </row>
    <row r="5566" spans="1:6" x14ac:dyDescent="0.25">
      <c r="A5566" s="4" t="s">
        <v>736</v>
      </c>
      <c r="B5566" s="1" t="s">
        <v>3156</v>
      </c>
      <c r="C5566" s="5" t="s">
        <v>4449</v>
      </c>
      <c r="D5566" s="1" t="s">
        <v>736</v>
      </c>
      <c r="E5566" s="5" t="s">
        <v>13214</v>
      </c>
      <c r="F5566" s="6">
        <v>1847</v>
      </c>
    </row>
    <row r="5567" spans="1:6" x14ac:dyDescent="0.25">
      <c r="A5567" s="4" t="s">
        <v>703</v>
      </c>
      <c r="B5567" s="1" t="s">
        <v>3144</v>
      </c>
      <c r="C5567" s="5" t="s">
        <v>4413</v>
      </c>
      <c r="D5567" s="1" t="s">
        <v>703</v>
      </c>
      <c r="E5567" s="5" t="s">
        <v>13168</v>
      </c>
      <c r="F5567" s="6">
        <v>1801</v>
      </c>
    </row>
    <row r="5568" spans="1:6" x14ac:dyDescent="0.25">
      <c r="A5568" s="4" t="s">
        <v>189</v>
      </c>
      <c r="B5568" s="1" t="s">
        <v>3151</v>
      </c>
      <c r="C5568" s="5" t="s">
        <v>3519</v>
      </c>
      <c r="D5568" s="1" t="s">
        <v>7654</v>
      </c>
      <c r="E5568" s="5" t="s">
        <v>11944</v>
      </c>
      <c r="F5568" s="6">
        <v>377</v>
      </c>
    </row>
    <row r="5569" spans="1:6" x14ac:dyDescent="0.25">
      <c r="A5569" s="4" t="s">
        <v>189</v>
      </c>
      <c r="B5569" s="1" t="s">
        <v>3151</v>
      </c>
      <c r="C5569" s="5" t="s">
        <v>3733</v>
      </c>
      <c r="D5569" s="1" t="s">
        <v>7908</v>
      </c>
      <c r="E5569" s="5" t="s">
        <v>12217</v>
      </c>
      <c r="F5569" s="6">
        <v>696</v>
      </c>
    </row>
    <row r="5570" spans="1:6" x14ac:dyDescent="0.25">
      <c r="A5570" s="4" t="s">
        <v>189</v>
      </c>
      <c r="B5570" s="1" t="s">
        <v>3151</v>
      </c>
      <c r="C5570" s="5" t="s">
        <v>3519</v>
      </c>
      <c r="D5570" s="1" t="s">
        <v>8287</v>
      </c>
      <c r="E5570" s="5" t="s">
        <v>12697</v>
      </c>
      <c r="F5570" s="6">
        <v>1293</v>
      </c>
    </row>
    <row r="5571" spans="1:6" x14ac:dyDescent="0.25">
      <c r="A5571" s="4" t="s">
        <v>189</v>
      </c>
      <c r="B5571" s="1" t="s">
        <v>3151</v>
      </c>
      <c r="C5571" s="5" t="s">
        <v>4138</v>
      </c>
      <c r="D5571" s="1" t="s">
        <v>8359</v>
      </c>
      <c r="E5571" s="5" t="s">
        <v>12781</v>
      </c>
      <c r="F5571" s="6">
        <v>1378</v>
      </c>
    </row>
    <row r="5572" spans="1:6" x14ac:dyDescent="0.25">
      <c r="A5572" s="4" t="s">
        <v>189</v>
      </c>
      <c r="B5572" s="1" t="s">
        <v>3151</v>
      </c>
      <c r="C5572" s="5" t="s">
        <v>4138</v>
      </c>
      <c r="D5572" s="1" t="s">
        <v>8483</v>
      </c>
      <c r="E5572" s="5" t="s">
        <v>12947</v>
      </c>
      <c r="F5572" s="6">
        <v>1555</v>
      </c>
    </row>
    <row r="5573" spans="1:6" x14ac:dyDescent="0.25">
      <c r="A5573" s="4" t="s">
        <v>189</v>
      </c>
      <c r="B5573" s="1" t="s">
        <v>3151</v>
      </c>
      <c r="C5573" s="5" t="s">
        <v>5757</v>
      </c>
      <c r="D5573" s="1" t="s">
        <v>9268</v>
      </c>
      <c r="E5573" s="5" t="s">
        <v>14943</v>
      </c>
      <c r="F5573" s="6">
        <v>3665</v>
      </c>
    </row>
    <row r="5574" spans="1:6" x14ac:dyDescent="0.25">
      <c r="A5574" s="4" t="s">
        <v>189</v>
      </c>
      <c r="B5574" s="1" t="s">
        <v>3151</v>
      </c>
      <c r="C5574" s="5" t="s">
        <v>6547</v>
      </c>
      <c r="D5574" s="1" t="s">
        <v>10310</v>
      </c>
      <c r="E5574" s="5" t="s">
        <v>16401</v>
      </c>
      <c r="F5574" s="6">
        <v>5831</v>
      </c>
    </row>
    <row r="5575" spans="1:6" x14ac:dyDescent="0.25">
      <c r="A5575" s="4" t="s">
        <v>189</v>
      </c>
      <c r="B5575" s="1" t="s">
        <v>3151</v>
      </c>
      <c r="C5575" s="5" t="s">
        <v>3235</v>
      </c>
      <c r="D5575" s="1" t="s">
        <v>10396</v>
      </c>
      <c r="E5575" s="5" t="s">
        <v>16536</v>
      </c>
      <c r="F5575" s="6">
        <v>6186</v>
      </c>
    </row>
    <row r="5576" spans="1:6" x14ac:dyDescent="0.25">
      <c r="A5576" s="4" t="s">
        <v>189</v>
      </c>
      <c r="B5576" s="1" t="s">
        <v>3151</v>
      </c>
      <c r="C5576" s="5" t="s">
        <v>4138</v>
      </c>
      <c r="D5576" s="1" t="s">
        <v>10398</v>
      </c>
      <c r="E5576" s="5" t="s">
        <v>16538</v>
      </c>
      <c r="F5576" s="6">
        <v>6189</v>
      </c>
    </row>
    <row r="5577" spans="1:6" x14ac:dyDescent="0.25">
      <c r="A5577" s="4" t="s">
        <v>189</v>
      </c>
      <c r="B5577" s="1" t="s">
        <v>3151</v>
      </c>
      <c r="C5577" s="5" t="s">
        <v>3302</v>
      </c>
      <c r="D5577" s="1" t="s">
        <v>11515</v>
      </c>
      <c r="E5577" s="5" t="s">
        <v>17979</v>
      </c>
      <c r="F5577" s="6">
        <v>9611</v>
      </c>
    </row>
    <row r="5578" spans="1:6" x14ac:dyDescent="0.25">
      <c r="A5578" s="4" t="s">
        <v>189</v>
      </c>
      <c r="B5578" s="1" t="s">
        <v>3151</v>
      </c>
      <c r="C5578" s="5" t="s">
        <v>3733</v>
      </c>
      <c r="D5578" s="1" t="s">
        <v>11534</v>
      </c>
      <c r="E5578" s="5" t="s">
        <v>18002</v>
      </c>
      <c r="F5578" s="6">
        <v>9634</v>
      </c>
    </row>
    <row r="5579" spans="1:6" x14ac:dyDescent="0.25">
      <c r="A5579" s="4" t="s">
        <v>189</v>
      </c>
      <c r="B5579" s="1" t="s">
        <v>3151</v>
      </c>
      <c r="C5579" s="5" t="s">
        <v>5757</v>
      </c>
      <c r="D5579" s="1" t="s">
        <v>11560</v>
      </c>
      <c r="E5579" s="5" t="s">
        <v>18031</v>
      </c>
      <c r="F5579" s="6">
        <v>9663</v>
      </c>
    </row>
    <row r="5580" spans="1:6" x14ac:dyDescent="0.25">
      <c r="A5580" s="4" t="s">
        <v>21</v>
      </c>
      <c r="B5580" s="1" t="s">
        <v>3151</v>
      </c>
      <c r="C5580" s="5" t="s">
        <v>3235</v>
      </c>
      <c r="D5580" s="1" t="s">
        <v>189</v>
      </c>
      <c r="E5580" s="5" t="s">
        <v>11634</v>
      </c>
      <c r="F5580" s="6">
        <v>42</v>
      </c>
    </row>
    <row r="5581" spans="1:6" x14ac:dyDescent="0.25">
      <c r="A5581" s="4" t="s">
        <v>680</v>
      </c>
      <c r="B5581" s="1" t="s">
        <v>3149</v>
      </c>
      <c r="C5581" s="5" t="s">
        <v>4381</v>
      </c>
      <c r="D5581" s="1" t="s">
        <v>680</v>
      </c>
      <c r="E5581" s="5" t="s">
        <v>13130</v>
      </c>
      <c r="F5581" s="6">
        <v>1763</v>
      </c>
    </row>
    <row r="5582" spans="1:6" x14ac:dyDescent="0.25">
      <c r="A5582" s="4" t="s">
        <v>1934</v>
      </c>
      <c r="B5582" s="1" t="s">
        <v>3156</v>
      </c>
      <c r="C5582" s="5" t="s">
        <v>5670</v>
      </c>
      <c r="D5582" s="1" t="s">
        <v>1934</v>
      </c>
      <c r="E5582" s="5" t="s">
        <v>14768</v>
      </c>
      <c r="F5582" s="6">
        <v>3479</v>
      </c>
    </row>
    <row r="5583" spans="1:6" x14ac:dyDescent="0.25">
      <c r="A5583" s="4" t="s">
        <v>1916</v>
      </c>
      <c r="B5583" s="1" t="s">
        <v>3152</v>
      </c>
      <c r="C5583" s="5" t="s">
        <v>5658</v>
      </c>
      <c r="D5583" s="1" t="s">
        <v>1916</v>
      </c>
      <c r="E5583" s="5" t="s">
        <v>14749</v>
      </c>
      <c r="F5583" s="6">
        <v>3460</v>
      </c>
    </row>
    <row r="5584" spans="1:6" x14ac:dyDescent="0.25">
      <c r="A5584" s="4" t="s">
        <v>689</v>
      </c>
      <c r="B5584" s="1" t="s">
        <v>3153</v>
      </c>
      <c r="C5584" s="5" t="s">
        <v>4392</v>
      </c>
      <c r="D5584" s="1" t="s">
        <v>689</v>
      </c>
      <c r="E5584" s="5" t="s">
        <v>13143</v>
      </c>
      <c r="F5584" s="6">
        <v>1776</v>
      </c>
    </row>
    <row r="5585" spans="1:6" x14ac:dyDescent="0.25">
      <c r="A5585" s="4" t="s">
        <v>2117</v>
      </c>
      <c r="B5585" s="1" t="s">
        <v>3158</v>
      </c>
      <c r="C5585" s="5" t="s">
        <v>4500</v>
      </c>
      <c r="D5585" s="1" t="s">
        <v>2117</v>
      </c>
      <c r="E5585" s="5" t="s">
        <v>15058</v>
      </c>
      <c r="F5585" s="6">
        <v>3786</v>
      </c>
    </row>
    <row r="5586" spans="1:6" x14ac:dyDescent="0.25">
      <c r="A5586" s="4" t="s">
        <v>2677</v>
      </c>
      <c r="B5586" s="1" t="s">
        <v>3153</v>
      </c>
      <c r="C5586" s="5" t="s">
        <v>6597</v>
      </c>
      <c r="D5586" s="1" t="s">
        <v>2677</v>
      </c>
      <c r="E5586" s="5" t="s">
        <v>16509</v>
      </c>
      <c r="F5586" s="6">
        <v>6102</v>
      </c>
    </row>
    <row r="5587" spans="1:6" x14ac:dyDescent="0.25">
      <c r="A5587" s="4" t="s">
        <v>1880</v>
      </c>
      <c r="B5587" s="1" t="s">
        <v>3153</v>
      </c>
      <c r="C5587" s="5" t="s">
        <v>5639</v>
      </c>
      <c r="D5587" s="1" t="s">
        <v>1880</v>
      </c>
      <c r="E5587" s="5" t="s">
        <v>14713</v>
      </c>
      <c r="F5587" s="6">
        <v>3420</v>
      </c>
    </row>
    <row r="5588" spans="1:6" x14ac:dyDescent="0.25">
      <c r="A5588" s="4" t="s">
        <v>1995</v>
      </c>
      <c r="B5588" s="1" t="s">
        <v>3161</v>
      </c>
      <c r="C5588" s="5" t="s">
        <v>5706</v>
      </c>
      <c r="D5588" s="1" t="s">
        <v>1995</v>
      </c>
      <c r="E5588" s="5" t="s">
        <v>14833</v>
      </c>
      <c r="F5588" s="6">
        <v>3545</v>
      </c>
    </row>
    <row r="5589" spans="1:6" x14ac:dyDescent="0.25">
      <c r="A5589" s="4" t="s">
        <v>1892</v>
      </c>
      <c r="B5589" s="1" t="s">
        <v>3154</v>
      </c>
      <c r="C5589" s="5" t="s">
        <v>5645</v>
      </c>
      <c r="D5589" s="1" t="s">
        <v>1892</v>
      </c>
      <c r="E5589" s="5" t="s">
        <v>14725</v>
      </c>
      <c r="F5589" s="6">
        <v>3433</v>
      </c>
    </row>
    <row r="5590" spans="1:6" x14ac:dyDescent="0.25">
      <c r="A5590" s="4" t="s">
        <v>690</v>
      </c>
      <c r="B5590" s="1" t="s">
        <v>3153</v>
      </c>
      <c r="C5590" s="5" t="s">
        <v>4393</v>
      </c>
      <c r="D5590" s="1" t="s">
        <v>690</v>
      </c>
      <c r="E5590" s="5" t="s">
        <v>13144</v>
      </c>
      <c r="F5590" s="6">
        <v>1777</v>
      </c>
    </row>
    <row r="5591" spans="1:6" x14ac:dyDescent="0.25">
      <c r="A5591" s="4" t="s">
        <v>690</v>
      </c>
      <c r="B5591" s="1" t="s">
        <v>3165</v>
      </c>
      <c r="C5591" s="5" t="s">
        <v>6188</v>
      </c>
      <c r="D5591" s="1" t="s">
        <v>9793</v>
      </c>
      <c r="E5591" s="5" t="s">
        <v>15706</v>
      </c>
      <c r="F5591" s="6">
        <v>4473</v>
      </c>
    </row>
    <row r="5592" spans="1:6" x14ac:dyDescent="0.25">
      <c r="A5592" s="4" t="s">
        <v>939</v>
      </c>
      <c r="B5592" s="1" t="s">
        <v>3153</v>
      </c>
      <c r="C5592" s="5" t="s">
        <v>4687</v>
      </c>
      <c r="D5592" s="1" t="s">
        <v>8788</v>
      </c>
      <c r="E5592" s="5" t="s">
        <v>13505</v>
      </c>
      <c r="F5592" s="6">
        <v>2143</v>
      </c>
    </row>
    <row r="5593" spans="1:6" x14ac:dyDescent="0.25">
      <c r="A5593" s="4" t="s">
        <v>2289</v>
      </c>
      <c r="B5593" s="1" t="s">
        <v>3159</v>
      </c>
      <c r="C5593" s="5" t="s">
        <v>6046</v>
      </c>
      <c r="D5593" s="1" t="s">
        <v>2289</v>
      </c>
      <c r="E5593" s="5" t="s">
        <v>15459</v>
      </c>
      <c r="F5593" s="6">
        <v>4197</v>
      </c>
    </row>
    <row r="5594" spans="1:6" x14ac:dyDescent="0.25">
      <c r="A5594" s="4" t="s">
        <v>2289</v>
      </c>
      <c r="B5594" s="1" t="s">
        <v>3159</v>
      </c>
      <c r="C5594" s="5" t="s">
        <v>6292</v>
      </c>
      <c r="D5594" s="1" t="s">
        <v>9938</v>
      </c>
      <c r="E5594" s="5" t="s">
        <v>15887</v>
      </c>
      <c r="F5594" s="6">
        <v>4801</v>
      </c>
    </row>
    <row r="5595" spans="1:6" x14ac:dyDescent="0.25">
      <c r="A5595" s="4" t="s">
        <v>788</v>
      </c>
      <c r="B5595" s="1" t="s">
        <v>3148</v>
      </c>
      <c r="C5595" s="5" t="s">
        <v>4513</v>
      </c>
      <c r="D5595" s="1" t="s">
        <v>788</v>
      </c>
      <c r="E5595" s="5" t="s">
        <v>13289</v>
      </c>
      <c r="F5595" s="6">
        <v>1922</v>
      </c>
    </row>
    <row r="5596" spans="1:6" x14ac:dyDescent="0.25">
      <c r="A5596" s="4" t="s">
        <v>1837</v>
      </c>
      <c r="B5596" s="1" t="s">
        <v>1147</v>
      </c>
      <c r="C5596" s="5" t="s">
        <v>3828</v>
      </c>
      <c r="D5596" s="1" t="s">
        <v>1837</v>
      </c>
      <c r="E5596" s="5" t="s">
        <v>14666</v>
      </c>
      <c r="F5596" s="6">
        <v>3366</v>
      </c>
    </row>
    <row r="5597" spans="1:6" x14ac:dyDescent="0.25">
      <c r="A5597" s="4" t="s">
        <v>1186</v>
      </c>
      <c r="B5597" s="1" t="s">
        <v>3158</v>
      </c>
      <c r="C5597" s="5" t="s">
        <v>4937</v>
      </c>
      <c r="D5597" s="1" t="s">
        <v>1186</v>
      </c>
      <c r="E5597" s="5" t="s">
        <v>13782</v>
      </c>
      <c r="F5597" s="6">
        <v>2432</v>
      </c>
    </row>
    <row r="5598" spans="1:6" x14ac:dyDescent="0.25">
      <c r="A5598" s="4" t="s">
        <v>2346</v>
      </c>
      <c r="B5598" s="1" t="s">
        <v>3151</v>
      </c>
      <c r="C5598" s="5" t="s">
        <v>6132</v>
      </c>
      <c r="D5598" s="1" t="s">
        <v>9699</v>
      </c>
      <c r="E5598" s="5" t="s">
        <v>15588</v>
      </c>
      <c r="F5598" s="6">
        <v>4330</v>
      </c>
    </row>
    <row r="5599" spans="1:6" x14ac:dyDescent="0.25">
      <c r="A5599" s="4" t="s">
        <v>2788</v>
      </c>
      <c r="B5599" s="1" t="s">
        <v>3158</v>
      </c>
      <c r="C5599" s="5" t="s">
        <v>6765</v>
      </c>
      <c r="D5599" s="1" t="s">
        <v>2788</v>
      </c>
      <c r="E5599" s="5" t="s">
        <v>16836</v>
      </c>
      <c r="F5599" s="6">
        <v>7071</v>
      </c>
    </row>
    <row r="5600" spans="1:6" x14ac:dyDescent="0.25">
      <c r="A5600" s="4" t="s">
        <v>1182</v>
      </c>
      <c r="B5600" s="1" t="s">
        <v>3144</v>
      </c>
      <c r="C5600" s="5" t="s">
        <v>4933</v>
      </c>
      <c r="D5600" s="1" t="s">
        <v>1182</v>
      </c>
      <c r="E5600" s="5" t="s">
        <v>13778</v>
      </c>
      <c r="F5600" s="6">
        <v>2427</v>
      </c>
    </row>
    <row r="5601" spans="1:6" x14ac:dyDescent="0.25">
      <c r="A5601" s="4" t="s">
        <v>1209</v>
      </c>
      <c r="B5601" s="1" t="s">
        <v>3144</v>
      </c>
      <c r="C5601" s="5" t="s">
        <v>4968</v>
      </c>
      <c r="D5601" s="1" t="s">
        <v>1209</v>
      </c>
      <c r="E5601" s="5" t="s">
        <v>13820</v>
      </c>
      <c r="F5601" s="6">
        <v>2470</v>
      </c>
    </row>
    <row r="5602" spans="1:6" x14ac:dyDescent="0.25">
      <c r="A5602" s="4" t="s">
        <v>504</v>
      </c>
      <c r="B5602" s="1" t="s">
        <v>3154</v>
      </c>
      <c r="C5602" s="5">
        <v>136135</v>
      </c>
      <c r="D5602" s="1" t="s">
        <v>504</v>
      </c>
      <c r="E5602" s="5" t="s">
        <v>12771</v>
      </c>
      <c r="F5602" s="6">
        <v>1368</v>
      </c>
    </row>
    <row r="5603" spans="1:6" x14ac:dyDescent="0.25">
      <c r="A5603" s="4" t="s">
        <v>691</v>
      </c>
      <c r="B5603" s="1" t="s">
        <v>3153</v>
      </c>
      <c r="C5603" s="5" t="s">
        <v>4394</v>
      </c>
      <c r="D5603" s="1" t="s">
        <v>8614</v>
      </c>
      <c r="E5603" s="5" t="s">
        <v>13145</v>
      </c>
      <c r="F5603" s="6">
        <v>1778</v>
      </c>
    </row>
    <row r="5604" spans="1:6" x14ac:dyDescent="0.25">
      <c r="A5604" s="4" t="s">
        <v>1036</v>
      </c>
      <c r="B5604" s="1" t="s">
        <v>3158</v>
      </c>
      <c r="C5604" s="5" t="s">
        <v>4779</v>
      </c>
      <c r="D5604" s="1" t="s">
        <v>1036</v>
      </c>
      <c r="E5604" s="5" t="s">
        <v>13603</v>
      </c>
      <c r="F5604" s="6">
        <v>2244</v>
      </c>
    </row>
    <row r="5605" spans="1:6" x14ac:dyDescent="0.25">
      <c r="A5605" s="4" t="s">
        <v>362</v>
      </c>
      <c r="B5605" s="1" t="s">
        <v>3158</v>
      </c>
      <c r="C5605" s="5" t="s">
        <v>3862</v>
      </c>
      <c r="D5605" s="1" t="s">
        <v>362</v>
      </c>
      <c r="E5605" s="5" t="s">
        <v>12363</v>
      </c>
      <c r="F5605" s="6">
        <v>869</v>
      </c>
    </row>
    <row r="5606" spans="1:6" x14ac:dyDescent="0.25">
      <c r="A5606" s="4" t="s">
        <v>362</v>
      </c>
      <c r="B5606" s="1" t="s">
        <v>3158</v>
      </c>
      <c r="C5606" s="5" t="s">
        <v>3862</v>
      </c>
      <c r="D5606" s="1" t="s">
        <v>10108</v>
      </c>
      <c r="E5606" s="5" t="s">
        <v>16109</v>
      </c>
      <c r="F5606" s="6">
        <v>5173</v>
      </c>
    </row>
    <row r="5607" spans="1:6" x14ac:dyDescent="0.25">
      <c r="A5607" s="4" t="s">
        <v>725</v>
      </c>
      <c r="B5607" s="1" t="s">
        <v>3152</v>
      </c>
      <c r="C5607" s="5" t="s">
        <v>4435</v>
      </c>
      <c r="D5607" s="1" t="s">
        <v>725</v>
      </c>
      <c r="E5607" s="5" t="s">
        <v>13196</v>
      </c>
      <c r="F5607" s="6">
        <v>1829</v>
      </c>
    </row>
    <row r="5608" spans="1:6" x14ac:dyDescent="0.25">
      <c r="A5608" s="4" t="s">
        <v>1268</v>
      </c>
      <c r="B5608" s="1" t="s">
        <v>3149</v>
      </c>
      <c r="C5608" s="5" t="s">
        <v>5047</v>
      </c>
      <c r="D5608" s="1" t="s">
        <v>8946</v>
      </c>
      <c r="E5608" s="5" t="s">
        <v>13923</v>
      </c>
      <c r="F5608" s="6">
        <v>2575</v>
      </c>
    </row>
    <row r="5609" spans="1:6" x14ac:dyDescent="0.25">
      <c r="A5609" s="4" t="s">
        <v>1268</v>
      </c>
      <c r="B5609" s="1" t="s">
        <v>3147</v>
      </c>
      <c r="C5609" s="5" t="s">
        <v>5438</v>
      </c>
      <c r="D5609" s="1" t="s">
        <v>9315</v>
      </c>
      <c r="E5609" s="5" t="s">
        <v>15004</v>
      </c>
      <c r="F5609" s="6">
        <v>3731</v>
      </c>
    </row>
    <row r="5610" spans="1:6" x14ac:dyDescent="0.25">
      <c r="A5610" s="4" t="s">
        <v>1899</v>
      </c>
      <c r="B5610" s="1" t="s">
        <v>3154</v>
      </c>
      <c r="C5610" s="5" t="s">
        <v>5650</v>
      </c>
      <c r="D5610" s="1" t="s">
        <v>9217</v>
      </c>
      <c r="E5610" s="5" t="s">
        <v>14732</v>
      </c>
      <c r="F5610" s="6">
        <v>3442</v>
      </c>
    </row>
    <row r="5611" spans="1:6" x14ac:dyDescent="0.25">
      <c r="A5611" s="4" t="s">
        <v>1696</v>
      </c>
      <c r="B5611" s="1" t="s">
        <v>3158</v>
      </c>
      <c r="C5611" s="5" t="s">
        <v>3903</v>
      </c>
      <c r="D5611" s="1" t="s">
        <v>1696</v>
      </c>
      <c r="E5611" s="5" t="s">
        <v>14489</v>
      </c>
      <c r="F5611" s="6">
        <v>3174</v>
      </c>
    </row>
    <row r="5612" spans="1:6" x14ac:dyDescent="0.25">
      <c r="A5612" s="4" t="s">
        <v>453</v>
      </c>
      <c r="B5612" s="1" t="s">
        <v>3156</v>
      </c>
      <c r="C5612" s="5" t="s">
        <v>4004</v>
      </c>
      <c r="D5612" s="1" t="s">
        <v>8154</v>
      </c>
      <c r="E5612" s="5" t="s">
        <v>12551</v>
      </c>
      <c r="F5612" s="6">
        <v>1076</v>
      </c>
    </row>
    <row r="5613" spans="1:6" x14ac:dyDescent="0.25">
      <c r="A5613" s="4" t="s">
        <v>453</v>
      </c>
      <c r="B5613" s="1" t="s">
        <v>3156</v>
      </c>
      <c r="C5613" s="5" t="s">
        <v>6028</v>
      </c>
      <c r="D5613" s="1" t="s">
        <v>9588</v>
      </c>
      <c r="E5613" s="5" t="s">
        <v>15431</v>
      </c>
      <c r="F5613" s="6">
        <v>4169</v>
      </c>
    </row>
    <row r="5614" spans="1:6" x14ac:dyDescent="0.25">
      <c r="A5614" s="4" t="s">
        <v>1740</v>
      </c>
      <c r="B5614" s="1" t="s">
        <v>3154</v>
      </c>
      <c r="C5614" s="5" t="s">
        <v>5529</v>
      </c>
      <c r="D5614" s="1" t="s">
        <v>1740</v>
      </c>
      <c r="E5614" s="5" t="s">
        <v>14552</v>
      </c>
      <c r="F5614" s="6">
        <v>3243</v>
      </c>
    </row>
    <row r="5615" spans="1:6" x14ac:dyDescent="0.25">
      <c r="A5615" s="4" t="s">
        <v>2427</v>
      </c>
      <c r="B5615" s="1" t="s">
        <v>3153</v>
      </c>
      <c r="C5615" s="5" t="s">
        <v>6280</v>
      </c>
      <c r="D5615" s="1" t="s">
        <v>2427</v>
      </c>
      <c r="E5615" s="5" t="s">
        <v>15870</v>
      </c>
      <c r="F5615" s="6">
        <v>4784</v>
      </c>
    </row>
    <row r="5616" spans="1:6" x14ac:dyDescent="0.25">
      <c r="A5616" s="4" t="s">
        <v>2169</v>
      </c>
      <c r="B5616" s="1" t="s">
        <v>3147</v>
      </c>
      <c r="C5616" s="5" t="s">
        <v>5871</v>
      </c>
      <c r="D5616" s="1" t="s">
        <v>2169</v>
      </c>
      <c r="E5616" s="5" t="s">
        <v>15171</v>
      </c>
      <c r="F5616" s="6">
        <v>3903</v>
      </c>
    </row>
    <row r="5617" spans="1:6" x14ac:dyDescent="0.25">
      <c r="A5617" s="4" t="s">
        <v>1692</v>
      </c>
      <c r="B5617" s="1" t="s">
        <v>3152</v>
      </c>
      <c r="C5617" s="5" t="s">
        <v>3812</v>
      </c>
      <c r="D5617" s="1" t="s">
        <v>1692</v>
      </c>
      <c r="E5617" s="5" t="s">
        <v>14485</v>
      </c>
      <c r="F5617" s="6">
        <v>3170</v>
      </c>
    </row>
    <row r="5618" spans="1:6" x14ac:dyDescent="0.25">
      <c r="A5618" s="4" t="s">
        <v>1734</v>
      </c>
      <c r="B5618" s="1" t="s">
        <v>3152</v>
      </c>
      <c r="C5618" s="5" t="s">
        <v>5519</v>
      </c>
      <c r="D5618" s="1" t="s">
        <v>1734</v>
      </c>
      <c r="E5618" s="5" t="s">
        <v>14538</v>
      </c>
      <c r="F5618" s="6">
        <v>3227</v>
      </c>
    </row>
    <row r="5619" spans="1:6" x14ac:dyDescent="0.25">
      <c r="A5619" s="4" t="s">
        <v>2750</v>
      </c>
      <c r="B5619" s="1" t="s">
        <v>3153</v>
      </c>
      <c r="C5619" s="5" t="s">
        <v>6696</v>
      </c>
      <c r="D5619" s="1" t="s">
        <v>2750</v>
      </c>
      <c r="E5619" s="5" t="s">
        <v>16716</v>
      </c>
      <c r="F5619" s="6">
        <v>6676</v>
      </c>
    </row>
    <row r="5620" spans="1:6" x14ac:dyDescent="0.25">
      <c r="A5620" s="4" t="s">
        <v>779</v>
      </c>
      <c r="B5620" s="1" t="s">
        <v>3158</v>
      </c>
      <c r="C5620" s="5" t="s">
        <v>4504</v>
      </c>
      <c r="D5620" s="1" t="s">
        <v>779</v>
      </c>
      <c r="E5620" s="5" t="s">
        <v>13280</v>
      </c>
      <c r="F5620" s="6">
        <v>1913</v>
      </c>
    </row>
    <row r="5621" spans="1:6" x14ac:dyDescent="0.25">
      <c r="A5621" s="4" t="s">
        <v>537</v>
      </c>
      <c r="B5621" s="1" t="s">
        <v>3158</v>
      </c>
      <c r="C5621" s="5" t="s">
        <v>4177</v>
      </c>
      <c r="D5621" s="1" t="s">
        <v>8422</v>
      </c>
      <c r="E5621" s="5" t="s">
        <v>12860</v>
      </c>
      <c r="F5621" s="6">
        <v>1461</v>
      </c>
    </row>
    <row r="5622" spans="1:6" x14ac:dyDescent="0.25">
      <c r="A5622" s="4" t="s">
        <v>537</v>
      </c>
      <c r="B5622" s="1" t="s">
        <v>3158</v>
      </c>
      <c r="C5622" s="5" t="s">
        <v>4815</v>
      </c>
      <c r="D5622" s="1" t="s">
        <v>8819</v>
      </c>
      <c r="E5622" s="5" t="s">
        <v>13642</v>
      </c>
      <c r="F5622" s="6">
        <v>2286</v>
      </c>
    </row>
    <row r="5623" spans="1:6" x14ac:dyDescent="0.25">
      <c r="A5623" s="4" t="s">
        <v>881</v>
      </c>
      <c r="B5623" s="1" t="s">
        <v>3151</v>
      </c>
      <c r="C5623" s="5" t="s">
        <v>4626</v>
      </c>
      <c r="D5623" s="1" t="s">
        <v>8764</v>
      </c>
      <c r="E5623" s="5" t="s">
        <v>13434</v>
      </c>
      <c r="F5623" s="6">
        <v>2068</v>
      </c>
    </row>
    <row r="5624" spans="1:6" x14ac:dyDescent="0.25">
      <c r="A5624" s="4" t="s">
        <v>1226</v>
      </c>
      <c r="B5624" s="1" t="s">
        <v>3152</v>
      </c>
      <c r="C5624" s="5" t="s">
        <v>4989</v>
      </c>
      <c r="D5624" s="1" t="s">
        <v>1226</v>
      </c>
      <c r="E5624" s="5" t="s">
        <v>13845</v>
      </c>
      <c r="F5624" s="6">
        <v>2495</v>
      </c>
    </row>
    <row r="5625" spans="1:6" x14ac:dyDescent="0.25">
      <c r="A5625" s="4" t="s">
        <v>2968</v>
      </c>
      <c r="B5625" s="1" t="s">
        <v>3158</v>
      </c>
      <c r="C5625" s="5" t="s">
        <v>6993</v>
      </c>
      <c r="D5625" s="1" t="s">
        <v>2968</v>
      </c>
      <c r="E5625" s="5" t="s">
        <v>17405</v>
      </c>
      <c r="F5625" s="6">
        <v>9012</v>
      </c>
    </row>
    <row r="5626" spans="1:6" x14ac:dyDescent="0.25">
      <c r="A5626" s="4" t="s">
        <v>2462</v>
      </c>
      <c r="B5626" s="1" t="s">
        <v>3151</v>
      </c>
      <c r="C5626" s="5" t="s">
        <v>6343</v>
      </c>
      <c r="D5626" s="1" t="s">
        <v>10006</v>
      </c>
      <c r="E5626" s="5" t="s">
        <v>15978</v>
      </c>
      <c r="F5626" s="6">
        <v>4897</v>
      </c>
    </row>
    <row r="5627" spans="1:6" x14ac:dyDescent="0.25">
      <c r="A5627" s="4" t="s">
        <v>2462</v>
      </c>
      <c r="B5627" s="1" t="s">
        <v>3151</v>
      </c>
      <c r="C5627" s="5">
        <v>501203</v>
      </c>
      <c r="D5627" s="1" t="s">
        <v>2462</v>
      </c>
      <c r="E5627" s="5" t="s">
        <v>16380</v>
      </c>
      <c r="F5627" s="6">
        <v>5790</v>
      </c>
    </row>
    <row r="5628" spans="1:6" x14ac:dyDescent="0.25">
      <c r="A5628" s="4" t="s">
        <v>1487</v>
      </c>
      <c r="B5628" s="1" t="s">
        <v>3167</v>
      </c>
      <c r="C5628" s="5" t="s">
        <v>4421</v>
      </c>
      <c r="D5628" s="1" t="s">
        <v>9111</v>
      </c>
      <c r="E5628" s="5" t="s">
        <v>14260</v>
      </c>
      <c r="F5628" s="6">
        <v>2921</v>
      </c>
    </row>
    <row r="5629" spans="1:6" x14ac:dyDescent="0.25">
      <c r="A5629" s="4" t="s">
        <v>945</v>
      </c>
      <c r="B5629" s="1" t="s">
        <v>3147</v>
      </c>
      <c r="C5629" s="5" t="s">
        <v>4693</v>
      </c>
      <c r="D5629" s="1" t="s">
        <v>8789</v>
      </c>
      <c r="E5629" s="5" t="s">
        <v>13511</v>
      </c>
      <c r="F5629" s="6">
        <v>2149</v>
      </c>
    </row>
    <row r="5630" spans="1:6" x14ac:dyDescent="0.25">
      <c r="A5630" s="4" t="s">
        <v>1421</v>
      </c>
      <c r="B5630" s="1" t="s">
        <v>3144</v>
      </c>
      <c r="C5630" s="5" t="s">
        <v>5227</v>
      </c>
      <c r="D5630" s="1" t="s">
        <v>1421</v>
      </c>
      <c r="E5630" s="5" t="s">
        <v>14160</v>
      </c>
      <c r="F5630" s="6">
        <v>2817</v>
      </c>
    </row>
    <row r="5631" spans="1:6" x14ac:dyDescent="0.25">
      <c r="A5631" s="4" t="s">
        <v>1401</v>
      </c>
      <c r="B5631" s="1" t="s">
        <v>812</v>
      </c>
      <c r="C5631" s="5" t="s">
        <v>5205</v>
      </c>
      <c r="D5631" s="1" t="s">
        <v>1401</v>
      </c>
      <c r="E5631" s="5" t="s">
        <v>14134</v>
      </c>
      <c r="F5631" s="6">
        <v>2791</v>
      </c>
    </row>
    <row r="5632" spans="1:6" x14ac:dyDescent="0.25">
      <c r="A5632" s="4" t="s">
        <v>2596</v>
      </c>
      <c r="B5632" s="1" t="s">
        <v>3144</v>
      </c>
      <c r="C5632" s="5" t="s">
        <v>6507</v>
      </c>
      <c r="D5632" s="1" t="s">
        <v>2596</v>
      </c>
      <c r="E5632" s="5" t="s">
        <v>16330</v>
      </c>
      <c r="F5632" s="6">
        <v>5664</v>
      </c>
    </row>
    <row r="5633" spans="1:6" x14ac:dyDescent="0.25">
      <c r="A5633" s="4" t="s">
        <v>2260</v>
      </c>
      <c r="B5633" s="1" t="s">
        <v>812</v>
      </c>
      <c r="C5633" s="5" t="s">
        <v>5996</v>
      </c>
      <c r="D5633" s="1" t="s">
        <v>2260</v>
      </c>
      <c r="E5633" s="5" t="s">
        <v>15384</v>
      </c>
      <c r="F5633" s="6">
        <v>4121</v>
      </c>
    </row>
    <row r="5634" spans="1:6" x14ac:dyDescent="0.25">
      <c r="A5634" s="4" t="s">
        <v>1219</v>
      </c>
      <c r="B5634" s="1" t="s">
        <v>3153</v>
      </c>
      <c r="C5634" s="5" t="s">
        <v>4984</v>
      </c>
      <c r="D5634" s="1" t="s">
        <v>1219</v>
      </c>
      <c r="E5634" s="5" t="s">
        <v>13838</v>
      </c>
      <c r="F5634" s="6">
        <v>2488</v>
      </c>
    </row>
    <row r="5635" spans="1:6" x14ac:dyDescent="0.25">
      <c r="A5635" s="4" t="s">
        <v>2305</v>
      </c>
      <c r="B5635" s="1" t="s">
        <v>3158</v>
      </c>
      <c r="C5635" s="5" t="s">
        <v>6068</v>
      </c>
      <c r="D5635" s="1" t="s">
        <v>2305</v>
      </c>
      <c r="E5635" s="5" t="s">
        <v>15494</v>
      </c>
      <c r="F5635" s="6">
        <v>4232</v>
      </c>
    </row>
    <row r="5636" spans="1:6" x14ac:dyDescent="0.25">
      <c r="A5636" s="4" t="s">
        <v>1616</v>
      </c>
      <c r="B5636" s="1" t="s">
        <v>3147</v>
      </c>
      <c r="C5636" s="5" t="s">
        <v>5431</v>
      </c>
      <c r="D5636" s="1" t="s">
        <v>1616</v>
      </c>
      <c r="E5636" s="5" t="s">
        <v>14403</v>
      </c>
      <c r="F5636" s="6">
        <v>3076</v>
      </c>
    </row>
    <row r="5637" spans="1:6" x14ac:dyDescent="0.25">
      <c r="A5637" s="4" t="s">
        <v>1627</v>
      </c>
      <c r="B5637" s="1" t="s">
        <v>3147</v>
      </c>
      <c r="C5637" s="5" t="s">
        <v>5438</v>
      </c>
      <c r="D5637" s="1" t="s">
        <v>1627</v>
      </c>
      <c r="E5637" s="5" t="s">
        <v>14415</v>
      </c>
      <c r="F5637" s="6">
        <v>3095</v>
      </c>
    </row>
    <row r="5638" spans="1:6" x14ac:dyDescent="0.25">
      <c r="A5638" s="4" t="s">
        <v>2541</v>
      </c>
      <c r="B5638" s="1" t="s">
        <v>3149</v>
      </c>
      <c r="C5638" s="5" t="s">
        <v>6446</v>
      </c>
      <c r="D5638" s="1" t="s">
        <v>2541</v>
      </c>
      <c r="E5638" s="5" t="s">
        <v>16234</v>
      </c>
      <c r="F5638" s="6">
        <v>5455</v>
      </c>
    </row>
    <row r="5639" spans="1:6" x14ac:dyDescent="0.25">
      <c r="A5639" s="4" t="s">
        <v>2563</v>
      </c>
      <c r="B5639" s="1" t="s">
        <v>3158</v>
      </c>
      <c r="C5639" s="5" t="s">
        <v>6471</v>
      </c>
      <c r="D5639" s="1" t="s">
        <v>2563</v>
      </c>
      <c r="E5639" s="5" t="s">
        <v>16279</v>
      </c>
      <c r="F5639" s="6">
        <v>5556</v>
      </c>
    </row>
    <row r="5640" spans="1:6" x14ac:dyDescent="0.25">
      <c r="A5640" s="4" t="s">
        <v>771</v>
      </c>
      <c r="B5640" s="1" t="s">
        <v>3158</v>
      </c>
      <c r="C5640" s="5" t="s">
        <v>4492</v>
      </c>
      <c r="D5640" s="1" t="s">
        <v>771</v>
      </c>
      <c r="E5640" s="5" t="s">
        <v>13263</v>
      </c>
      <c r="F5640" s="6">
        <v>1896</v>
      </c>
    </row>
    <row r="5641" spans="1:6" x14ac:dyDescent="0.25">
      <c r="A5641" s="4" t="s">
        <v>1977</v>
      </c>
      <c r="B5641" s="1" t="s">
        <v>3154</v>
      </c>
      <c r="C5641" s="5" t="s">
        <v>5699</v>
      </c>
      <c r="D5641" s="1" t="s">
        <v>1977</v>
      </c>
      <c r="E5641" s="5" t="s">
        <v>14814</v>
      </c>
      <c r="F5641" s="6">
        <v>3526</v>
      </c>
    </row>
    <row r="5642" spans="1:6" x14ac:dyDescent="0.25">
      <c r="A5642" s="4" t="s">
        <v>1442</v>
      </c>
      <c r="B5642" s="1" t="s">
        <v>3144</v>
      </c>
      <c r="C5642" s="5" t="s">
        <v>5257</v>
      </c>
      <c r="D5642" s="1" t="s">
        <v>1442</v>
      </c>
      <c r="E5642" s="5" t="s">
        <v>14212</v>
      </c>
      <c r="F5642" s="6">
        <v>2872</v>
      </c>
    </row>
    <row r="5643" spans="1:6" x14ac:dyDescent="0.25">
      <c r="A5643" s="4" t="s">
        <v>2032</v>
      </c>
      <c r="B5643" s="1" t="s">
        <v>3165</v>
      </c>
      <c r="C5643" s="5" t="s">
        <v>5722</v>
      </c>
      <c r="D5643" s="1" t="s">
        <v>2032</v>
      </c>
      <c r="E5643" s="5" t="s">
        <v>14872</v>
      </c>
      <c r="F5643" s="6">
        <v>3588</v>
      </c>
    </row>
    <row r="5644" spans="1:6" x14ac:dyDescent="0.25">
      <c r="A5644" s="4" t="s">
        <v>234</v>
      </c>
      <c r="B5644" s="1" t="s">
        <v>3167</v>
      </c>
      <c r="C5644" s="5" t="s">
        <v>3644</v>
      </c>
      <c r="D5644" s="1" t="s">
        <v>7793</v>
      </c>
      <c r="E5644" s="5" t="s">
        <v>12094</v>
      </c>
      <c r="F5644" s="6">
        <v>548</v>
      </c>
    </row>
    <row r="5645" spans="1:6" x14ac:dyDescent="0.25">
      <c r="A5645" s="4" t="s">
        <v>234</v>
      </c>
      <c r="B5645" s="1" t="s">
        <v>3167</v>
      </c>
      <c r="C5645" s="5" t="s">
        <v>4854</v>
      </c>
      <c r="D5645" s="1" t="s">
        <v>8824</v>
      </c>
      <c r="E5645" s="5" t="s">
        <v>13684</v>
      </c>
      <c r="F5645" s="6">
        <v>2330</v>
      </c>
    </row>
    <row r="5646" spans="1:6" x14ac:dyDescent="0.25">
      <c r="A5646" s="4" t="s">
        <v>234</v>
      </c>
      <c r="B5646" s="1" t="s">
        <v>3167</v>
      </c>
      <c r="C5646" s="5" t="s">
        <v>5315</v>
      </c>
      <c r="D5646" s="1" t="s">
        <v>9114</v>
      </c>
      <c r="E5646" s="5" t="s">
        <v>14273</v>
      </c>
      <c r="F5646" s="6">
        <v>2934</v>
      </c>
    </row>
    <row r="5647" spans="1:6" x14ac:dyDescent="0.25">
      <c r="A5647" s="4" t="s">
        <v>234</v>
      </c>
      <c r="B5647" s="1" t="s">
        <v>3167</v>
      </c>
      <c r="C5647" s="5" t="s">
        <v>5398</v>
      </c>
      <c r="D5647" s="1" t="s">
        <v>9134</v>
      </c>
      <c r="E5647" s="5" t="s">
        <v>14362</v>
      </c>
      <c r="F5647" s="6">
        <v>3027</v>
      </c>
    </row>
    <row r="5648" spans="1:6" x14ac:dyDescent="0.25">
      <c r="A5648" s="4" t="s">
        <v>234</v>
      </c>
      <c r="B5648" s="1" t="s">
        <v>3167</v>
      </c>
      <c r="C5648" s="5" t="s">
        <v>5315</v>
      </c>
      <c r="D5648" s="1" t="s">
        <v>9195</v>
      </c>
      <c r="E5648" s="5" t="s">
        <v>14606</v>
      </c>
      <c r="F5648" s="6">
        <v>3301</v>
      </c>
    </row>
    <row r="5649" spans="1:6" x14ac:dyDescent="0.25">
      <c r="A5649" s="4" t="s">
        <v>234</v>
      </c>
      <c r="B5649" s="1" t="s">
        <v>3167</v>
      </c>
      <c r="C5649" s="5" t="s">
        <v>3644</v>
      </c>
      <c r="D5649" s="1" t="s">
        <v>9883</v>
      </c>
      <c r="E5649" s="5" t="s">
        <v>15817</v>
      </c>
      <c r="F5649" s="6">
        <v>4727</v>
      </c>
    </row>
    <row r="5650" spans="1:6" x14ac:dyDescent="0.25">
      <c r="A5650" s="4" t="s">
        <v>234</v>
      </c>
      <c r="B5650" s="1" t="s">
        <v>3167</v>
      </c>
      <c r="C5650" s="5" t="s">
        <v>6250</v>
      </c>
      <c r="D5650" s="1" t="s">
        <v>9886</v>
      </c>
      <c r="E5650" s="5" t="s">
        <v>15820</v>
      </c>
      <c r="F5650" s="6">
        <v>4731</v>
      </c>
    </row>
    <row r="5651" spans="1:6" x14ac:dyDescent="0.25">
      <c r="A5651" s="4" t="s">
        <v>234</v>
      </c>
      <c r="B5651" s="1" t="s">
        <v>3167</v>
      </c>
      <c r="C5651" s="5">
        <v>793021</v>
      </c>
      <c r="D5651" s="1" t="s">
        <v>11423</v>
      </c>
      <c r="E5651" s="5" t="s">
        <v>17856</v>
      </c>
      <c r="F5651" s="6">
        <v>9484</v>
      </c>
    </row>
    <row r="5652" spans="1:6" x14ac:dyDescent="0.25">
      <c r="A5652" s="4" t="s">
        <v>1195</v>
      </c>
      <c r="B5652" s="1" t="s">
        <v>3165</v>
      </c>
      <c r="C5652" s="5" t="s">
        <v>4948</v>
      </c>
      <c r="D5652" s="1" t="s">
        <v>8879</v>
      </c>
      <c r="E5652" s="5" t="s">
        <v>13797</v>
      </c>
      <c r="F5652" s="6">
        <v>2447</v>
      </c>
    </row>
    <row r="5653" spans="1:6" x14ac:dyDescent="0.25">
      <c r="A5653" s="4" t="s">
        <v>1195</v>
      </c>
      <c r="B5653" s="1" t="s">
        <v>3165</v>
      </c>
      <c r="C5653" s="5" t="s">
        <v>5994</v>
      </c>
      <c r="D5653" s="1" t="s">
        <v>9556</v>
      </c>
      <c r="E5653" s="5" t="s">
        <v>15379</v>
      </c>
      <c r="F5653" s="6">
        <v>4116</v>
      </c>
    </row>
    <row r="5654" spans="1:6" x14ac:dyDescent="0.25">
      <c r="A5654" s="4" t="s">
        <v>1195</v>
      </c>
      <c r="B5654" s="1" t="s">
        <v>3165</v>
      </c>
      <c r="C5654" s="5" t="s">
        <v>6114</v>
      </c>
      <c r="D5654" s="1" t="s">
        <v>9683</v>
      </c>
      <c r="E5654" s="5" t="s">
        <v>15563</v>
      </c>
      <c r="F5654" s="6">
        <v>4304</v>
      </c>
    </row>
    <row r="5655" spans="1:6" x14ac:dyDescent="0.25">
      <c r="A5655" s="4" t="s">
        <v>1195</v>
      </c>
      <c r="B5655" s="1" t="s">
        <v>3165</v>
      </c>
      <c r="C5655" s="5" t="s">
        <v>6656</v>
      </c>
      <c r="D5655" s="1" t="s">
        <v>10466</v>
      </c>
      <c r="E5655" s="5" t="s">
        <v>16625</v>
      </c>
      <c r="F5655" s="6">
        <v>6405</v>
      </c>
    </row>
    <row r="5656" spans="1:6" x14ac:dyDescent="0.25">
      <c r="A5656" s="4" t="s">
        <v>1195</v>
      </c>
      <c r="B5656" s="1" t="s">
        <v>3165</v>
      </c>
      <c r="C5656" s="5">
        <v>171206</v>
      </c>
      <c r="D5656" s="1" t="s">
        <v>10953</v>
      </c>
      <c r="E5656" s="5" t="s">
        <v>17251</v>
      </c>
      <c r="F5656" s="6">
        <v>8308</v>
      </c>
    </row>
    <row r="5657" spans="1:6" x14ac:dyDescent="0.25">
      <c r="A5657" s="4" t="s">
        <v>2613</v>
      </c>
      <c r="B5657" s="1" t="s">
        <v>3149</v>
      </c>
      <c r="C5657" s="5" t="s">
        <v>6521</v>
      </c>
      <c r="D5657" s="1" t="s">
        <v>10280</v>
      </c>
      <c r="E5657" s="5" t="s">
        <v>16356</v>
      </c>
      <c r="F5657" s="6">
        <v>5732</v>
      </c>
    </row>
    <row r="5658" spans="1:6" x14ac:dyDescent="0.25">
      <c r="A5658" s="4" t="s">
        <v>2133</v>
      </c>
      <c r="B5658" s="1" t="s">
        <v>3144</v>
      </c>
      <c r="C5658" s="5" t="s">
        <v>5837</v>
      </c>
      <c r="D5658" s="1" t="s">
        <v>2133</v>
      </c>
      <c r="E5658" s="5" t="s">
        <v>15097</v>
      </c>
      <c r="F5658" s="6">
        <v>3826</v>
      </c>
    </row>
    <row r="5659" spans="1:6" x14ac:dyDescent="0.25">
      <c r="A5659" s="4" t="s">
        <v>468</v>
      </c>
      <c r="B5659" s="1" t="s">
        <v>3144</v>
      </c>
      <c r="C5659" s="5">
        <v>416103</v>
      </c>
      <c r="D5659" s="1" t="s">
        <v>468</v>
      </c>
      <c r="E5659" s="5" t="s">
        <v>12605</v>
      </c>
      <c r="F5659" s="6">
        <v>1172</v>
      </c>
    </row>
    <row r="5660" spans="1:6" x14ac:dyDescent="0.25">
      <c r="A5660" s="4" t="s">
        <v>510</v>
      </c>
      <c r="B5660" s="1" t="s">
        <v>3144</v>
      </c>
      <c r="C5660" s="5" t="s">
        <v>4142</v>
      </c>
      <c r="D5660" s="1" t="s">
        <v>8365</v>
      </c>
      <c r="E5660" s="5" t="s">
        <v>12789</v>
      </c>
      <c r="F5660" s="6">
        <v>1387</v>
      </c>
    </row>
    <row r="5661" spans="1:6" x14ac:dyDescent="0.25">
      <c r="A5661" s="4" t="s">
        <v>1050</v>
      </c>
      <c r="B5661" s="1" t="s">
        <v>3144</v>
      </c>
      <c r="C5661" s="5" t="s">
        <v>4791</v>
      </c>
      <c r="D5661" s="1" t="s">
        <v>1050</v>
      </c>
      <c r="E5661" s="5" t="s">
        <v>13618</v>
      </c>
      <c r="F5661" s="6">
        <v>2260</v>
      </c>
    </row>
    <row r="5662" spans="1:6" x14ac:dyDescent="0.25">
      <c r="A5662" s="4" t="s">
        <v>3086</v>
      </c>
      <c r="B5662" s="1" t="s">
        <v>3149</v>
      </c>
      <c r="C5662" s="5" t="s">
        <v>7240</v>
      </c>
      <c r="D5662" s="1" t="s">
        <v>3086</v>
      </c>
      <c r="E5662" s="5" t="s">
        <v>17911</v>
      </c>
      <c r="F5662" s="6">
        <v>9540</v>
      </c>
    </row>
    <row r="5663" spans="1:6" x14ac:dyDescent="0.25">
      <c r="A5663" s="4" t="s">
        <v>995</v>
      </c>
      <c r="B5663" s="1" t="s">
        <v>3144</v>
      </c>
      <c r="C5663" s="5" t="s">
        <v>4741</v>
      </c>
      <c r="D5663" s="1" t="s">
        <v>995</v>
      </c>
      <c r="E5663" s="5" t="s">
        <v>13562</v>
      </c>
      <c r="F5663" s="6">
        <v>2202</v>
      </c>
    </row>
    <row r="5664" spans="1:6" x14ac:dyDescent="0.25">
      <c r="A5664" s="4" t="s">
        <v>346</v>
      </c>
      <c r="B5664" s="1" t="s">
        <v>3149</v>
      </c>
      <c r="C5664" s="5" t="s">
        <v>3841</v>
      </c>
      <c r="D5664" s="1" t="s">
        <v>2613</v>
      </c>
      <c r="E5664" s="5" t="s">
        <v>12341</v>
      </c>
      <c r="F5664" s="6">
        <v>839</v>
      </c>
    </row>
    <row r="5665" spans="1:6" x14ac:dyDescent="0.25">
      <c r="A5665" s="4" t="s">
        <v>346</v>
      </c>
      <c r="B5665" s="1" t="s">
        <v>3149</v>
      </c>
      <c r="C5665" s="5" t="s">
        <v>6623</v>
      </c>
      <c r="D5665" s="1" t="s">
        <v>10418</v>
      </c>
      <c r="E5665" s="5" t="s">
        <v>16560</v>
      </c>
      <c r="F5665" s="6">
        <v>6232</v>
      </c>
    </row>
    <row r="5666" spans="1:6" x14ac:dyDescent="0.25">
      <c r="A5666" s="4" t="s">
        <v>372</v>
      </c>
      <c r="B5666" s="1" t="s">
        <v>3153</v>
      </c>
      <c r="C5666" s="5">
        <v>473551</v>
      </c>
      <c r="D5666" s="1" t="s">
        <v>372</v>
      </c>
      <c r="E5666" s="5" t="s">
        <v>12394</v>
      </c>
      <c r="F5666" s="6">
        <v>907</v>
      </c>
    </row>
    <row r="5667" spans="1:6" x14ac:dyDescent="0.25">
      <c r="A5667" s="4" t="s">
        <v>372</v>
      </c>
      <c r="B5667" s="1" t="s">
        <v>3153</v>
      </c>
      <c r="C5667" s="5">
        <v>473551</v>
      </c>
      <c r="D5667" s="1" t="s">
        <v>10878</v>
      </c>
      <c r="E5667" s="5" t="s">
        <v>17163</v>
      </c>
      <c r="F5667" s="6">
        <v>8082</v>
      </c>
    </row>
    <row r="5668" spans="1:6" x14ac:dyDescent="0.25">
      <c r="A5668" s="4" t="s">
        <v>2431</v>
      </c>
      <c r="B5668" s="1" t="s">
        <v>3158</v>
      </c>
      <c r="C5668" s="5" t="s">
        <v>6288</v>
      </c>
      <c r="D5668" s="1" t="s">
        <v>2431</v>
      </c>
      <c r="E5668" s="5" t="s">
        <v>15882</v>
      </c>
      <c r="F5668" s="6">
        <v>4796</v>
      </c>
    </row>
    <row r="5669" spans="1:6" x14ac:dyDescent="0.25">
      <c r="A5669" s="4" t="s">
        <v>1277</v>
      </c>
      <c r="B5669" s="1" t="s">
        <v>3163</v>
      </c>
      <c r="C5669" s="5" t="s">
        <v>5061</v>
      </c>
      <c r="D5669" s="1" t="s">
        <v>8958</v>
      </c>
      <c r="E5669" s="5" t="s">
        <v>13942</v>
      </c>
      <c r="F5669" s="6">
        <v>2594</v>
      </c>
    </row>
    <row r="5670" spans="1:6" x14ac:dyDescent="0.25">
      <c r="A5670" s="4" t="s">
        <v>1128</v>
      </c>
      <c r="B5670" s="1" t="s">
        <v>3150</v>
      </c>
      <c r="C5670" s="5" t="s">
        <v>4870</v>
      </c>
      <c r="D5670" s="1" t="s">
        <v>1128</v>
      </c>
      <c r="E5670" s="5" t="s">
        <v>13701</v>
      </c>
      <c r="F5670" s="6">
        <v>2348</v>
      </c>
    </row>
    <row r="5671" spans="1:6" x14ac:dyDescent="0.25">
      <c r="A5671" s="4" t="s">
        <v>3070</v>
      </c>
      <c r="B5671" s="1" t="s">
        <v>3156</v>
      </c>
      <c r="C5671" s="5" t="s">
        <v>7208</v>
      </c>
      <c r="D5671" s="1" t="s">
        <v>3070</v>
      </c>
      <c r="E5671" s="5" t="s">
        <v>17835</v>
      </c>
      <c r="F5671" s="6">
        <v>9461</v>
      </c>
    </row>
    <row r="5672" spans="1:6" x14ac:dyDescent="0.25">
      <c r="A5672" s="4" t="s">
        <v>1543</v>
      </c>
      <c r="B5672" s="1" t="s">
        <v>3144</v>
      </c>
      <c r="C5672" s="5" t="s">
        <v>5362</v>
      </c>
      <c r="D5672" s="1" t="s">
        <v>1543</v>
      </c>
      <c r="E5672" s="5" t="s">
        <v>14324</v>
      </c>
      <c r="F5672" s="6">
        <v>2986</v>
      </c>
    </row>
    <row r="5673" spans="1:6" x14ac:dyDescent="0.25">
      <c r="A5673" s="4" t="s">
        <v>411</v>
      </c>
      <c r="B5673" s="1" t="s">
        <v>3144</v>
      </c>
      <c r="C5673" s="5" t="s">
        <v>3930</v>
      </c>
      <c r="D5673" s="1" t="s">
        <v>411</v>
      </c>
      <c r="E5673" s="5" t="s">
        <v>12450</v>
      </c>
      <c r="F5673" s="6">
        <v>966</v>
      </c>
    </row>
    <row r="5674" spans="1:6" x14ac:dyDescent="0.25">
      <c r="A5674" s="4" t="s">
        <v>3136</v>
      </c>
      <c r="B5674" s="1" t="s">
        <v>3144</v>
      </c>
      <c r="C5674" s="5" t="s">
        <v>7312</v>
      </c>
      <c r="D5674" s="1" t="s">
        <v>11575</v>
      </c>
      <c r="E5674" s="5" t="s">
        <v>18049</v>
      </c>
      <c r="F5674" s="6">
        <v>9682</v>
      </c>
    </row>
    <row r="5675" spans="1:6" x14ac:dyDescent="0.25">
      <c r="A5675" s="4" t="s">
        <v>443</v>
      </c>
      <c r="B5675" s="1" t="s">
        <v>3153</v>
      </c>
      <c r="C5675" s="5" t="s">
        <v>3990</v>
      </c>
      <c r="D5675" s="1" t="s">
        <v>443</v>
      </c>
      <c r="E5675" s="5" t="s">
        <v>12532</v>
      </c>
      <c r="F5675" s="6">
        <v>1057</v>
      </c>
    </row>
    <row r="5676" spans="1:6" x14ac:dyDescent="0.25">
      <c r="A5676" s="4" t="s">
        <v>615</v>
      </c>
      <c r="B5676" s="1" t="s">
        <v>3151</v>
      </c>
      <c r="C5676" s="5" t="s">
        <v>4293</v>
      </c>
      <c r="D5676" s="1" t="s">
        <v>615</v>
      </c>
      <c r="E5676" s="5" t="s">
        <v>13007</v>
      </c>
      <c r="F5676" s="6">
        <v>1634</v>
      </c>
    </row>
    <row r="5677" spans="1:6" x14ac:dyDescent="0.25">
      <c r="A5677" s="4" t="s">
        <v>692</v>
      </c>
      <c r="B5677" s="1" t="s">
        <v>3153</v>
      </c>
      <c r="C5677" s="5" t="s">
        <v>4395</v>
      </c>
      <c r="D5677" s="1" t="s">
        <v>692</v>
      </c>
      <c r="E5677" s="5" t="s">
        <v>13146</v>
      </c>
      <c r="F5677" s="6">
        <v>1779</v>
      </c>
    </row>
    <row r="5678" spans="1:6" x14ac:dyDescent="0.25">
      <c r="A5678" s="4" t="s">
        <v>1227</v>
      </c>
      <c r="B5678" s="1" t="s">
        <v>3147</v>
      </c>
      <c r="C5678" s="5" t="s">
        <v>4992</v>
      </c>
      <c r="D5678" s="1" t="s">
        <v>1227</v>
      </c>
      <c r="E5678" s="5" t="s">
        <v>13848</v>
      </c>
      <c r="F5678" s="6">
        <v>2498</v>
      </c>
    </row>
    <row r="5679" spans="1:6" x14ac:dyDescent="0.25">
      <c r="A5679" s="4" t="s">
        <v>2147</v>
      </c>
      <c r="B5679" s="1" t="s">
        <v>3154</v>
      </c>
      <c r="C5679" s="5" t="s">
        <v>5849</v>
      </c>
      <c r="D5679" s="1" t="s">
        <v>2147</v>
      </c>
      <c r="E5679" s="5" t="s">
        <v>15119</v>
      </c>
      <c r="F5679" s="6">
        <v>3848</v>
      </c>
    </row>
    <row r="5680" spans="1:6" x14ac:dyDescent="0.25">
      <c r="A5680" s="4" t="s">
        <v>1458</v>
      </c>
      <c r="B5680" s="1" t="s">
        <v>3152</v>
      </c>
      <c r="C5680" s="5" t="s">
        <v>5272</v>
      </c>
      <c r="D5680" s="1" t="s">
        <v>1458</v>
      </c>
      <c r="E5680" s="5" t="s">
        <v>14228</v>
      </c>
      <c r="F5680" s="6">
        <v>2888</v>
      </c>
    </row>
    <row r="5681" spans="1:6" x14ac:dyDescent="0.25">
      <c r="A5681" s="4" t="s">
        <v>2135</v>
      </c>
      <c r="B5681" s="1" t="s">
        <v>3147</v>
      </c>
      <c r="C5681" s="5" t="s">
        <v>4793</v>
      </c>
      <c r="D5681" s="1" t="s">
        <v>2135</v>
      </c>
      <c r="E5681" s="5" t="s">
        <v>15099</v>
      </c>
      <c r="F5681" s="6">
        <v>3828</v>
      </c>
    </row>
    <row r="5682" spans="1:6" x14ac:dyDescent="0.25">
      <c r="A5682" s="4" t="s">
        <v>940</v>
      </c>
      <c r="B5682" s="1" t="s">
        <v>3147</v>
      </c>
      <c r="C5682" s="5" t="s">
        <v>4688</v>
      </c>
      <c r="D5682" s="1" t="s">
        <v>940</v>
      </c>
      <c r="E5682" s="5" t="s">
        <v>13506</v>
      </c>
      <c r="F5682" s="6">
        <v>2144</v>
      </c>
    </row>
    <row r="5683" spans="1:6" x14ac:dyDescent="0.25">
      <c r="A5683" s="4" t="s">
        <v>2400</v>
      </c>
      <c r="B5683" s="1" t="s">
        <v>3153</v>
      </c>
      <c r="C5683" s="5" t="s">
        <v>6225</v>
      </c>
      <c r="D5683" s="1" t="s">
        <v>2400</v>
      </c>
      <c r="E5683" s="5" t="s">
        <v>15769</v>
      </c>
      <c r="F5683" s="6">
        <v>4675</v>
      </c>
    </row>
    <row r="5684" spans="1:6" x14ac:dyDescent="0.25">
      <c r="A5684" s="4" t="s">
        <v>1998</v>
      </c>
      <c r="B5684" s="1" t="s">
        <v>3154</v>
      </c>
      <c r="C5684" s="5">
        <v>122004</v>
      </c>
      <c r="D5684" s="1" t="s">
        <v>1998</v>
      </c>
      <c r="E5684" s="5" t="s">
        <v>14836</v>
      </c>
      <c r="F5684" s="6">
        <v>3548</v>
      </c>
    </row>
    <row r="5685" spans="1:6" x14ac:dyDescent="0.25">
      <c r="A5685" s="4" t="s">
        <v>765</v>
      </c>
      <c r="B5685" s="1" t="s">
        <v>3158</v>
      </c>
      <c r="C5685" s="5" t="s">
        <v>4486</v>
      </c>
      <c r="D5685" s="1" t="s">
        <v>765</v>
      </c>
      <c r="E5685" s="5" t="s">
        <v>13257</v>
      </c>
      <c r="F5685" s="6">
        <v>1890</v>
      </c>
    </row>
    <row r="5686" spans="1:6" x14ac:dyDescent="0.25">
      <c r="A5686" s="4" t="s">
        <v>465</v>
      </c>
      <c r="B5686" s="1" t="s">
        <v>3156</v>
      </c>
      <c r="C5686" s="5" t="s">
        <v>4033</v>
      </c>
      <c r="D5686" s="1" t="s">
        <v>8190</v>
      </c>
      <c r="E5686" s="5" t="s">
        <v>12592</v>
      </c>
      <c r="F5686" s="6">
        <v>1125</v>
      </c>
    </row>
    <row r="5687" spans="1:6" x14ac:dyDescent="0.25">
      <c r="A5687" s="4" t="s">
        <v>465</v>
      </c>
      <c r="B5687" s="1" t="s">
        <v>3156</v>
      </c>
      <c r="C5687" s="5" t="s">
        <v>4033</v>
      </c>
      <c r="D5687" s="1" t="s">
        <v>10127</v>
      </c>
      <c r="E5687" s="5" t="s">
        <v>16131</v>
      </c>
      <c r="F5687" s="6">
        <v>5216</v>
      </c>
    </row>
    <row r="5688" spans="1:6" x14ac:dyDescent="0.25">
      <c r="A5688" s="4" t="s">
        <v>465</v>
      </c>
      <c r="B5688" s="1" t="s">
        <v>3156</v>
      </c>
      <c r="C5688" s="5" t="s">
        <v>4033</v>
      </c>
      <c r="D5688" s="1" t="s">
        <v>10132</v>
      </c>
      <c r="E5688" s="5" t="s">
        <v>16137</v>
      </c>
      <c r="F5688" s="6">
        <v>5232</v>
      </c>
    </row>
    <row r="5689" spans="1:6" x14ac:dyDescent="0.25">
      <c r="A5689" s="4" t="s">
        <v>465</v>
      </c>
      <c r="B5689" s="1" t="s">
        <v>3156</v>
      </c>
      <c r="C5689" s="5">
        <v>332001</v>
      </c>
      <c r="D5689" s="1" t="s">
        <v>10997</v>
      </c>
      <c r="E5689" s="5" t="s">
        <v>17311</v>
      </c>
      <c r="F5689" s="6">
        <v>8671</v>
      </c>
    </row>
    <row r="5690" spans="1:6" x14ac:dyDescent="0.25">
      <c r="A5690" s="4" t="s">
        <v>465</v>
      </c>
      <c r="B5690" s="1" t="s">
        <v>3156</v>
      </c>
      <c r="C5690" s="5" t="s">
        <v>4033</v>
      </c>
      <c r="D5690" s="1" t="s">
        <v>11124</v>
      </c>
      <c r="E5690" s="5" t="s">
        <v>17481</v>
      </c>
      <c r="F5690" s="6">
        <v>9092</v>
      </c>
    </row>
    <row r="5691" spans="1:6" x14ac:dyDescent="0.25">
      <c r="A5691" s="4" t="s">
        <v>1666</v>
      </c>
      <c r="B5691" s="1" t="s">
        <v>3152</v>
      </c>
      <c r="C5691" s="5" t="s">
        <v>5339</v>
      </c>
      <c r="D5691" s="1" t="s">
        <v>1666</v>
      </c>
      <c r="E5691" s="5" t="s">
        <v>14456</v>
      </c>
      <c r="F5691" s="6">
        <v>3141</v>
      </c>
    </row>
    <row r="5692" spans="1:6" x14ac:dyDescent="0.25">
      <c r="A5692" s="4" t="s">
        <v>448</v>
      </c>
      <c r="B5692" s="1" t="s">
        <v>3164</v>
      </c>
      <c r="C5692" s="5" t="s">
        <v>3995</v>
      </c>
      <c r="D5692" s="1" t="s">
        <v>8143</v>
      </c>
      <c r="E5692" s="5" t="s">
        <v>12538</v>
      </c>
      <c r="F5692" s="6">
        <v>1063</v>
      </c>
    </row>
    <row r="5693" spans="1:6" x14ac:dyDescent="0.25">
      <c r="A5693" s="4" t="s">
        <v>448</v>
      </c>
      <c r="B5693" s="1" t="s">
        <v>3164</v>
      </c>
      <c r="C5693" s="5">
        <v>788001</v>
      </c>
      <c r="D5693" s="1" t="s">
        <v>8792</v>
      </c>
      <c r="E5693" s="5" t="s">
        <v>13526</v>
      </c>
      <c r="F5693" s="6">
        <v>2164</v>
      </c>
    </row>
    <row r="5694" spans="1:6" x14ac:dyDescent="0.25">
      <c r="A5694" s="4" t="s">
        <v>448</v>
      </c>
      <c r="B5694" s="1" t="s">
        <v>3164</v>
      </c>
      <c r="C5694" s="5" t="s">
        <v>6079</v>
      </c>
      <c r="D5694" s="1" t="s">
        <v>9642</v>
      </c>
      <c r="E5694" s="5" t="s">
        <v>15509</v>
      </c>
      <c r="F5694" s="6">
        <v>4247</v>
      </c>
    </row>
    <row r="5695" spans="1:6" x14ac:dyDescent="0.25">
      <c r="A5695" s="4" t="s">
        <v>72</v>
      </c>
      <c r="B5695" s="1" t="s">
        <v>3148</v>
      </c>
      <c r="C5695" s="5" t="s">
        <v>3323</v>
      </c>
      <c r="D5695" s="1" t="s">
        <v>7451</v>
      </c>
      <c r="E5695" s="5" t="s">
        <v>11730</v>
      </c>
      <c r="F5695" s="6">
        <v>151</v>
      </c>
    </row>
    <row r="5696" spans="1:6" x14ac:dyDescent="0.25">
      <c r="A5696" s="4" t="s">
        <v>72</v>
      </c>
      <c r="B5696" s="1" t="s">
        <v>3148</v>
      </c>
      <c r="C5696" s="5" t="s">
        <v>3634</v>
      </c>
      <c r="D5696" s="1" t="s">
        <v>7780</v>
      </c>
      <c r="E5696" s="5" t="s">
        <v>12080</v>
      </c>
      <c r="F5696" s="6">
        <v>528</v>
      </c>
    </row>
    <row r="5697" spans="1:6" x14ac:dyDescent="0.25">
      <c r="A5697" s="4" t="s">
        <v>72</v>
      </c>
      <c r="B5697" s="1" t="s">
        <v>3148</v>
      </c>
      <c r="C5697" s="5" t="s">
        <v>4061</v>
      </c>
      <c r="D5697" s="1" t="s">
        <v>8238</v>
      </c>
      <c r="E5697" s="5" t="s">
        <v>12644</v>
      </c>
      <c r="F5697" s="6">
        <v>1239</v>
      </c>
    </row>
    <row r="5698" spans="1:6" x14ac:dyDescent="0.25">
      <c r="A5698" s="4" t="s">
        <v>72</v>
      </c>
      <c r="B5698" s="1" t="s">
        <v>3148</v>
      </c>
      <c r="C5698" s="5" t="s">
        <v>4061</v>
      </c>
      <c r="D5698" s="1" t="s">
        <v>9876</v>
      </c>
      <c r="E5698" s="5" t="s">
        <v>15808</v>
      </c>
      <c r="F5698" s="6">
        <v>4717</v>
      </c>
    </row>
    <row r="5699" spans="1:6" x14ac:dyDescent="0.25">
      <c r="A5699" s="4" t="s">
        <v>72</v>
      </c>
      <c r="B5699" s="1" t="s">
        <v>3148</v>
      </c>
      <c r="C5699" s="5" t="s">
        <v>6443</v>
      </c>
      <c r="D5699" s="1" t="s">
        <v>10204</v>
      </c>
      <c r="E5699" s="5" t="s">
        <v>16228</v>
      </c>
      <c r="F5699" s="6">
        <v>5439</v>
      </c>
    </row>
    <row r="5700" spans="1:6" x14ac:dyDescent="0.25">
      <c r="A5700" s="4" t="s">
        <v>72</v>
      </c>
      <c r="B5700" s="1" t="s">
        <v>3148</v>
      </c>
      <c r="C5700" s="5" t="s">
        <v>6536</v>
      </c>
      <c r="D5700" s="1" t="s">
        <v>10298</v>
      </c>
      <c r="E5700" s="5" t="s">
        <v>16382</v>
      </c>
      <c r="F5700" s="6">
        <v>5796</v>
      </c>
    </row>
    <row r="5701" spans="1:6" x14ac:dyDescent="0.25">
      <c r="A5701" s="4" t="s">
        <v>72</v>
      </c>
      <c r="B5701" s="1" t="s">
        <v>3148</v>
      </c>
      <c r="C5701" s="5" t="s">
        <v>4061</v>
      </c>
      <c r="D5701" s="1" t="s">
        <v>72</v>
      </c>
      <c r="E5701" s="5" t="s">
        <v>17832</v>
      </c>
      <c r="F5701" s="6">
        <v>9458</v>
      </c>
    </row>
    <row r="5702" spans="1:6" x14ac:dyDescent="0.25">
      <c r="A5702" s="4" t="s">
        <v>72</v>
      </c>
      <c r="B5702" s="1" t="s">
        <v>3148</v>
      </c>
      <c r="C5702" s="5" t="s">
        <v>3634</v>
      </c>
      <c r="D5702" s="1" t="s">
        <v>11457</v>
      </c>
      <c r="E5702" s="5" t="s">
        <v>17892</v>
      </c>
      <c r="F5702" s="6">
        <v>9521</v>
      </c>
    </row>
    <row r="5703" spans="1:6" x14ac:dyDescent="0.25">
      <c r="A5703" s="4" t="s">
        <v>941</v>
      </c>
      <c r="B5703" s="1" t="s">
        <v>3144</v>
      </c>
      <c r="C5703" s="5" t="s">
        <v>4689</v>
      </c>
      <c r="D5703" s="1" t="s">
        <v>941</v>
      </c>
      <c r="E5703" s="5" t="s">
        <v>13507</v>
      </c>
      <c r="F5703" s="6">
        <v>2145</v>
      </c>
    </row>
    <row r="5704" spans="1:6" x14ac:dyDescent="0.25">
      <c r="A5704" s="4" t="s">
        <v>42</v>
      </c>
      <c r="B5704" s="1" t="s">
        <v>3157</v>
      </c>
      <c r="C5704" s="5" t="s">
        <v>3262</v>
      </c>
      <c r="D5704" s="1" t="s">
        <v>7387</v>
      </c>
      <c r="E5704" s="5" t="s">
        <v>11662</v>
      </c>
      <c r="F5704" s="6">
        <v>74</v>
      </c>
    </row>
    <row r="5705" spans="1:6" x14ac:dyDescent="0.25">
      <c r="A5705" s="4" t="s">
        <v>42</v>
      </c>
      <c r="B5705" s="1" t="s">
        <v>3157</v>
      </c>
      <c r="C5705" s="5">
        <v>396230</v>
      </c>
      <c r="D5705" s="1" t="s">
        <v>8831</v>
      </c>
      <c r="E5705" s="5" t="s">
        <v>13708</v>
      </c>
      <c r="F5705" s="6">
        <v>2355</v>
      </c>
    </row>
    <row r="5706" spans="1:6" x14ac:dyDescent="0.25">
      <c r="A5706" s="4" t="s">
        <v>42</v>
      </c>
      <c r="B5706" s="1" t="s">
        <v>3183</v>
      </c>
      <c r="C5706" s="5" t="s">
        <v>3262</v>
      </c>
      <c r="D5706" s="1" t="s">
        <v>10023</v>
      </c>
      <c r="E5706" s="5" t="s">
        <v>16003</v>
      </c>
      <c r="F5706" s="6">
        <v>4946</v>
      </c>
    </row>
    <row r="5707" spans="1:6" x14ac:dyDescent="0.25">
      <c r="A5707" s="4" t="s">
        <v>2724</v>
      </c>
      <c r="B5707" s="1" t="s">
        <v>3153</v>
      </c>
      <c r="C5707" s="5" t="s">
        <v>6666</v>
      </c>
      <c r="D5707" s="1" t="s">
        <v>10483</v>
      </c>
      <c r="E5707" s="5" t="s">
        <v>16646</v>
      </c>
      <c r="F5707" s="6">
        <v>6469</v>
      </c>
    </row>
    <row r="5708" spans="1:6" x14ac:dyDescent="0.25">
      <c r="A5708" s="4" t="s">
        <v>1981</v>
      </c>
      <c r="B5708" s="1" t="s">
        <v>3147</v>
      </c>
      <c r="C5708" s="5" t="s">
        <v>4947</v>
      </c>
      <c r="D5708" s="1" t="s">
        <v>1981</v>
      </c>
      <c r="E5708" s="5" t="s">
        <v>14818</v>
      </c>
      <c r="F5708" s="6">
        <v>3530</v>
      </c>
    </row>
    <row r="5709" spans="1:6" x14ac:dyDescent="0.25">
      <c r="A5709" s="4" t="s">
        <v>1074</v>
      </c>
      <c r="B5709" s="1" t="s">
        <v>3159</v>
      </c>
      <c r="C5709" s="5" t="s">
        <v>4817</v>
      </c>
      <c r="D5709" s="1" t="s">
        <v>1074</v>
      </c>
      <c r="E5709" s="5" t="s">
        <v>13644</v>
      </c>
      <c r="F5709" s="6">
        <v>2290</v>
      </c>
    </row>
    <row r="5710" spans="1:6" x14ac:dyDescent="0.25">
      <c r="A5710" s="4" t="s">
        <v>2087</v>
      </c>
      <c r="B5710" s="1" t="s">
        <v>3160</v>
      </c>
      <c r="C5710" s="5" t="s">
        <v>5780</v>
      </c>
      <c r="D5710" s="1" t="s">
        <v>2087</v>
      </c>
      <c r="E5710" s="5" t="s">
        <v>14989</v>
      </c>
      <c r="F5710" s="6">
        <v>3714</v>
      </c>
    </row>
    <row r="5711" spans="1:6" x14ac:dyDescent="0.25">
      <c r="A5711" s="4" t="s">
        <v>2615</v>
      </c>
      <c r="B5711" s="1" t="s">
        <v>3149</v>
      </c>
      <c r="C5711" s="5" t="s">
        <v>6522</v>
      </c>
      <c r="D5711" s="1" t="s">
        <v>2615</v>
      </c>
      <c r="E5711" s="5" t="s">
        <v>16359</v>
      </c>
      <c r="F5711" s="6">
        <v>5744</v>
      </c>
    </row>
    <row r="5712" spans="1:6" x14ac:dyDescent="0.25">
      <c r="A5712" s="4" t="s">
        <v>345</v>
      </c>
      <c r="B5712" s="1" t="s">
        <v>3149</v>
      </c>
      <c r="C5712" s="5" t="s">
        <v>3834</v>
      </c>
      <c r="D5712" s="1" t="s">
        <v>8008</v>
      </c>
      <c r="E5712" s="5" t="s">
        <v>12332</v>
      </c>
      <c r="F5712" s="6">
        <v>828</v>
      </c>
    </row>
    <row r="5713" spans="1:6" x14ac:dyDescent="0.25">
      <c r="A5713" s="4" t="s">
        <v>2155</v>
      </c>
      <c r="B5713" s="1" t="s">
        <v>3154</v>
      </c>
      <c r="C5713" s="5" t="s">
        <v>5520</v>
      </c>
      <c r="D5713" s="1" t="s">
        <v>9393</v>
      </c>
      <c r="E5713" s="5" t="s">
        <v>15135</v>
      </c>
      <c r="F5713" s="6">
        <v>3866</v>
      </c>
    </row>
    <row r="5714" spans="1:6" x14ac:dyDescent="0.25">
      <c r="A5714" s="4" t="s">
        <v>2484</v>
      </c>
      <c r="B5714" s="1" t="s">
        <v>3153</v>
      </c>
      <c r="C5714" s="5" t="s">
        <v>6355</v>
      </c>
      <c r="D5714" s="1" t="s">
        <v>2484</v>
      </c>
      <c r="E5714" s="5" t="s">
        <v>16026</v>
      </c>
      <c r="F5714" s="6">
        <v>5009</v>
      </c>
    </row>
    <row r="5715" spans="1:6" x14ac:dyDescent="0.25">
      <c r="A5715" s="4" t="s">
        <v>1517</v>
      </c>
      <c r="B5715" s="1" t="s">
        <v>3166</v>
      </c>
      <c r="C5715" s="5" t="s">
        <v>5337</v>
      </c>
      <c r="D5715" s="1" t="s">
        <v>1517</v>
      </c>
      <c r="E5715" s="5" t="s">
        <v>14296</v>
      </c>
      <c r="F5715" s="6">
        <v>2958</v>
      </c>
    </row>
    <row r="5716" spans="1:6" x14ac:dyDescent="0.25">
      <c r="A5716" s="4" t="s">
        <v>3106</v>
      </c>
      <c r="B5716" s="1" t="s">
        <v>3148</v>
      </c>
      <c r="C5716" s="5" t="s">
        <v>7267</v>
      </c>
      <c r="D5716" s="1" t="s">
        <v>3106</v>
      </c>
      <c r="E5716" s="5" t="s">
        <v>17947</v>
      </c>
      <c r="F5716" s="6">
        <v>9578</v>
      </c>
    </row>
    <row r="5717" spans="1:6" x14ac:dyDescent="0.25">
      <c r="A5717" s="4" t="s">
        <v>1402</v>
      </c>
      <c r="B5717" s="1" t="s">
        <v>3144</v>
      </c>
      <c r="C5717" s="5" t="s">
        <v>5206</v>
      </c>
      <c r="D5717" s="1" t="s">
        <v>1402</v>
      </c>
      <c r="E5717" s="5" t="s">
        <v>14135</v>
      </c>
      <c r="F5717" s="6">
        <v>2792</v>
      </c>
    </row>
    <row r="5718" spans="1:6" x14ac:dyDescent="0.25">
      <c r="A5718" s="4" t="s">
        <v>1402</v>
      </c>
      <c r="B5718" s="1" t="s">
        <v>3144</v>
      </c>
      <c r="C5718" s="5" t="s">
        <v>6442</v>
      </c>
      <c r="D5718" s="1" t="s">
        <v>10203</v>
      </c>
      <c r="E5718" s="5" t="s">
        <v>16227</v>
      </c>
      <c r="F5718" s="6">
        <v>5432</v>
      </c>
    </row>
    <row r="5719" spans="1:6" x14ac:dyDescent="0.25">
      <c r="A5719" s="4" t="s">
        <v>823</v>
      </c>
      <c r="B5719" s="1" t="s">
        <v>1147</v>
      </c>
      <c r="C5719" s="5" t="s">
        <v>4524</v>
      </c>
      <c r="D5719" s="1" t="s">
        <v>823</v>
      </c>
      <c r="E5719" s="5" t="s">
        <v>13339</v>
      </c>
      <c r="F5719" s="6">
        <v>1972</v>
      </c>
    </row>
    <row r="5720" spans="1:6" x14ac:dyDescent="0.25">
      <c r="A5720" s="4" t="s">
        <v>2796</v>
      </c>
      <c r="B5720" s="1" t="s">
        <v>3149</v>
      </c>
      <c r="C5720" s="5" t="s">
        <v>6778</v>
      </c>
      <c r="D5720" s="1" t="s">
        <v>2796</v>
      </c>
      <c r="E5720" s="5" t="s">
        <v>16862</v>
      </c>
      <c r="F5720" s="6">
        <v>7113</v>
      </c>
    </row>
    <row r="5721" spans="1:6" x14ac:dyDescent="0.25">
      <c r="A5721" s="4" t="s">
        <v>2231</v>
      </c>
      <c r="B5721" s="1" t="s">
        <v>3158</v>
      </c>
      <c r="C5721" s="5" t="s">
        <v>5955</v>
      </c>
      <c r="D5721" s="1" t="s">
        <v>2231</v>
      </c>
      <c r="E5721" s="5" t="s">
        <v>15324</v>
      </c>
      <c r="F5721" s="6">
        <v>4061</v>
      </c>
    </row>
    <row r="5722" spans="1:6" x14ac:dyDescent="0.25">
      <c r="A5722" s="4" t="s">
        <v>1838</v>
      </c>
      <c r="B5722" s="1" t="s">
        <v>1147</v>
      </c>
      <c r="C5722" s="5" t="s">
        <v>5610</v>
      </c>
      <c r="D5722" s="1" t="s">
        <v>1838</v>
      </c>
      <c r="E5722" s="5" t="s">
        <v>14667</v>
      </c>
      <c r="F5722" s="6">
        <v>3367</v>
      </c>
    </row>
    <row r="5723" spans="1:6" x14ac:dyDescent="0.25">
      <c r="A5723" s="4" t="s">
        <v>831</v>
      </c>
      <c r="B5723" s="1" t="s">
        <v>3151</v>
      </c>
      <c r="C5723" s="5" t="s">
        <v>4561</v>
      </c>
      <c r="D5723" s="1" t="s">
        <v>831</v>
      </c>
      <c r="E5723" s="5" t="s">
        <v>13349</v>
      </c>
      <c r="F5723" s="6">
        <v>1982</v>
      </c>
    </row>
    <row r="5724" spans="1:6" x14ac:dyDescent="0.25">
      <c r="A5724" s="4" t="s">
        <v>279</v>
      </c>
      <c r="B5724" s="1" t="s">
        <v>3152</v>
      </c>
      <c r="C5724" s="5" t="s">
        <v>3748</v>
      </c>
      <c r="D5724" s="1" t="s">
        <v>7929</v>
      </c>
      <c r="E5724" s="5" t="s">
        <v>12239</v>
      </c>
      <c r="F5724" s="6">
        <v>726</v>
      </c>
    </row>
    <row r="5725" spans="1:6" x14ac:dyDescent="0.25">
      <c r="A5725" s="4" t="s">
        <v>2119</v>
      </c>
      <c r="B5725" s="1" t="s">
        <v>3165</v>
      </c>
      <c r="C5725" s="5" t="s">
        <v>5823</v>
      </c>
      <c r="D5725" s="1" t="s">
        <v>9352</v>
      </c>
      <c r="E5725" s="5" t="s">
        <v>15064</v>
      </c>
      <c r="F5725" s="6">
        <v>3792</v>
      </c>
    </row>
    <row r="5726" spans="1:6" x14ac:dyDescent="0.25">
      <c r="A5726" s="4" t="s">
        <v>2987</v>
      </c>
      <c r="B5726" s="1" t="s">
        <v>3156</v>
      </c>
      <c r="C5726" s="5" t="s">
        <v>7034</v>
      </c>
      <c r="D5726" s="1" t="s">
        <v>2987</v>
      </c>
      <c r="E5726" s="5" t="s">
        <v>17474</v>
      </c>
      <c r="F5726" s="6">
        <v>9085</v>
      </c>
    </row>
    <row r="5727" spans="1:6" x14ac:dyDescent="0.25">
      <c r="A5727" s="4" t="s">
        <v>942</v>
      </c>
      <c r="B5727" s="1" t="s">
        <v>3153</v>
      </c>
      <c r="C5727" s="5" t="s">
        <v>4690</v>
      </c>
      <c r="D5727" s="1" t="s">
        <v>942</v>
      </c>
      <c r="E5727" s="5" t="s">
        <v>13508</v>
      </c>
      <c r="F5727" s="6">
        <v>2146</v>
      </c>
    </row>
    <row r="5728" spans="1:6" x14ac:dyDescent="0.25">
      <c r="A5728" s="4" t="s">
        <v>245</v>
      </c>
      <c r="B5728" s="1" t="s">
        <v>3154</v>
      </c>
      <c r="C5728" s="5" t="s">
        <v>3672</v>
      </c>
      <c r="D5728" s="1" t="s">
        <v>7837</v>
      </c>
      <c r="E5728" s="5" t="s">
        <v>12140</v>
      </c>
      <c r="F5728" s="6">
        <v>610</v>
      </c>
    </row>
    <row r="5729" spans="1:6" x14ac:dyDescent="0.25">
      <c r="A5729" s="4" t="s">
        <v>245</v>
      </c>
      <c r="B5729" s="1" t="s">
        <v>3154</v>
      </c>
      <c r="C5729" s="5" t="s">
        <v>3672</v>
      </c>
      <c r="D5729" s="1" t="s">
        <v>8384</v>
      </c>
      <c r="E5729" s="5" t="s">
        <v>12814</v>
      </c>
      <c r="F5729" s="6">
        <v>1413</v>
      </c>
    </row>
    <row r="5730" spans="1:6" x14ac:dyDescent="0.25">
      <c r="A5730" s="4" t="s">
        <v>245</v>
      </c>
      <c r="B5730" s="1" t="s">
        <v>3154</v>
      </c>
      <c r="C5730" s="5" t="s">
        <v>5511</v>
      </c>
      <c r="D5730" s="1" t="s">
        <v>9168</v>
      </c>
      <c r="E5730" s="5" t="s">
        <v>14529</v>
      </c>
      <c r="F5730" s="6">
        <v>3217</v>
      </c>
    </row>
    <row r="5731" spans="1:6" x14ac:dyDescent="0.25">
      <c r="A5731" s="4" t="s">
        <v>245</v>
      </c>
      <c r="B5731" s="1" t="s">
        <v>3154</v>
      </c>
      <c r="C5731" s="5" t="s">
        <v>5511</v>
      </c>
      <c r="D5731" s="1" t="s">
        <v>9170</v>
      </c>
      <c r="E5731" s="5" t="s">
        <v>14531</v>
      </c>
      <c r="F5731" s="6">
        <v>3219</v>
      </c>
    </row>
    <row r="5732" spans="1:6" x14ac:dyDescent="0.25">
      <c r="A5732" s="4" t="s">
        <v>245</v>
      </c>
      <c r="B5732" s="1" t="s">
        <v>3154</v>
      </c>
      <c r="C5732" s="5" t="s">
        <v>3672</v>
      </c>
      <c r="D5732" s="1" t="s">
        <v>10531</v>
      </c>
      <c r="E5732" s="5" t="s">
        <v>16707</v>
      </c>
      <c r="F5732" s="6">
        <v>6644</v>
      </c>
    </row>
    <row r="5733" spans="1:6" x14ac:dyDescent="0.25">
      <c r="A5733" s="4" t="s">
        <v>245</v>
      </c>
      <c r="B5733" s="1" t="s">
        <v>3154</v>
      </c>
      <c r="C5733" s="5" t="s">
        <v>3672</v>
      </c>
      <c r="D5733" s="1" t="s">
        <v>11066</v>
      </c>
      <c r="E5733" s="5" t="s">
        <v>17403</v>
      </c>
      <c r="F5733" s="6">
        <v>9010</v>
      </c>
    </row>
    <row r="5734" spans="1:6" x14ac:dyDescent="0.25">
      <c r="A5734" s="4" t="s">
        <v>245</v>
      </c>
      <c r="B5734" s="1" t="s">
        <v>3154</v>
      </c>
      <c r="C5734" s="5" t="s">
        <v>7041</v>
      </c>
      <c r="D5734" s="1" t="s">
        <v>11133</v>
      </c>
      <c r="E5734" s="5" t="s">
        <v>17491</v>
      </c>
      <c r="F5734" s="6">
        <v>9103</v>
      </c>
    </row>
    <row r="5735" spans="1:6" x14ac:dyDescent="0.25">
      <c r="A5735" s="4" t="s">
        <v>1153</v>
      </c>
      <c r="B5735" s="1" t="s">
        <v>3149</v>
      </c>
      <c r="C5735" s="5" t="s">
        <v>4893</v>
      </c>
      <c r="D5735" s="1" t="s">
        <v>1153</v>
      </c>
      <c r="E5735" s="5" t="s">
        <v>13727</v>
      </c>
      <c r="F5735" s="6">
        <v>2375</v>
      </c>
    </row>
    <row r="5736" spans="1:6" x14ac:dyDescent="0.25">
      <c r="A5736" s="4" t="s">
        <v>2608</v>
      </c>
      <c r="B5736" s="1" t="s">
        <v>3149</v>
      </c>
      <c r="C5736" s="5" t="s">
        <v>6518</v>
      </c>
      <c r="D5736" s="1" t="s">
        <v>2608</v>
      </c>
      <c r="E5736" s="5" t="s">
        <v>16347</v>
      </c>
      <c r="F5736" s="6">
        <v>5698</v>
      </c>
    </row>
    <row r="5737" spans="1:6" x14ac:dyDescent="0.25">
      <c r="A5737" s="4" t="s">
        <v>1313</v>
      </c>
      <c r="B5737" s="1" t="s">
        <v>3158</v>
      </c>
      <c r="C5737" s="5" t="s">
        <v>5098</v>
      </c>
      <c r="D5737" s="1" t="s">
        <v>8972</v>
      </c>
      <c r="E5737" s="5" t="s">
        <v>13984</v>
      </c>
      <c r="F5737" s="6">
        <v>2637</v>
      </c>
    </row>
    <row r="5738" spans="1:6" x14ac:dyDescent="0.25">
      <c r="A5738" s="4" t="s">
        <v>876</v>
      </c>
      <c r="B5738" s="1" t="s">
        <v>812</v>
      </c>
      <c r="C5738" s="5" t="s">
        <v>4620</v>
      </c>
      <c r="D5738" s="1" t="s">
        <v>876</v>
      </c>
      <c r="E5738" s="5" t="s">
        <v>13426</v>
      </c>
      <c r="F5738" s="6">
        <v>2060</v>
      </c>
    </row>
    <row r="5739" spans="1:6" x14ac:dyDescent="0.25">
      <c r="A5739" s="4" t="s">
        <v>876</v>
      </c>
      <c r="B5739" s="1" t="s">
        <v>812</v>
      </c>
      <c r="C5739" s="5" t="s">
        <v>4620</v>
      </c>
      <c r="D5739" s="1" t="s">
        <v>10612</v>
      </c>
      <c r="E5739" s="5" t="s">
        <v>16819</v>
      </c>
      <c r="F5739" s="6">
        <v>7029</v>
      </c>
    </row>
    <row r="5740" spans="1:6" x14ac:dyDescent="0.25">
      <c r="A5740" s="4" t="s">
        <v>350</v>
      </c>
      <c r="B5740" s="1" t="s">
        <v>3158</v>
      </c>
      <c r="C5740" s="5" t="s">
        <v>3846</v>
      </c>
      <c r="D5740" s="1" t="s">
        <v>350</v>
      </c>
      <c r="E5740" s="5" t="s">
        <v>12347</v>
      </c>
      <c r="F5740" s="6">
        <v>852</v>
      </c>
    </row>
    <row r="5741" spans="1:6" x14ac:dyDescent="0.25">
      <c r="A5741" s="4" t="s">
        <v>350</v>
      </c>
      <c r="B5741" s="1" t="s">
        <v>3158</v>
      </c>
      <c r="C5741" s="5" t="s">
        <v>6174</v>
      </c>
      <c r="D5741" s="1" t="s">
        <v>9774</v>
      </c>
      <c r="E5741" s="5" t="s">
        <v>15683</v>
      </c>
      <c r="F5741" s="6">
        <v>4431</v>
      </c>
    </row>
    <row r="5742" spans="1:6" x14ac:dyDescent="0.25">
      <c r="A5742" s="4" t="s">
        <v>350</v>
      </c>
      <c r="B5742" s="1" t="s">
        <v>3161</v>
      </c>
      <c r="C5742" s="5" t="s">
        <v>6564</v>
      </c>
      <c r="D5742" s="1" t="s">
        <v>350</v>
      </c>
      <c r="E5742" s="5" t="s">
        <v>16429</v>
      </c>
      <c r="F5742" s="6">
        <v>5888</v>
      </c>
    </row>
    <row r="5743" spans="1:6" x14ac:dyDescent="0.25">
      <c r="A5743" s="4" t="s">
        <v>350</v>
      </c>
      <c r="B5743" s="1" t="s">
        <v>3158</v>
      </c>
      <c r="C5743" s="5" t="s">
        <v>6606</v>
      </c>
      <c r="D5743" s="1" t="s">
        <v>10384</v>
      </c>
      <c r="E5743" s="5" t="s">
        <v>16518</v>
      </c>
      <c r="F5743" s="6">
        <v>6140</v>
      </c>
    </row>
    <row r="5744" spans="1:6" x14ac:dyDescent="0.25">
      <c r="A5744" s="4" t="s">
        <v>350</v>
      </c>
      <c r="B5744" s="1" t="s">
        <v>3158</v>
      </c>
      <c r="C5744" s="5" t="s">
        <v>6174</v>
      </c>
      <c r="D5744" s="1" t="s">
        <v>11308</v>
      </c>
      <c r="E5744" s="5" t="s">
        <v>17727</v>
      </c>
      <c r="F5744" s="6">
        <v>9349</v>
      </c>
    </row>
    <row r="5745" spans="1:6" x14ac:dyDescent="0.25">
      <c r="A5745" s="4" t="s">
        <v>350</v>
      </c>
      <c r="B5745" s="1" t="s">
        <v>3158</v>
      </c>
      <c r="C5745" s="5" t="s">
        <v>7231</v>
      </c>
      <c r="D5745" s="1" t="s">
        <v>11456</v>
      </c>
      <c r="E5745" s="5" t="s">
        <v>17891</v>
      </c>
      <c r="F5745" s="6">
        <v>9520</v>
      </c>
    </row>
    <row r="5746" spans="1:6" x14ac:dyDescent="0.25">
      <c r="A5746" s="4" t="s">
        <v>351</v>
      </c>
      <c r="B5746" s="1" t="s">
        <v>3162</v>
      </c>
      <c r="C5746" s="5" t="s">
        <v>3847</v>
      </c>
      <c r="D5746" s="1" t="s">
        <v>8021</v>
      </c>
      <c r="E5746" s="5" t="s">
        <v>12348</v>
      </c>
      <c r="F5746" s="6">
        <v>853</v>
      </c>
    </row>
    <row r="5747" spans="1:6" x14ac:dyDescent="0.25">
      <c r="A5747" s="4" t="s">
        <v>1811</v>
      </c>
      <c r="B5747" s="1" t="s">
        <v>3152</v>
      </c>
      <c r="C5747" s="5" t="s">
        <v>5583</v>
      </c>
      <c r="D5747" s="1" t="s">
        <v>9200</v>
      </c>
      <c r="E5747" s="5" t="s">
        <v>14633</v>
      </c>
      <c r="F5747" s="6">
        <v>3329</v>
      </c>
    </row>
    <row r="5748" spans="1:6" x14ac:dyDescent="0.25">
      <c r="A5748" s="4" t="s">
        <v>748</v>
      </c>
      <c r="B5748" s="1" t="s">
        <v>3146</v>
      </c>
      <c r="C5748" s="5" t="s">
        <v>4462</v>
      </c>
      <c r="D5748" s="1" t="s">
        <v>748</v>
      </c>
      <c r="E5748" s="5" t="s">
        <v>13227</v>
      </c>
      <c r="F5748" s="6">
        <v>1860</v>
      </c>
    </row>
    <row r="5749" spans="1:6" x14ac:dyDescent="0.25">
      <c r="A5749" s="4" t="s">
        <v>627</v>
      </c>
      <c r="B5749" s="1" t="s">
        <v>3164</v>
      </c>
      <c r="C5749" s="5" t="s">
        <v>4305</v>
      </c>
      <c r="D5749" s="1" t="s">
        <v>8536</v>
      </c>
      <c r="E5749" s="5" t="s">
        <v>13020</v>
      </c>
      <c r="F5749" s="6">
        <v>1647</v>
      </c>
    </row>
    <row r="5750" spans="1:6" x14ac:dyDescent="0.25">
      <c r="A5750" s="4" t="s">
        <v>627</v>
      </c>
      <c r="B5750" s="1" t="s">
        <v>3164</v>
      </c>
      <c r="C5750" s="5" t="s">
        <v>4305</v>
      </c>
      <c r="D5750" s="1" t="s">
        <v>11163</v>
      </c>
      <c r="E5750" s="5" t="s">
        <v>17531</v>
      </c>
      <c r="F5750" s="6">
        <v>9145</v>
      </c>
    </row>
    <row r="5751" spans="1:6" x14ac:dyDescent="0.25">
      <c r="A5751" s="4" t="s">
        <v>627</v>
      </c>
      <c r="B5751" s="1" t="s">
        <v>3164</v>
      </c>
      <c r="C5751" s="5" t="s">
        <v>7120</v>
      </c>
      <c r="D5751" s="1" t="s">
        <v>11222</v>
      </c>
      <c r="E5751" s="5" t="s">
        <v>17614</v>
      </c>
      <c r="F5751" s="6">
        <v>9230</v>
      </c>
    </row>
    <row r="5752" spans="1:6" x14ac:dyDescent="0.25">
      <c r="A5752" s="4" t="s">
        <v>397</v>
      </c>
      <c r="B5752" s="1" t="s">
        <v>812</v>
      </c>
      <c r="C5752" s="5" t="s">
        <v>3914</v>
      </c>
      <c r="D5752" s="1" t="s">
        <v>8072</v>
      </c>
      <c r="E5752" s="5" t="s">
        <v>12433</v>
      </c>
      <c r="F5752" s="6">
        <v>949</v>
      </c>
    </row>
    <row r="5753" spans="1:6" x14ac:dyDescent="0.25">
      <c r="A5753" s="4" t="s">
        <v>397</v>
      </c>
      <c r="B5753" s="1" t="s">
        <v>812</v>
      </c>
      <c r="C5753" s="5" t="s">
        <v>3914</v>
      </c>
      <c r="D5753" s="1" t="s">
        <v>10600</v>
      </c>
      <c r="E5753" s="5" t="s">
        <v>16805</v>
      </c>
      <c r="F5753" s="6">
        <v>6993</v>
      </c>
    </row>
    <row r="5754" spans="1:6" x14ac:dyDescent="0.25">
      <c r="A5754" s="4" t="s">
        <v>658</v>
      </c>
      <c r="B5754" s="1" t="s">
        <v>3154</v>
      </c>
      <c r="C5754" s="5" t="s">
        <v>4353</v>
      </c>
      <c r="D5754" s="1" t="s">
        <v>8586</v>
      </c>
      <c r="E5754" s="5" t="s">
        <v>13093</v>
      </c>
      <c r="F5754" s="6">
        <v>1726</v>
      </c>
    </row>
    <row r="5755" spans="1:6" x14ac:dyDescent="0.25">
      <c r="A5755" s="4" t="s">
        <v>658</v>
      </c>
      <c r="B5755" s="1" t="s">
        <v>3154</v>
      </c>
      <c r="C5755" s="5" t="s">
        <v>5321</v>
      </c>
      <c r="D5755" s="1" t="s">
        <v>9117</v>
      </c>
      <c r="E5755" s="5" t="s">
        <v>14279</v>
      </c>
      <c r="F5755" s="6">
        <v>2940</v>
      </c>
    </row>
    <row r="5756" spans="1:6" x14ac:dyDescent="0.25">
      <c r="A5756" s="4" t="s">
        <v>2572</v>
      </c>
      <c r="B5756" s="1" t="s">
        <v>3153</v>
      </c>
      <c r="C5756" s="5" t="s">
        <v>6480</v>
      </c>
      <c r="D5756" s="1" t="s">
        <v>2572</v>
      </c>
      <c r="E5756" s="5" t="s">
        <v>16290</v>
      </c>
      <c r="F5756" s="6">
        <v>5584</v>
      </c>
    </row>
    <row r="5757" spans="1:6" x14ac:dyDescent="0.25">
      <c r="A5757" s="4" t="s">
        <v>261</v>
      </c>
      <c r="B5757" s="1" t="s">
        <v>3152</v>
      </c>
      <c r="C5757" s="5" t="s">
        <v>3703</v>
      </c>
      <c r="D5757" s="1" t="s">
        <v>7876</v>
      </c>
      <c r="E5757" s="5" t="s">
        <v>12182</v>
      </c>
      <c r="F5757" s="6">
        <v>656</v>
      </c>
    </row>
    <row r="5758" spans="1:6" x14ac:dyDescent="0.25">
      <c r="A5758" s="4" t="s">
        <v>1840</v>
      </c>
      <c r="B5758" s="1" t="s">
        <v>3158</v>
      </c>
      <c r="C5758" s="5" t="s">
        <v>5612</v>
      </c>
      <c r="D5758" s="1" t="s">
        <v>1840</v>
      </c>
      <c r="E5758" s="5" t="s">
        <v>14669</v>
      </c>
      <c r="F5758" s="6">
        <v>3369</v>
      </c>
    </row>
    <row r="5759" spans="1:6" x14ac:dyDescent="0.25">
      <c r="A5759" s="4" t="s">
        <v>342</v>
      </c>
      <c r="B5759" s="1" t="s">
        <v>3154</v>
      </c>
      <c r="C5759" s="5" t="s">
        <v>3829</v>
      </c>
      <c r="D5759" s="1" t="s">
        <v>342</v>
      </c>
      <c r="E5759" s="5" t="s">
        <v>12326</v>
      </c>
      <c r="F5759" s="6">
        <v>822</v>
      </c>
    </row>
    <row r="5760" spans="1:6" x14ac:dyDescent="0.25">
      <c r="A5760" s="4" t="s">
        <v>342</v>
      </c>
      <c r="B5760" s="1" t="s">
        <v>3154</v>
      </c>
      <c r="C5760" s="5" t="s">
        <v>5727</v>
      </c>
      <c r="D5760" s="1" t="s">
        <v>10215</v>
      </c>
      <c r="E5760" s="5" t="s">
        <v>16247</v>
      </c>
      <c r="F5760" s="6">
        <v>5478</v>
      </c>
    </row>
    <row r="5761" spans="1:6" x14ac:dyDescent="0.25">
      <c r="A5761" s="4" t="s">
        <v>1334</v>
      </c>
      <c r="B5761" s="1" t="s">
        <v>3156</v>
      </c>
      <c r="C5761" s="5" t="s">
        <v>5123</v>
      </c>
      <c r="D5761" s="1" t="s">
        <v>8988</v>
      </c>
      <c r="E5761" s="5" t="s">
        <v>14015</v>
      </c>
      <c r="F5761" s="6">
        <v>2669</v>
      </c>
    </row>
    <row r="5762" spans="1:6" x14ac:dyDescent="0.25">
      <c r="A5762" s="4" t="s">
        <v>193</v>
      </c>
      <c r="B5762" s="1" t="s">
        <v>3165</v>
      </c>
      <c r="C5762" s="5" t="s">
        <v>3526</v>
      </c>
      <c r="D5762" s="1" t="s">
        <v>193</v>
      </c>
      <c r="E5762" s="5" t="s">
        <v>11954</v>
      </c>
      <c r="F5762" s="6">
        <v>387</v>
      </c>
    </row>
    <row r="5763" spans="1:6" x14ac:dyDescent="0.25">
      <c r="A5763" s="4" t="s">
        <v>193</v>
      </c>
      <c r="B5763" s="1" t="s">
        <v>3165</v>
      </c>
      <c r="C5763" s="5" t="s">
        <v>3699</v>
      </c>
      <c r="D5763" s="1" t="s">
        <v>7870</v>
      </c>
      <c r="E5763" s="5" t="s">
        <v>12176</v>
      </c>
      <c r="F5763" s="6">
        <v>650</v>
      </c>
    </row>
    <row r="5764" spans="1:6" x14ac:dyDescent="0.25">
      <c r="A5764" s="4" t="s">
        <v>193</v>
      </c>
      <c r="B5764" s="1" t="s">
        <v>3165</v>
      </c>
      <c r="C5764" s="5" t="s">
        <v>6129</v>
      </c>
      <c r="D5764" s="1" t="s">
        <v>9698</v>
      </c>
      <c r="E5764" s="5" t="s">
        <v>15585</v>
      </c>
      <c r="F5764" s="6">
        <v>4327</v>
      </c>
    </row>
    <row r="5765" spans="1:6" x14ac:dyDescent="0.25">
      <c r="A5765" s="4" t="s">
        <v>193</v>
      </c>
      <c r="B5765" s="1" t="s">
        <v>3165</v>
      </c>
      <c r="C5765" s="5" t="s">
        <v>6182</v>
      </c>
      <c r="D5765" s="1" t="s">
        <v>9789</v>
      </c>
      <c r="E5765" s="5" t="s">
        <v>15700</v>
      </c>
      <c r="F5765" s="6">
        <v>4467</v>
      </c>
    </row>
    <row r="5766" spans="1:6" x14ac:dyDescent="0.25">
      <c r="A5766" s="4" t="s">
        <v>193</v>
      </c>
      <c r="B5766" s="1" t="s">
        <v>3165</v>
      </c>
      <c r="C5766" s="5" t="s">
        <v>6184</v>
      </c>
      <c r="D5766" s="1" t="s">
        <v>9791</v>
      </c>
      <c r="E5766" s="5" t="s">
        <v>15702</v>
      </c>
      <c r="F5766" s="6">
        <v>4469</v>
      </c>
    </row>
    <row r="5767" spans="1:6" x14ac:dyDescent="0.25">
      <c r="A5767" s="4" t="s">
        <v>193</v>
      </c>
      <c r="B5767" s="1" t="s">
        <v>3165</v>
      </c>
      <c r="C5767" s="5" t="s">
        <v>3526</v>
      </c>
      <c r="D5767" s="1" t="s">
        <v>10891</v>
      </c>
      <c r="E5767" s="5" t="s">
        <v>17178</v>
      </c>
      <c r="F5767" s="6">
        <v>8126</v>
      </c>
    </row>
    <row r="5768" spans="1:6" x14ac:dyDescent="0.25">
      <c r="A5768" s="4" t="s">
        <v>193</v>
      </c>
      <c r="B5768" s="1" t="s">
        <v>3165</v>
      </c>
      <c r="C5768" s="5">
        <v>173211</v>
      </c>
      <c r="D5768" s="1" t="s">
        <v>10954</v>
      </c>
      <c r="E5768" s="5" t="s">
        <v>17252</v>
      </c>
      <c r="F5768" s="6">
        <v>8311</v>
      </c>
    </row>
    <row r="5769" spans="1:6" x14ac:dyDescent="0.25">
      <c r="A5769" s="4" t="s">
        <v>250</v>
      </c>
      <c r="B5769" s="1" t="s">
        <v>3144</v>
      </c>
      <c r="C5769" s="5" t="s">
        <v>3686</v>
      </c>
      <c r="D5769" s="1" t="s">
        <v>250</v>
      </c>
      <c r="E5769" s="5" t="s">
        <v>12161</v>
      </c>
      <c r="F5769" s="6">
        <v>635</v>
      </c>
    </row>
    <row r="5770" spans="1:6" x14ac:dyDescent="0.25">
      <c r="A5770" s="4" t="s">
        <v>250</v>
      </c>
      <c r="B5770" s="1" t="s">
        <v>3144</v>
      </c>
      <c r="C5770" s="5" t="s">
        <v>5229</v>
      </c>
      <c r="D5770" s="1" t="s">
        <v>9064</v>
      </c>
      <c r="E5770" s="5" t="s">
        <v>14162</v>
      </c>
      <c r="F5770" s="6">
        <v>2819</v>
      </c>
    </row>
    <row r="5771" spans="1:6" x14ac:dyDescent="0.25">
      <c r="A5771" s="4" t="s">
        <v>250</v>
      </c>
      <c r="B5771" s="1" t="s">
        <v>3144</v>
      </c>
      <c r="C5771" s="5" t="s">
        <v>6172</v>
      </c>
      <c r="D5771" s="1" t="s">
        <v>9772</v>
      </c>
      <c r="E5771" s="5" t="s">
        <v>15680</v>
      </c>
      <c r="F5771" s="6">
        <v>4427</v>
      </c>
    </row>
    <row r="5772" spans="1:6" x14ac:dyDescent="0.25">
      <c r="A5772" s="4" t="s">
        <v>250</v>
      </c>
      <c r="B5772" s="1" t="s">
        <v>3144</v>
      </c>
      <c r="C5772" s="5" t="s">
        <v>6189</v>
      </c>
      <c r="D5772" s="1" t="s">
        <v>9796</v>
      </c>
      <c r="E5772" s="5" t="s">
        <v>15709</v>
      </c>
      <c r="F5772" s="6">
        <v>4476</v>
      </c>
    </row>
    <row r="5773" spans="1:6" x14ac:dyDescent="0.25">
      <c r="A5773" s="4" t="s">
        <v>250</v>
      </c>
      <c r="B5773" s="1" t="s">
        <v>3144</v>
      </c>
      <c r="C5773" s="5">
        <v>413004</v>
      </c>
      <c r="D5773" s="1" t="s">
        <v>10946</v>
      </c>
      <c r="E5773" s="5" t="s">
        <v>17244</v>
      </c>
      <c r="F5773" s="6">
        <v>8299</v>
      </c>
    </row>
    <row r="5774" spans="1:6" x14ac:dyDescent="0.25">
      <c r="A5774" s="4" t="s">
        <v>3061</v>
      </c>
      <c r="B5774" s="1" t="s">
        <v>3144</v>
      </c>
      <c r="C5774" s="5" t="s">
        <v>7177</v>
      </c>
      <c r="D5774" s="1" t="s">
        <v>11303</v>
      </c>
      <c r="E5774" s="5" t="s">
        <v>17721</v>
      </c>
      <c r="F5774" s="6">
        <v>9343</v>
      </c>
    </row>
    <row r="5775" spans="1:6" x14ac:dyDescent="0.25">
      <c r="A5775" s="4" t="s">
        <v>1911</v>
      </c>
      <c r="B5775" s="1" t="s">
        <v>3144</v>
      </c>
      <c r="C5775" s="5" t="s">
        <v>4410</v>
      </c>
      <c r="D5775" s="1" t="s">
        <v>1911</v>
      </c>
      <c r="E5775" s="5" t="s">
        <v>14744</v>
      </c>
      <c r="F5775" s="6">
        <v>3455</v>
      </c>
    </row>
    <row r="5776" spans="1:6" x14ac:dyDescent="0.25">
      <c r="A5776" s="4" t="s">
        <v>2626</v>
      </c>
      <c r="B5776" s="1" t="s">
        <v>3149</v>
      </c>
      <c r="C5776" s="5" t="s">
        <v>6539</v>
      </c>
      <c r="D5776" s="1" t="s">
        <v>10302</v>
      </c>
      <c r="E5776" s="5" t="s">
        <v>16387</v>
      </c>
      <c r="F5776" s="6">
        <v>5803</v>
      </c>
    </row>
    <row r="5777" spans="1:6" x14ac:dyDescent="0.25">
      <c r="A5777" s="4" t="s">
        <v>3030</v>
      </c>
      <c r="B5777" s="1" t="s">
        <v>3144</v>
      </c>
      <c r="C5777" s="5" t="s">
        <v>7115</v>
      </c>
      <c r="D5777" s="1" t="s">
        <v>3030</v>
      </c>
      <c r="E5777" s="5" t="s">
        <v>17606</v>
      </c>
      <c r="F5777" s="6">
        <v>9222</v>
      </c>
    </row>
    <row r="5778" spans="1:6" x14ac:dyDescent="0.25">
      <c r="A5778" s="4" t="s">
        <v>3123</v>
      </c>
      <c r="B5778" s="1" t="s">
        <v>3168</v>
      </c>
      <c r="C5778" s="5" t="s">
        <v>7296</v>
      </c>
      <c r="D5778" s="1" t="s">
        <v>3123</v>
      </c>
      <c r="E5778" s="5" t="s">
        <v>18004</v>
      </c>
      <c r="F5778" s="6">
        <v>9636</v>
      </c>
    </row>
    <row r="5779" spans="1:6" x14ac:dyDescent="0.25">
      <c r="A5779" s="4" t="s">
        <v>2661</v>
      </c>
      <c r="B5779" s="1" t="s">
        <v>3164</v>
      </c>
      <c r="C5779" s="5" t="s">
        <v>6576</v>
      </c>
      <c r="D5779" s="1" t="s">
        <v>10349</v>
      </c>
      <c r="E5779" s="5" t="s">
        <v>16463</v>
      </c>
      <c r="F5779" s="6">
        <v>5973</v>
      </c>
    </row>
    <row r="5780" spans="1:6" x14ac:dyDescent="0.25">
      <c r="A5780" s="4" t="s">
        <v>2168</v>
      </c>
      <c r="B5780" s="1" t="s">
        <v>3154</v>
      </c>
      <c r="C5780" s="5" t="s">
        <v>5861</v>
      </c>
      <c r="D5780" s="1" t="s">
        <v>9419</v>
      </c>
      <c r="E5780" s="5" t="s">
        <v>15170</v>
      </c>
      <c r="F5780" s="6">
        <v>3902</v>
      </c>
    </row>
    <row r="5781" spans="1:6" x14ac:dyDescent="0.25">
      <c r="A5781" s="4" t="s">
        <v>2168</v>
      </c>
      <c r="B5781" s="1" t="s">
        <v>3154</v>
      </c>
      <c r="C5781" s="5" t="s">
        <v>5645</v>
      </c>
      <c r="D5781" s="1" t="s">
        <v>11194</v>
      </c>
      <c r="E5781" s="5" t="s">
        <v>17576</v>
      </c>
      <c r="F5781" s="6">
        <v>9191</v>
      </c>
    </row>
    <row r="5782" spans="1:6" x14ac:dyDescent="0.25">
      <c r="A5782" s="4" t="s">
        <v>2168</v>
      </c>
      <c r="B5782" s="1" t="s">
        <v>3154</v>
      </c>
      <c r="C5782" s="5" t="s">
        <v>3362</v>
      </c>
      <c r="D5782" s="1" t="s">
        <v>11203</v>
      </c>
      <c r="E5782" s="5" t="s">
        <v>17590</v>
      </c>
      <c r="F5782" s="6">
        <v>9205</v>
      </c>
    </row>
    <row r="5783" spans="1:6" x14ac:dyDescent="0.25">
      <c r="A5783" s="4" t="s">
        <v>1480</v>
      </c>
      <c r="B5783" s="1" t="s">
        <v>3160</v>
      </c>
      <c r="C5783" s="5" t="s">
        <v>5297</v>
      </c>
      <c r="D5783" s="1" t="s">
        <v>9107</v>
      </c>
      <c r="E5783" s="5" t="s">
        <v>14253</v>
      </c>
      <c r="F5783" s="7">
        <v>2914</v>
      </c>
    </row>
    <row r="5784" spans="1:6" x14ac:dyDescent="0.25">
      <c r="A5784" s="4" t="s">
        <v>104</v>
      </c>
      <c r="B5784" s="1" t="s">
        <v>3154</v>
      </c>
      <c r="C5784" s="5" t="s">
        <v>3362</v>
      </c>
      <c r="D5784" s="1" t="s">
        <v>7487</v>
      </c>
      <c r="E5784" s="5" t="s">
        <v>11770</v>
      </c>
      <c r="F5784" s="6">
        <v>191</v>
      </c>
    </row>
    <row r="5785" spans="1:6" x14ac:dyDescent="0.25">
      <c r="A5785" s="4" t="s">
        <v>104</v>
      </c>
      <c r="B5785" s="1" t="s">
        <v>3154</v>
      </c>
      <c r="C5785" s="5" t="s">
        <v>3362</v>
      </c>
      <c r="D5785" s="1" t="s">
        <v>8934</v>
      </c>
      <c r="E5785" s="5" t="s">
        <v>13906</v>
      </c>
      <c r="F5785" s="6">
        <v>2557</v>
      </c>
    </row>
    <row r="5786" spans="1:6" x14ac:dyDescent="0.25">
      <c r="A5786" s="4" t="s">
        <v>104</v>
      </c>
      <c r="B5786" s="1" t="s">
        <v>3154</v>
      </c>
      <c r="C5786" s="5" t="s">
        <v>5861</v>
      </c>
      <c r="D5786" s="1" t="s">
        <v>9400</v>
      </c>
      <c r="E5786" s="5" t="s">
        <v>15144</v>
      </c>
      <c r="F5786" s="6">
        <v>3875</v>
      </c>
    </row>
    <row r="5787" spans="1:6" x14ac:dyDescent="0.25">
      <c r="A5787" s="4" t="s">
        <v>104</v>
      </c>
      <c r="B5787" s="1" t="s">
        <v>3154</v>
      </c>
      <c r="C5787" s="5" t="s">
        <v>3362</v>
      </c>
      <c r="D5787" s="1" t="s">
        <v>9404</v>
      </c>
      <c r="E5787" s="5" t="s">
        <v>15149</v>
      </c>
      <c r="F5787" s="6">
        <v>3880</v>
      </c>
    </row>
    <row r="5788" spans="1:6" x14ac:dyDescent="0.25">
      <c r="A5788" s="4" t="s">
        <v>1655</v>
      </c>
      <c r="B5788" s="1" t="s">
        <v>3144</v>
      </c>
      <c r="C5788" s="5" t="s">
        <v>5456</v>
      </c>
      <c r="D5788" s="1" t="s">
        <v>1655</v>
      </c>
      <c r="E5788" s="5" t="s">
        <v>14445</v>
      </c>
      <c r="F5788" s="6">
        <v>3130</v>
      </c>
    </row>
    <row r="5789" spans="1:6" x14ac:dyDescent="0.25">
      <c r="A5789" s="4" t="s">
        <v>2497</v>
      </c>
      <c r="B5789" s="1" t="s">
        <v>3153</v>
      </c>
      <c r="C5789" s="5" t="s">
        <v>6369</v>
      </c>
      <c r="D5789" s="1" t="s">
        <v>2497</v>
      </c>
      <c r="E5789" s="5" t="s">
        <v>16067</v>
      </c>
      <c r="F5789" s="6">
        <v>5097</v>
      </c>
    </row>
    <row r="5790" spans="1:6" x14ac:dyDescent="0.25">
      <c r="A5790" s="4" t="s">
        <v>2064</v>
      </c>
      <c r="B5790" s="1" t="s">
        <v>3161</v>
      </c>
      <c r="C5790" s="5" t="s">
        <v>5736</v>
      </c>
      <c r="D5790" s="1" t="s">
        <v>2064</v>
      </c>
      <c r="E5790" s="5" t="s">
        <v>14906</v>
      </c>
      <c r="F5790" s="6">
        <v>3624</v>
      </c>
    </row>
    <row r="5791" spans="1:6" x14ac:dyDescent="0.25">
      <c r="A5791" s="4" t="s">
        <v>355</v>
      </c>
      <c r="B5791" s="1" t="s">
        <v>3163</v>
      </c>
      <c r="C5791" s="5" t="s">
        <v>3853</v>
      </c>
      <c r="D5791" s="1" t="s">
        <v>8026</v>
      </c>
      <c r="E5791" s="5" t="s">
        <v>12354</v>
      </c>
      <c r="F5791" s="6">
        <v>859</v>
      </c>
    </row>
    <row r="5792" spans="1:6" x14ac:dyDescent="0.25">
      <c r="A5792" s="4" t="s">
        <v>2327</v>
      </c>
      <c r="B5792" s="1" t="s">
        <v>3158</v>
      </c>
      <c r="C5792" s="5" t="s">
        <v>6102</v>
      </c>
      <c r="D5792" s="1" t="s">
        <v>2327</v>
      </c>
      <c r="E5792" s="5" t="s">
        <v>15547</v>
      </c>
      <c r="F5792" s="6">
        <v>4288</v>
      </c>
    </row>
    <row r="5793" spans="1:6" x14ac:dyDescent="0.25">
      <c r="A5793" s="4" t="s">
        <v>2137</v>
      </c>
      <c r="B5793" s="1" t="s">
        <v>3164</v>
      </c>
      <c r="C5793" s="5" t="s">
        <v>5841</v>
      </c>
      <c r="D5793" s="1" t="s">
        <v>2137</v>
      </c>
      <c r="E5793" s="5" t="s">
        <v>15103</v>
      </c>
      <c r="F5793" s="6">
        <v>3832</v>
      </c>
    </row>
    <row r="5794" spans="1:6" x14ac:dyDescent="0.25">
      <c r="A5794" s="4" t="s">
        <v>2605</v>
      </c>
      <c r="B5794" s="1" t="s">
        <v>3185</v>
      </c>
      <c r="C5794" s="5">
        <v>700148</v>
      </c>
      <c r="D5794" s="1" t="s">
        <v>10272</v>
      </c>
      <c r="E5794" s="5" t="s">
        <v>16343</v>
      </c>
      <c r="F5794" s="6">
        <v>5690</v>
      </c>
    </row>
    <row r="5795" spans="1:6" x14ac:dyDescent="0.25">
      <c r="A5795" s="4" t="s">
        <v>2512</v>
      </c>
      <c r="B5795" s="1" t="s">
        <v>3178</v>
      </c>
      <c r="C5795" s="5" t="s">
        <v>3571</v>
      </c>
      <c r="D5795" s="1" t="s">
        <v>10128</v>
      </c>
      <c r="E5795" s="5" t="s">
        <v>16133</v>
      </c>
      <c r="F5795" s="6">
        <v>5220</v>
      </c>
    </row>
    <row r="5796" spans="1:6" x14ac:dyDescent="0.25">
      <c r="A5796" s="4" t="s">
        <v>227</v>
      </c>
      <c r="B5796" s="1" t="s">
        <v>3156</v>
      </c>
      <c r="C5796" s="5" t="s">
        <v>3620</v>
      </c>
      <c r="D5796" s="1" t="s">
        <v>7764</v>
      </c>
      <c r="E5796" s="5" t="s">
        <v>12063</v>
      </c>
      <c r="F5796" s="6">
        <v>505</v>
      </c>
    </row>
    <row r="5797" spans="1:6" x14ac:dyDescent="0.25">
      <c r="A5797" s="4" t="s">
        <v>227</v>
      </c>
      <c r="B5797" s="1" t="s">
        <v>3156</v>
      </c>
      <c r="C5797" s="5" t="s">
        <v>3620</v>
      </c>
      <c r="D5797" s="1" t="s">
        <v>8372</v>
      </c>
      <c r="E5797" s="5" t="s">
        <v>12798</v>
      </c>
      <c r="F5797" s="6">
        <v>1396</v>
      </c>
    </row>
    <row r="5798" spans="1:6" x14ac:dyDescent="0.25">
      <c r="A5798" s="4" t="s">
        <v>227</v>
      </c>
      <c r="B5798" s="1" t="s">
        <v>3156</v>
      </c>
      <c r="C5798" s="5" t="s">
        <v>3620</v>
      </c>
      <c r="D5798" s="1" t="s">
        <v>10390</v>
      </c>
      <c r="E5798" s="5" t="s">
        <v>16528</v>
      </c>
      <c r="F5798" s="6">
        <v>6167</v>
      </c>
    </row>
    <row r="5799" spans="1:6" x14ac:dyDescent="0.25">
      <c r="A5799" s="4" t="s">
        <v>1024</v>
      </c>
      <c r="B5799" s="1" t="s">
        <v>3152</v>
      </c>
      <c r="C5799" s="5" t="s">
        <v>4767</v>
      </c>
      <c r="D5799" s="1" t="s">
        <v>1024</v>
      </c>
      <c r="E5799" s="5" t="s">
        <v>13591</v>
      </c>
      <c r="F5799" s="6">
        <v>2232</v>
      </c>
    </row>
    <row r="5800" spans="1:6" x14ac:dyDescent="0.25">
      <c r="A5800" s="4" t="s">
        <v>2691</v>
      </c>
      <c r="B5800" s="1" t="s">
        <v>3156</v>
      </c>
      <c r="C5800" s="5" t="s">
        <v>6615</v>
      </c>
      <c r="D5800" s="1" t="s">
        <v>2691</v>
      </c>
      <c r="E5800" s="5" t="s">
        <v>16533</v>
      </c>
      <c r="F5800" s="6">
        <v>6182</v>
      </c>
    </row>
    <row r="5801" spans="1:6" x14ac:dyDescent="0.25">
      <c r="A5801" s="4" t="s">
        <v>2269</v>
      </c>
      <c r="B5801" s="1" t="s">
        <v>3156</v>
      </c>
      <c r="C5801" s="5" t="s">
        <v>6007</v>
      </c>
      <c r="D5801" s="1" t="s">
        <v>2269</v>
      </c>
      <c r="E5801" s="5" t="s">
        <v>15401</v>
      </c>
      <c r="F5801" s="6">
        <v>4138</v>
      </c>
    </row>
    <row r="5802" spans="1:6" x14ac:dyDescent="0.25">
      <c r="A5802" s="4" t="s">
        <v>3047</v>
      </c>
      <c r="B5802" s="1" t="s">
        <v>3155</v>
      </c>
      <c r="C5802" s="5" t="s">
        <v>7155</v>
      </c>
      <c r="D5802" s="1" t="s">
        <v>11275</v>
      </c>
      <c r="E5802" s="5" t="s">
        <v>17683</v>
      </c>
      <c r="F5802" s="6">
        <v>9301</v>
      </c>
    </row>
    <row r="5803" spans="1:6" x14ac:dyDescent="0.25">
      <c r="A5803" s="4" t="s">
        <v>426</v>
      </c>
      <c r="B5803" s="1" t="s">
        <v>3155</v>
      </c>
      <c r="C5803" s="5" t="s">
        <v>3956</v>
      </c>
      <c r="D5803" s="1" t="s">
        <v>426</v>
      </c>
      <c r="E5803" s="5" t="s">
        <v>12489</v>
      </c>
      <c r="F5803" s="6">
        <v>1012</v>
      </c>
    </row>
    <row r="5804" spans="1:6" x14ac:dyDescent="0.25">
      <c r="A5804" s="4" t="s">
        <v>426</v>
      </c>
      <c r="B5804" s="1" t="s">
        <v>3155</v>
      </c>
      <c r="C5804" s="5" t="s">
        <v>5918</v>
      </c>
      <c r="D5804" s="1" t="s">
        <v>9814</v>
      </c>
      <c r="E5804" s="5" t="s">
        <v>15732</v>
      </c>
      <c r="F5804" s="6">
        <v>4503</v>
      </c>
    </row>
    <row r="5805" spans="1:6" x14ac:dyDescent="0.25">
      <c r="A5805" s="4" t="s">
        <v>426</v>
      </c>
      <c r="B5805" s="1" t="s">
        <v>3155</v>
      </c>
      <c r="C5805" s="5" t="s">
        <v>3956</v>
      </c>
      <c r="D5805" s="1" t="s">
        <v>10639</v>
      </c>
      <c r="E5805" s="5" t="s">
        <v>16851</v>
      </c>
      <c r="F5805" s="6">
        <v>7094</v>
      </c>
    </row>
    <row r="5806" spans="1:6" x14ac:dyDescent="0.25">
      <c r="A5806" s="4" t="s">
        <v>426</v>
      </c>
      <c r="B5806" s="1" t="s">
        <v>3155</v>
      </c>
      <c r="C5806" s="5" t="s">
        <v>6813</v>
      </c>
      <c r="D5806" s="1" t="s">
        <v>10704</v>
      </c>
      <c r="E5806" s="5" t="s">
        <v>16935</v>
      </c>
      <c r="F5806" s="6">
        <v>7333</v>
      </c>
    </row>
    <row r="5807" spans="1:6" x14ac:dyDescent="0.25">
      <c r="A5807" s="4" t="s">
        <v>426</v>
      </c>
      <c r="B5807" s="1" t="s">
        <v>3155</v>
      </c>
      <c r="C5807" s="5" t="s">
        <v>3956</v>
      </c>
      <c r="D5807" s="1" t="s">
        <v>10826</v>
      </c>
      <c r="E5807" s="5" t="s">
        <v>17098</v>
      </c>
      <c r="F5807" s="6">
        <v>7875</v>
      </c>
    </row>
    <row r="5808" spans="1:6" x14ac:dyDescent="0.25">
      <c r="A5808" s="4" t="s">
        <v>1189</v>
      </c>
      <c r="B5808" s="1" t="s">
        <v>3155</v>
      </c>
      <c r="C5808" s="5" t="s">
        <v>4941</v>
      </c>
      <c r="D5808" s="1" t="s">
        <v>1189</v>
      </c>
      <c r="E5808" s="5" t="s">
        <v>13786</v>
      </c>
      <c r="F5808" s="6">
        <v>2436</v>
      </c>
    </row>
    <row r="5809" spans="1:6" x14ac:dyDescent="0.25">
      <c r="A5809" s="4" t="s">
        <v>2340</v>
      </c>
      <c r="B5809" s="1" t="s">
        <v>3156</v>
      </c>
      <c r="C5809" s="5" t="s">
        <v>6124</v>
      </c>
      <c r="D5809" s="1" t="s">
        <v>9691</v>
      </c>
      <c r="E5809" s="5" t="s">
        <v>15577</v>
      </c>
      <c r="F5809" s="6">
        <v>4319</v>
      </c>
    </row>
    <row r="5810" spans="1:6" x14ac:dyDescent="0.25">
      <c r="A5810" s="4" t="s">
        <v>2914</v>
      </c>
      <c r="B5810" s="1" t="s">
        <v>3163</v>
      </c>
      <c r="C5810" s="5">
        <v>190006</v>
      </c>
      <c r="D5810" s="1" t="s">
        <v>10952</v>
      </c>
      <c r="E5810" s="5" t="s">
        <v>17250</v>
      </c>
      <c r="F5810" s="6">
        <v>8307</v>
      </c>
    </row>
    <row r="5811" spans="1:6" x14ac:dyDescent="0.25">
      <c r="A5811" s="4" t="s">
        <v>201</v>
      </c>
      <c r="B5811" s="1" t="s">
        <v>3163</v>
      </c>
      <c r="C5811" s="5" t="s">
        <v>3550</v>
      </c>
      <c r="D5811" s="1" t="s">
        <v>7690</v>
      </c>
      <c r="E5811" s="5" t="s">
        <v>11982</v>
      </c>
      <c r="F5811" s="6">
        <v>415</v>
      </c>
    </row>
    <row r="5812" spans="1:6" x14ac:dyDescent="0.25">
      <c r="A5812" s="4" t="s">
        <v>201</v>
      </c>
      <c r="B5812" s="1" t="s">
        <v>3163</v>
      </c>
      <c r="C5812" s="5" t="s">
        <v>3550</v>
      </c>
      <c r="D5812" s="1" t="s">
        <v>7927</v>
      </c>
      <c r="E5812" s="5" t="s">
        <v>12237</v>
      </c>
      <c r="F5812" s="6">
        <v>724</v>
      </c>
    </row>
    <row r="5813" spans="1:6" x14ac:dyDescent="0.25">
      <c r="A5813" s="4" t="s">
        <v>201</v>
      </c>
      <c r="B5813" s="1" t="s">
        <v>3163</v>
      </c>
      <c r="C5813" s="5" t="s">
        <v>3844</v>
      </c>
      <c r="D5813" s="1" t="s">
        <v>8020</v>
      </c>
      <c r="E5813" s="5" t="s">
        <v>12345</v>
      </c>
      <c r="F5813" s="6">
        <v>850</v>
      </c>
    </row>
    <row r="5814" spans="1:6" x14ac:dyDescent="0.25">
      <c r="A5814" s="4" t="s">
        <v>201</v>
      </c>
      <c r="B5814" s="1" t="s">
        <v>3163</v>
      </c>
      <c r="C5814" s="5" t="s">
        <v>4016</v>
      </c>
      <c r="D5814" s="1" t="s">
        <v>8165</v>
      </c>
      <c r="E5814" s="5" t="s">
        <v>12564</v>
      </c>
      <c r="F5814" s="6">
        <v>1091</v>
      </c>
    </row>
    <row r="5815" spans="1:6" x14ac:dyDescent="0.25">
      <c r="A5815" s="4" t="s">
        <v>201</v>
      </c>
      <c r="B5815" s="1" t="s">
        <v>3163</v>
      </c>
      <c r="C5815" s="5" t="s">
        <v>4366</v>
      </c>
      <c r="D5815" s="1" t="s">
        <v>8590</v>
      </c>
      <c r="E5815" s="5" t="s">
        <v>13106</v>
      </c>
      <c r="F5815" s="6">
        <v>1739</v>
      </c>
    </row>
    <row r="5816" spans="1:6" x14ac:dyDescent="0.25">
      <c r="A5816" s="4" t="s">
        <v>201</v>
      </c>
      <c r="B5816" s="1" t="s">
        <v>3163</v>
      </c>
      <c r="C5816" s="5" t="s">
        <v>3844</v>
      </c>
      <c r="D5816" s="1" t="s">
        <v>8867</v>
      </c>
      <c r="E5816" s="5" t="s">
        <v>13769</v>
      </c>
      <c r="F5816" s="6">
        <v>2418</v>
      </c>
    </row>
    <row r="5817" spans="1:6" x14ac:dyDescent="0.25">
      <c r="A5817" s="4" t="s">
        <v>201</v>
      </c>
      <c r="B5817" s="1" t="s">
        <v>3163</v>
      </c>
      <c r="C5817" s="5" t="s">
        <v>4925</v>
      </c>
      <c r="D5817" s="1" t="s">
        <v>8868</v>
      </c>
      <c r="E5817" s="5" t="s">
        <v>13770</v>
      </c>
      <c r="F5817" s="6">
        <v>2419</v>
      </c>
    </row>
    <row r="5818" spans="1:6" x14ac:dyDescent="0.25">
      <c r="A5818" s="4" t="s">
        <v>201</v>
      </c>
      <c r="B5818" s="1" t="s">
        <v>3163</v>
      </c>
      <c r="C5818" s="5" t="s">
        <v>4366</v>
      </c>
      <c r="D5818" s="1" t="s">
        <v>8898</v>
      </c>
      <c r="E5818" s="5" t="s">
        <v>13832</v>
      </c>
      <c r="F5818" s="6">
        <v>2482</v>
      </c>
    </row>
    <row r="5819" spans="1:6" x14ac:dyDescent="0.25">
      <c r="A5819" s="4" t="s">
        <v>201</v>
      </c>
      <c r="B5819" s="1" t="s">
        <v>3163</v>
      </c>
      <c r="C5819" s="5" t="s">
        <v>5008</v>
      </c>
      <c r="D5819" s="1" t="s">
        <v>8916</v>
      </c>
      <c r="E5819" s="5" t="s">
        <v>13868</v>
      </c>
      <c r="F5819" s="6">
        <v>2518</v>
      </c>
    </row>
    <row r="5820" spans="1:6" x14ac:dyDescent="0.25">
      <c r="A5820" s="4" t="s">
        <v>201</v>
      </c>
      <c r="B5820" s="1" t="s">
        <v>3163</v>
      </c>
      <c r="C5820" s="5" t="s">
        <v>5020</v>
      </c>
      <c r="D5820" s="1" t="s">
        <v>8927</v>
      </c>
      <c r="E5820" s="5" t="s">
        <v>13888</v>
      </c>
      <c r="F5820" s="6">
        <v>2539</v>
      </c>
    </row>
    <row r="5821" spans="1:6" x14ac:dyDescent="0.25">
      <c r="A5821" s="4" t="s">
        <v>201</v>
      </c>
      <c r="B5821" s="1" t="s">
        <v>3163</v>
      </c>
      <c r="C5821" s="5" t="s">
        <v>5038</v>
      </c>
      <c r="D5821" s="1" t="s">
        <v>8935</v>
      </c>
      <c r="E5821" s="5" t="s">
        <v>13908</v>
      </c>
      <c r="F5821" s="6">
        <v>2559</v>
      </c>
    </row>
    <row r="5822" spans="1:6" x14ac:dyDescent="0.25">
      <c r="A5822" s="4" t="s">
        <v>201</v>
      </c>
      <c r="B5822" s="1" t="s">
        <v>3163</v>
      </c>
      <c r="C5822" s="5" t="s">
        <v>4366</v>
      </c>
      <c r="D5822" s="1" t="s">
        <v>8950</v>
      </c>
      <c r="E5822" s="5" t="s">
        <v>13929</v>
      </c>
      <c r="F5822" s="6">
        <v>2581</v>
      </c>
    </row>
    <row r="5823" spans="1:6" x14ac:dyDescent="0.25">
      <c r="A5823" s="4" t="s">
        <v>201</v>
      </c>
      <c r="B5823" s="1" t="s">
        <v>3163</v>
      </c>
      <c r="C5823" s="5" t="s">
        <v>5051</v>
      </c>
      <c r="D5823" s="1" t="s">
        <v>8951</v>
      </c>
      <c r="E5823" s="5" t="s">
        <v>13930</v>
      </c>
      <c r="F5823" s="6">
        <v>2582</v>
      </c>
    </row>
    <row r="5824" spans="1:6" x14ac:dyDescent="0.25">
      <c r="A5824" s="4" t="s">
        <v>201</v>
      </c>
      <c r="B5824" s="1" t="s">
        <v>3163</v>
      </c>
      <c r="C5824" s="5" t="s">
        <v>3550</v>
      </c>
      <c r="D5824" s="1" t="s">
        <v>9007</v>
      </c>
      <c r="E5824" s="5" t="s">
        <v>14053</v>
      </c>
      <c r="F5824" s="6">
        <v>2708</v>
      </c>
    </row>
    <row r="5825" spans="1:6" x14ac:dyDescent="0.25">
      <c r="A5825" s="4" t="s">
        <v>201</v>
      </c>
      <c r="B5825" s="1" t="s">
        <v>3163</v>
      </c>
      <c r="C5825" s="5" t="s">
        <v>5286</v>
      </c>
      <c r="D5825" s="1" t="s">
        <v>9106</v>
      </c>
      <c r="E5825" s="5" t="s">
        <v>14242</v>
      </c>
      <c r="F5825" s="6">
        <v>2903</v>
      </c>
    </row>
    <row r="5826" spans="1:6" x14ac:dyDescent="0.25">
      <c r="A5826" s="4" t="s">
        <v>201</v>
      </c>
      <c r="B5826" s="1" t="s">
        <v>3163</v>
      </c>
      <c r="C5826" s="5" t="s">
        <v>5313</v>
      </c>
      <c r="D5826" s="1" t="s">
        <v>9113</v>
      </c>
      <c r="E5826" s="5" t="s">
        <v>14271</v>
      </c>
      <c r="F5826" s="6">
        <v>2932</v>
      </c>
    </row>
    <row r="5827" spans="1:6" x14ac:dyDescent="0.25">
      <c r="A5827" s="4" t="s">
        <v>884</v>
      </c>
      <c r="B5827" s="1" t="s">
        <v>3162</v>
      </c>
      <c r="C5827" s="5" t="s">
        <v>4631</v>
      </c>
      <c r="D5827" s="1" t="s">
        <v>8770</v>
      </c>
      <c r="E5827" s="5" t="s">
        <v>13442</v>
      </c>
      <c r="F5827" s="6">
        <v>2078</v>
      </c>
    </row>
    <row r="5828" spans="1:6" x14ac:dyDescent="0.25">
      <c r="A5828" s="4" t="s">
        <v>476</v>
      </c>
      <c r="B5828" s="1" t="s">
        <v>3146</v>
      </c>
      <c r="C5828" s="5" t="s">
        <v>4070</v>
      </c>
      <c r="D5828" s="1" t="s">
        <v>8252</v>
      </c>
      <c r="E5828" s="5" t="s">
        <v>12659</v>
      </c>
      <c r="F5828" s="6">
        <v>1254</v>
      </c>
    </row>
    <row r="5829" spans="1:6" x14ac:dyDescent="0.25">
      <c r="A5829" s="4" t="s">
        <v>2093</v>
      </c>
      <c r="B5829" s="1" t="s">
        <v>3146</v>
      </c>
      <c r="C5829" s="5" t="s">
        <v>5792</v>
      </c>
      <c r="D5829" s="1" t="s">
        <v>2093</v>
      </c>
      <c r="E5829" s="5" t="s">
        <v>15008</v>
      </c>
      <c r="F5829" s="6">
        <v>3735</v>
      </c>
    </row>
    <row r="5830" spans="1:6" x14ac:dyDescent="0.25">
      <c r="A5830" s="4" t="s">
        <v>2938</v>
      </c>
      <c r="B5830" s="1" t="s">
        <v>3155</v>
      </c>
      <c r="C5830" s="5" t="s">
        <v>6956</v>
      </c>
      <c r="D5830" s="1" t="s">
        <v>2938</v>
      </c>
      <c r="E5830" s="5" t="s">
        <v>17314</v>
      </c>
      <c r="F5830" s="6">
        <v>8689</v>
      </c>
    </row>
    <row r="5831" spans="1:6" x14ac:dyDescent="0.25">
      <c r="A5831" s="4" t="s">
        <v>2718</v>
      </c>
      <c r="B5831" s="1" t="s">
        <v>3146</v>
      </c>
      <c r="C5831" s="5" t="s">
        <v>6655</v>
      </c>
      <c r="D5831" s="1" t="s">
        <v>2718</v>
      </c>
      <c r="E5831" s="5" t="s">
        <v>16624</v>
      </c>
      <c r="F5831" s="6">
        <v>6401</v>
      </c>
    </row>
    <row r="5832" spans="1:6" x14ac:dyDescent="0.25">
      <c r="A5832" s="4" t="s">
        <v>2913</v>
      </c>
      <c r="B5832" s="1" t="s">
        <v>3155</v>
      </c>
      <c r="C5832" s="5" t="s">
        <v>6927</v>
      </c>
      <c r="D5832" s="1" t="s">
        <v>10944</v>
      </c>
      <c r="E5832" s="5" t="s">
        <v>17242</v>
      </c>
      <c r="F5832" s="6">
        <v>8294</v>
      </c>
    </row>
    <row r="5833" spans="1:6" x14ac:dyDescent="0.25">
      <c r="A5833" s="4" t="s">
        <v>1501</v>
      </c>
      <c r="B5833" s="1" t="s">
        <v>3164</v>
      </c>
      <c r="C5833" s="5" t="s">
        <v>5319</v>
      </c>
      <c r="D5833" s="1" t="s">
        <v>1501</v>
      </c>
      <c r="E5833" s="5" t="s">
        <v>14277</v>
      </c>
      <c r="F5833" s="6">
        <v>2938</v>
      </c>
    </row>
    <row r="5834" spans="1:6" x14ac:dyDescent="0.25">
      <c r="A5834" s="4" t="s">
        <v>2926</v>
      </c>
      <c r="B5834" s="1" t="s">
        <v>3149</v>
      </c>
      <c r="C5834" s="5" t="s">
        <v>6944</v>
      </c>
      <c r="D5834" s="1" t="s">
        <v>2926</v>
      </c>
      <c r="E5834" s="5" t="s">
        <v>17285</v>
      </c>
      <c r="F5834" s="6">
        <v>8483</v>
      </c>
    </row>
    <row r="5835" spans="1:6" x14ac:dyDescent="0.25">
      <c r="A5835" s="4" t="s">
        <v>1912</v>
      </c>
      <c r="B5835" s="1" t="s">
        <v>3154</v>
      </c>
      <c r="C5835" s="5" t="s">
        <v>3865</v>
      </c>
      <c r="D5835" s="1" t="s">
        <v>1912</v>
      </c>
      <c r="E5835" s="5" t="s">
        <v>14745</v>
      </c>
      <c r="F5835" s="6">
        <v>3456</v>
      </c>
    </row>
    <row r="5836" spans="1:6" x14ac:dyDescent="0.25">
      <c r="A5836" s="4" t="s">
        <v>1113</v>
      </c>
      <c r="B5836" s="1" t="s">
        <v>3152</v>
      </c>
      <c r="C5836" s="5" t="s">
        <v>4855</v>
      </c>
      <c r="D5836" s="1" t="s">
        <v>1113</v>
      </c>
      <c r="E5836" s="5" t="s">
        <v>13685</v>
      </c>
      <c r="F5836" s="6">
        <v>2331</v>
      </c>
    </row>
    <row r="5837" spans="1:6" x14ac:dyDescent="0.25">
      <c r="A5837" s="4" t="s">
        <v>1609</v>
      </c>
      <c r="B5837" s="1" t="s">
        <v>3147</v>
      </c>
      <c r="C5837" s="5" t="s">
        <v>4009</v>
      </c>
      <c r="D5837" s="1" t="s">
        <v>1609</v>
      </c>
      <c r="E5837" s="5" t="s">
        <v>14396</v>
      </c>
      <c r="F5837" s="6">
        <v>3067</v>
      </c>
    </row>
    <row r="5838" spans="1:6" x14ac:dyDescent="0.25">
      <c r="A5838" s="4" t="s">
        <v>1294</v>
      </c>
      <c r="B5838" s="1" t="s">
        <v>3156</v>
      </c>
      <c r="C5838" s="5" t="s">
        <v>5080</v>
      </c>
      <c r="D5838" s="1" t="s">
        <v>1294</v>
      </c>
      <c r="E5838" s="5" t="s">
        <v>13961</v>
      </c>
      <c r="F5838" s="6">
        <v>2613</v>
      </c>
    </row>
    <row r="5839" spans="1:6" x14ac:dyDescent="0.25">
      <c r="A5839" s="4" t="s">
        <v>1580</v>
      </c>
      <c r="B5839" s="1" t="s">
        <v>3152</v>
      </c>
      <c r="C5839" s="5" t="s">
        <v>5401</v>
      </c>
      <c r="D5839" s="1" t="s">
        <v>1580</v>
      </c>
      <c r="E5839" s="5" t="s">
        <v>14365</v>
      </c>
      <c r="F5839" s="6">
        <v>3030</v>
      </c>
    </row>
    <row r="5840" spans="1:6" x14ac:dyDescent="0.25">
      <c r="A5840" s="4" t="s">
        <v>1900</v>
      </c>
      <c r="B5840" s="1" t="s">
        <v>3156</v>
      </c>
      <c r="C5840" s="5" t="s">
        <v>5651</v>
      </c>
      <c r="D5840" s="1" t="s">
        <v>1900</v>
      </c>
      <c r="E5840" s="5" t="s">
        <v>14733</v>
      </c>
      <c r="F5840" s="6">
        <v>3443</v>
      </c>
    </row>
    <row r="5841" spans="1:6" x14ac:dyDescent="0.25">
      <c r="A5841" s="4" t="s">
        <v>1034</v>
      </c>
      <c r="B5841" s="1" t="s">
        <v>3156</v>
      </c>
      <c r="C5841" s="5" t="s">
        <v>4777</v>
      </c>
      <c r="D5841" s="1" t="s">
        <v>1034</v>
      </c>
      <c r="E5841" s="5" t="s">
        <v>13601</v>
      </c>
      <c r="F5841" s="6">
        <v>2242</v>
      </c>
    </row>
    <row r="5842" spans="1:6" x14ac:dyDescent="0.25">
      <c r="A5842" s="4" t="s">
        <v>2082</v>
      </c>
      <c r="B5842" s="1" t="s">
        <v>3165</v>
      </c>
      <c r="C5842" s="5" t="s">
        <v>5775</v>
      </c>
      <c r="D5842" s="1" t="s">
        <v>9295</v>
      </c>
      <c r="E5842" s="5" t="s">
        <v>14977</v>
      </c>
      <c r="F5842" s="6">
        <v>3700</v>
      </c>
    </row>
    <row r="5843" spans="1:6" x14ac:dyDescent="0.25">
      <c r="A5843" s="4" t="s">
        <v>2778</v>
      </c>
      <c r="B5843" s="1" t="s">
        <v>3155</v>
      </c>
      <c r="C5843" s="5" t="s">
        <v>6743</v>
      </c>
      <c r="D5843" s="1" t="s">
        <v>2778</v>
      </c>
      <c r="E5843" s="5" t="s">
        <v>16788</v>
      </c>
      <c r="F5843" s="6">
        <v>6947</v>
      </c>
    </row>
    <row r="5844" spans="1:6" x14ac:dyDescent="0.25">
      <c r="A5844" s="4" t="s">
        <v>996</v>
      </c>
      <c r="B5844" s="1" t="s">
        <v>3151</v>
      </c>
      <c r="C5844" s="5" t="s">
        <v>4742</v>
      </c>
      <c r="D5844" s="1" t="s">
        <v>996</v>
      </c>
      <c r="E5844" s="5" t="s">
        <v>13563</v>
      </c>
      <c r="F5844" s="6">
        <v>2203</v>
      </c>
    </row>
    <row r="5845" spans="1:6" x14ac:dyDescent="0.25">
      <c r="A5845" s="4" t="s">
        <v>2840</v>
      </c>
      <c r="B5845" s="1" t="s">
        <v>3158</v>
      </c>
      <c r="C5845" s="5" t="s">
        <v>3909</v>
      </c>
      <c r="D5845" s="1" t="s">
        <v>10741</v>
      </c>
      <c r="E5845" s="5" t="s">
        <v>16986</v>
      </c>
      <c r="F5845" s="6">
        <v>7504</v>
      </c>
    </row>
    <row r="5846" spans="1:6" x14ac:dyDescent="0.25">
      <c r="A5846" s="4" t="s">
        <v>502</v>
      </c>
      <c r="B5846" s="1" t="s">
        <v>3152</v>
      </c>
      <c r="C5846" s="5" t="s">
        <v>4131</v>
      </c>
      <c r="D5846" s="1" t="s">
        <v>8346</v>
      </c>
      <c r="E5846" s="5" t="s">
        <v>12766</v>
      </c>
      <c r="F5846" s="6">
        <v>1363</v>
      </c>
    </row>
    <row r="5847" spans="1:6" x14ac:dyDescent="0.25">
      <c r="A5847" s="4" t="s">
        <v>331</v>
      </c>
      <c r="B5847" s="1" t="s">
        <v>3158</v>
      </c>
      <c r="C5847" s="5" t="s">
        <v>3815</v>
      </c>
      <c r="D5847" s="1" t="s">
        <v>7992</v>
      </c>
      <c r="E5847" s="5" t="s">
        <v>12311</v>
      </c>
      <c r="F5847" s="6">
        <v>807</v>
      </c>
    </row>
    <row r="5848" spans="1:6" x14ac:dyDescent="0.25">
      <c r="A5848" s="4" t="s">
        <v>331</v>
      </c>
      <c r="B5848" s="1" t="s">
        <v>3158</v>
      </c>
      <c r="C5848" s="5" t="s">
        <v>3909</v>
      </c>
      <c r="D5848" s="1" t="s">
        <v>2840</v>
      </c>
      <c r="E5848" s="5" t="s">
        <v>12428</v>
      </c>
      <c r="F5848" s="6">
        <v>944</v>
      </c>
    </row>
    <row r="5849" spans="1:6" x14ac:dyDescent="0.25">
      <c r="A5849" s="4" t="s">
        <v>605</v>
      </c>
      <c r="B5849" s="1" t="s">
        <v>3150</v>
      </c>
      <c r="C5849" s="5" t="s">
        <v>4272</v>
      </c>
      <c r="D5849" s="1" t="s">
        <v>8519</v>
      </c>
      <c r="E5849" s="5" t="s">
        <v>12984</v>
      </c>
      <c r="F5849" s="6">
        <v>1595</v>
      </c>
    </row>
    <row r="5850" spans="1:6" x14ac:dyDescent="0.25">
      <c r="A5850" s="4" t="s">
        <v>1523</v>
      </c>
      <c r="B5850" s="1" t="s">
        <v>3149</v>
      </c>
      <c r="C5850" s="5" t="s">
        <v>5343</v>
      </c>
      <c r="D5850" s="1" t="s">
        <v>1523</v>
      </c>
      <c r="E5850" s="5" t="s">
        <v>14302</v>
      </c>
      <c r="F5850" s="6">
        <v>2964</v>
      </c>
    </row>
    <row r="5851" spans="1:6" x14ac:dyDescent="0.25">
      <c r="A5851" s="4" t="s">
        <v>1051</v>
      </c>
      <c r="B5851" s="1" t="s">
        <v>3156</v>
      </c>
      <c r="C5851" s="5" t="s">
        <v>4792</v>
      </c>
      <c r="D5851" s="1" t="s">
        <v>1051</v>
      </c>
      <c r="E5851" s="5" t="s">
        <v>13619</v>
      </c>
      <c r="F5851" s="6">
        <v>2261</v>
      </c>
    </row>
    <row r="5852" spans="1:6" x14ac:dyDescent="0.25">
      <c r="A5852" s="4" t="s">
        <v>1051</v>
      </c>
      <c r="B5852" s="1" t="s">
        <v>3158</v>
      </c>
      <c r="C5852" s="5" t="s">
        <v>6165</v>
      </c>
      <c r="D5852" s="1" t="s">
        <v>9757</v>
      </c>
      <c r="E5852" s="5" t="s">
        <v>15663</v>
      </c>
      <c r="F5852" s="6">
        <v>4409</v>
      </c>
    </row>
    <row r="5853" spans="1:6" x14ac:dyDescent="0.25">
      <c r="A5853" s="4" t="s">
        <v>518</v>
      </c>
      <c r="B5853" s="1" t="s">
        <v>3152</v>
      </c>
      <c r="C5853" s="5" t="s">
        <v>4152</v>
      </c>
      <c r="D5853" s="1" t="s">
        <v>518</v>
      </c>
      <c r="E5853" s="5" t="s">
        <v>12813</v>
      </c>
      <c r="F5853" s="6">
        <v>1412</v>
      </c>
    </row>
    <row r="5854" spans="1:6" x14ac:dyDescent="0.25">
      <c r="A5854" s="4" t="s">
        <v>518</v>
      </c>
      <c r="B5854" s="1" t="s">
        <v>3152</v>
      </c>
      <c r="C5854" s="5" t="s">
        <v>4152</v>
      </c>
      <c r="D5854" s="1" t="s">
        <v>10211</v>
      </c>
      <c r="E5854" s="5" t="s">
        <v>16241</v>
      </c>
      <c r="F5854" s="6">
        <v>5470</v>
      </c>
    </row>
    <row r="5855" spans="1:6" x14ac:dyDescent="0.25">
      <c r="A5855" s="4" t="s">
        <v>2071</v>
      </c>
      <c r="B5855" s="1" t="s">
        <v>3146</v>
      </c>
      <c r="C5855" s="5" t="s">
        <v>5745</v>
      </c>
      <c r="D5855" s="1" t="s">
        <v>2071</v>
      </c>
      <c r="E5855" s="5" t="s">
        <v>14922</v>
      </c>
      <c r="F5855" s="6">
        <v>3643</v>
      </c>
    </row>
    <row r="5856" spans="1:6" x14ac:dyDescent="0.25">
      <c r="A5856" s="4" t="s">
        <v>1183</v>
      </c>
      <c r="B5856" s="1" t="s">
        <v>3160</v>
      </c>
      <c r="C5856" s="5" t="s">
        <v>4934</v>
      </c>
      <c r="D5856" s="1" t="s">
        <v>1183</v>
      </c>
      <c r="E5856" s="5" t="s">
        <v>13779</v>
      </c>
      <c r="F5856" s="6">
        <v>2429</v>
      </c>
    </row>
    <row r="5857" spans="1:6" x14ac:dyDescent="0.25">
      <c r="A5857" s="4" t="s">
        <v>885</v>
      </c>
      <c r="B5857" s="1" t="s">
        <v>3165</v>
      </c>
      <c r="C5857" s="5" t="s">
        <v>4632</v>
      </c>
      <c r="D5857" s="1" t="s">
        <v>8771</v>
      </c>
      <c r="E5857" s="5" t="s">
        <v>13443</v>
      </c>
      <c r="F5857" s="6">
        <v>2079</v>
      </c>
    </row>
    <row r="5858" spans="1:6" x14ac:dyDescent="0.25">
      <c r="A5858" s="4" t="s">
        <v>1909</v>
      </c>
      <c r="B5858" s="1" t="s">
        <v>3165</v>
      </c>
      <c r="C5858" s="5" t="s">
        <v>5657</v>
      </c>
      <c r="D5858" s="1" t="s">
        <v>9218</v>
      </c>
      <c r="E5858" s="5" t="s">
        <v>14742</v>
      </c>
      <c r="F5858" s="6">
        <v>3453</v>
      </c>
    </row>
    <row r="5859" spans="1:6" x14ac:dyDescent="0.25">
      <c r="A5859" s="4" t="s">
        <v>1628</v>
      </c>
      <c r="B5859" s="1" t="s">
        <v>3147</v>
      </c>
      <c r="C5859" s="5" t="s">
        <v>5439</v>
      </c>
      <c r="D5859" s="1" t="s">
        <v>1628</v>
      </c>
      <c r="E5859" s="5" t="s">
        <v>14416</v>
      </c>
      <c r="F5859" s="6">
        <v>3096</v>
      </c>
    </row>
    <row r="5860" spans="1:6" x14ac:dyDescent="0.25">
      <c r="A5860" s="4" t="s">
        <v>1245</v>
      </c>
      <c r="B5860" s="1" t="s">
        <v>812</v>
      </c>
      <c r="C5860" s="5" t="s">
        <v>5016</v>
      </c>
      <c r="D5860" s="1" t="s">
        <v>1245</v>
      </c>
      <c r="E5860" s="5" t="s">
        <v>13882</v>
      </c>
      <c r="F5860" s="6">
        <v>2533</v>
      </c>
    </row>
    <row r="5861" spans="1:6" x14ac:dyDescent="0.25">
      <c r="A5861" s="4" t="s">
        <v>1845</v>
      </c>
      <c r="B5861" s="1" t="s">
        <v>3152</v>
      </c>
      <c r="C5861" s="5" t="s">
        <v>5616</v>
      </c>
      <c r="D5861" s="1" t="s">
        <v>1845</v>
      </c>
      <c r="E5861" s="5" t="s">
        <v>14674</v>
      </c>
      <c r="F5861" s="6">
        <v>3374</v>
      </c>
    </row>
    <row r="5862" spans="1:6" x14ac:dyDescent="0.25">
      <c r="A5862" s="4" t="s">
        <v>943</v>
      </c>
      <c r="B5862" s="1" t="s">
        <v>3161</v>
      </c>
      <c r="C5862" s="5" t="s">
        <v>4691</v>
      </c>
      <c r="D5862" s="1" t="s">
        <v>943</v>
      </c>
      <c r="E5862" s="5" t="s">
        <v>13509</v>
      </c>
      <c r="F5862" s="6">
        <v>2147</v>
      </c>
    </row>
    <row r="5863" spans="1:6" x14ac:dyDescent="0.25">
      <c r="A5863" s="4" t="s">
        <v>38</v>
      </c>
      <c r="B5863" s="1" t="s">
        <v>3147</v>
      </c>
      <c r="C5863" s="5" t="s">
        <v>3258</v>
      </c>
      <c r="D5863" s="1" t="s">
        <v>7383</v>
      </c>
      <c r="E5863" s="5" t="s">
        <v>11657</v>
      </c>
      <c r="F5863" s="6">
        <v>67</v>
      </c>
    </row>
    <row r="5864" spans="1:6" x14ac:dyDescent="0.25">
      <c r="A5864" s="4" t="s">
        <v>38</v>
      </c>
      <c r="B5864" s="1" t="s">
        <v>3147</v>
      </c>
      <c r="C5864" s="5" t="s">
        <v>3408</v>
      </c>
      <c r="D5864" s="1" t="s">
        <v>7535</v>
      </c>
      <c r="E5864" s="5" t="s">
        <v>11820</v>
      </c>
      <c r="F5864" s="6">
        <v>251</v>
      </c>
    </row>
    <row r="5865" spans="1:6" x14ac:dyDescent="0.25">
      <c r="A5865" s="4" t="s">
        <v>38</v>
      </c>
      <c r="B5865" s="1" t="s">
        <v>3147</v>
      </c>
      <c r="C5865" s="5" t="s">
        <v>3527</v>
      </c>
      <c r="D5865" s="1" t="s">
        <v>7663</v>
      </c>
      <c r="E5865" s="5" t="s">
        <v>11955</v>
      </c>
      <c r="F5865" s="6">
        <v>388</v>
      </c>
    </row>
    <row r="5866" spans="1:6" x14ac:dyDescent="0.25">
      <c r="A5866" s="4" t="s">
        <v>38</v>
      </c>
      <c r="B5866" s="1" t="s">
        <v>3147</v>
      </c>
      <c r="C5866" s="5" t="s">
        <v>3638</v>
      </c>
      <c r="D5866" s="1" t="s">
        <v>7784</v>
      </c>
      <c r="E5866" s="5" t="s">
        <v>12085</v>
      </c>
      <c r="F5866" s="6">
        <v>533</v>
      </c>
    </row>
    <row r="5867" spans="1:6" x14ac:dyDescent="0.25">
      <c r="A5867" s="4" t="s">
        <v>38</v>
      </c>
      <c r="B5867" s="1" t="s">
        <v>3147</v>
      </c>
      <c r="C5867" s="5" t="s">
        <v>3880</v>
      </c>
      <c r="D5867" s="1" t="s">
        <v>8049</v>
      </c>
      <c r="E5867" s="5" t="s">
        <v>12386</v>
      </c>
      <c r="F5867" s="6">
        <v>896</v>
      </c>
    </row>
    <row r="5868" spans="1:6" x14ac:dyDescent="0.25">
      <c r="A5868" s="4" t="s">
        <v>38</v>
      </c>
      <c r="B5868" s="1" t="s">
        <v>3147</v>
      </c>
      <c r="C5868" s="5" t="s">
        <v>3258</v>
      </c>
      <c r="D5868" s="1" t="s">
        <v>8077</v>
      </c>
      <c r="E5868" s="5" t="s">
        <v>12439</v>
      </c>
      <c r="F5868" s="6">
        <v>955</v>
      </c>
    </row>
    <row r="5869" spans="1:6" x14ac:dyDescent="0.25">
      <c r="A5869" s="4" t="s">
        <v>38</v>
      </c>
      <c r="B5869" s="1" t="s">
        <v>3147</v>
      </c>
      <c r="C5869" s="5" t="s">
        <v>3258</v>
      </c>
      <c r="D5869" s="1" t="s">
        <v>8107</v>
      </c>
      <c r="E5869" s="5" t="s">
        <v>12486</v>
      </c>
      <c r="F5869" s="6">
        <v>1007</v>
      </c>
    </row>
    <row r="5870" spans="1:6" x14ac:dyDescent="0.25">
      <c r="A5870" s="4" t="s">
        <v>38</v>
      </c>
      <c r="B5870" s="1" t="s">
        <v>3147</v>
      </c>
      <c r="C5870" s="5" t="s">
        <v>3954</v>
      </c>
      <c r="D5870" s="1" t="s">
        <v>8108</v>
      </c>
      <c r="E5870" s="5" t="s">
        <v>12487</v>
      </c>
      <c r="F5870" s="6">
        <v>1008</v>
      </c>
    </row>
    <row r="5871" spans="1:6" x14ac:dyDescent="0.25">
      <c r="A5871" s="4" t="s">
        <v>38</v>
      </c>
      <c r="B5871" s="1" t="s">
        <v>3147</v>
      </c>
      <c r="C5871" s="5" t="s">
        <v>3954</v>
      </c>
      <c r="D5871" s="1" t="s">
        <v>8117</v>
      </c>
      <c r="E5871" s="5" t="s">
        <v>12501</v>
      </c>
      <c r="F5871" s="6">
        <v>1026</v>
      </c>
    </row>
    <row r="5872" spans="1:6" x14ac:dyDescent="0.25">
      <c r="A5872" s="4" t="s">
        <v>38</v>
      </c>
      <c r="B5872" s="1" t="s">
        <v>3147</v>
      </c>
      <c r="C5872" s="5" t="s">
        <v>3258</v>
      </c>
      <c r="D5872" s="1" t="s">
        <v>8247</v>
      </c>
      <c r="E5872" s="5" t="s">
        <v>12654</v>
      </c>
      <c r="F5872" s="6">
        <v>1249</v>
      </c>
    </row>
    <row r="5873" spans="1:6" x14ac:dyDescent="0.25">
      <c r="A5873" s="4" t="s">
        <v>38</v>
      </c>
      <c r="B5873" s="1" t="s">
        <v>3147</v>
      </c>
      <c r="C5873" s="5" t="s">
        <v>3408</v>
      </c>
      <c r="D5873" s="1" t="s">
        <v>8386</v>
      </c>
      <c r="E5873" s="5" t="s">
        <v>12817</v>
      </c>
      <c r="F5873" s="6">
        <v>1416</v>
      </c>
    </row>
    <row r="5874" spans="1:6" x14ac:dyDescent="0.25">
      <c r="A5874" s="4" t="s">
        <v>38</v>
      </c>
      <c r="B5874" s="1" t="s">
        <v>3147</v>
      </c>
      <c r="C5874" s="5" t="s">
        <v>3527</v>
      </c>
      <c r="D5874" s="1" t="s">
        <v>8569</v>
      </c>
      <c r="E5874" s="5" t="s">
        <v>13069</v>
      </c>
      <c r="F5874" s="6">
        <v>1701</v>
      </c>
    </row>
    <row r="5875" spans="1:6" x14ac:dyDescent="0.25">
      <c r="A5875" s="4" t="s">
        <v>38</v>
      </c>
      <c r="B5875" s="1" t="s">
        <v>3147</v>
      </c>
      <c r="C5875" s="5" t="s">
        <v>3527</v>
      </c>
      <c r="D5875" s="1" t="s">
        <v>8570</v>
      </c>
      <c r="E5875" s="5" t="s">
        <v>13070</v>
      </c>
      <c r="F5875" s="6">
        <v>1702</v>
      </c>
    </row>
    <row r="5876" spans="1:6" x14ac:dyDescent="0.25">
      <c r="A5876" s="4" t="s">
        <v>38</v>
      </c>
      <c r="B5876" s="1" t="s">
        <v>3147</v>
      </c>
      <c r="C5876" s="5" t="s">
        <v>3638</v>
      </c>
      <c r="D5876" s="1" t="s">
        <v>8571</v>
      </c>
      <c r="E5876" s="5" t="s">
        <v>13071</v>
      </c>
      <c r="F5876" s="6">
        <v>1703</v>
      </c>
    </row>
    <row r="5877" spans="1:6" x14ac:dyDescent="0.25">
      <c r="A5877" s="4" t="s">
        <v>38</v>
      </c>
      <c r="B5877" s="1" t="s">
        <v>3147</v>
      </c>
      <c r="C5877" s="5" t="s">
        <v>4340</v>
      </c>
      <c r="D5877" s="1" t="s">
        <v>8572</v>
      </c>
      <c r="E5877" s="5" t="s">
        <v>13072</v>
      </c>
      <c r="F5877" s="6">
        <v>1704</v>
      </c>
    </row>
    <row r="5878" spans="1:6" x14ac:dyDescent="0.25">
      <c r="A5878" s="4" t="s">
        <v>38</v>
      </c>
      <c r="B5878" s="1" t="s">
        <v>3147</v>
      </c>
      <c r="C5878" s="5" t="s">
        <v>3258</v>
      </c>
      <c r="D5878" s="1" t="s">
        <v>8573</v>
      </c>
      <c r="E5878" s="5" t="s">
        <v>13073</v>
      </c>
      <c r="F5878" s="6">
        <v>1705</v>
      </c>
    </row>
    <row r="5879" spans="1:6" x14ac:dyDescent="0.25">
      <c r="A5879" s="4" t="s">
        <v>38</v>
      </c>
      <c r="B5879" s="1" t="s">
        <v>3147</v>
      </c>
      <c r="C5879" s="5" t="s">
        <v>4341</v>
      </c>
      <c r="D5879" s="1" t="s">
        <v>8574</v>
      </c>
      <c r="E5879" s="5" t="s">
        <v>13074</v>
      </c>
      <c r="F5879" s="6">
        <v>1706</v>
      </c>
    </row>
    <row r="5880" spans="1:6" x14ac:dyDescent="0.25">
      <c r="A5880" s="4" t="s">
        <v>38</v>
      </c>
      <c r="B5880" s="1" t="s">
        <v>3147</v>
      </c>
      <c r="C5880" s="5" t="s">
        <v>3258</v>
      </c>
      <c r="D5880" s="1" t="s">
        <v>8575</v>
      </c>
      <c r="E5880" s="5" t="s">
        <v>13075</v>
      </c>
      <c r="F5880" s="6">
        <v>1707</v>
      </c>
    </row>
    <row r="5881" spans="1:6" x14ac:dyDescent="0.25">
      <c r="A5881" s="4" t="s">
        <v>38</v>
      </c>
      <c r="B5881" s="1" t="s">
        <v>3147</v>
      </c>
      <c r="C5881" s="5" t="s">
        <v>4325</v>
      </c>
      <c r="D5881" s="1" t="s">
        <v>8576</v>
      </c>
      <c r="E5881" s="5" t="s">
        <v>13076</v>
      </c>
      <c r="F5881" s="6">
        <v>1708</v>
      </c>
    </row>
    <row r="5882" spans="1:6" x14ac:dyDescent="0.25">
      <c r="A5882" s="4" t="s">
        <v>38</v>
      </c>
      <c r="B5882" s="1" t="s">
        <v>3147</v>
      </c>
      <c r="C5882" s="5" t="s">
        <v>3258</v>
      </c>
      <c r="D5882" s="1" t="s">
        <v>9395</v>
      </c>
      <c r="E5882" s="5" t="s">
        <v>15139</v>
      </c>
      <c r="F5882" s="6">
        <v>3870</v>
      </c>
    </row>
    <row r="5883" spans="1:6" x14ac:dyDescent="0.25">
      <c r="A5883" s="4" t="s">
        <v>38</v>
      </c>
      <c r="B5883" s="1" t="s">
        <v>3147</v>
      </c>
      <c r="C5883" s="5" t="s">
        <v>5873</v>
      </c>
      <c r="D5883" s="1" t="s">
        <v>9423</v>
      </c>
      <c r="E5883" s="5" t="s">
        <v>15176</v>
      </c>
      <c r="F5883" s="6">
        <v>3908</v>
      </c>
    </row>
    <row r="5884" spans="1:6" x14ac:dyDescent="0.25">
      <c r="A5884" s="4" t="s">
        <v>38</v>
      </c>
      <c r="B5884" s="1" t="s">
        <v>3147</v>
      </c>
      <c r="C5884" s="5" t="s">
        <v>5897</v>
      </c>
      <c r="D5884" s="1" t="s">
        <v>9448</v>
      </c>
      <c r="E5884" s="5" t="s">
        <v>15214</v>
      </c>
      <c r="F5884" s="6">
        <v>3948</v>
      </c>
    </row>
    <row r="5885" spans="1:6" x14ac:dyDescent="0.25">
      <c r="A5885" s="4" t="s">
        <v>38</v>
      </c>
      <c r="B5885" s="1" t="s">
        <v>3147</v>
      </c>
      <c r="C5885" s="5" t="s">
        <v>6070</v>
      </c>
      <c r="D5885" s="1" t="s">
        <v>9637</v>
      </c>
      <c r="E5885" s="5" t="s">
        <v>15497</v>
      </c>
      <c r="F5885" s="6">
        <v>4235</v>
      </c>
    </row>
    <row r="5886" spans="1:6" x14ac:dyDescent="0.25">
      <c r="A5886" s="4" t="s">
        <v>38</v>
      </c>
      <c r="B5886" s="1" t="s">
        <v>3147</v>
      </c>
      <c r="C5886" s="5" t="s">
        <v>3638</v>
      </c>
      <c r="D5886" s="1" t="s">
        <v>9858</v>
      </c>
      <c r="E5886" s="5" t="s">
        <v>15786</v>
      </c>
      <c r="F5886" s="6">
        <v>4693</v>
      </c>
    </row>
    <row r="5887" spans="1:6" x14ac:dyDescent="0.25">
      <c r="A5887" s="4" t="s">
        <v>38</v>
      </c>
      <c r="B5887" s="1" t="s">
        <v>3147</v>
      </c>
      <c r="C5887" s="5" t="s">
        <v>3527</v>
      </c>
      <c r="D5887" s="1" t="s">
        <v>10227</v>
      </c>
      <c r="E5887" s="5" t="s">
        <v>16263</v>
      </c>
      <c r="F5887" s="6">
        <v>5513</v>
      </c>
    </row>
    <row r="5888" spans="1:6" x14ac:dyDescent="0.25">
      <c r="A5888" s="4" t="s">
        <v>38</v>
      </c>
      <c r="B5888" s="1" t="s">
        <v>3147</v>
      </c>
      <c r="C5888" s="5" t="s">
        <v>3258</v>
      </c>
      <c r="D5888" s="1" t="s">
        <v>10303</v>
      </c>
      <c r="E5888" s="5" t="s">
        <v>16388</v>
      </c>
      <c r="F5888" s="6">
        <v>5804</v>
      </c>
    </row>
    <row r="5889" spans="1:6" x14ac:dyDescent="0.25">
      <c r="A5889" s="4" t="s">
        <v>38</v>
      </c>
      <c r="B5889" s="1" t="s">
        <v>3147</v>
      </c>
      <c r="C5889" s="5" t="s">
        <v>3527</v>
      </c>
      <c r="D5889" s="1" t="s">
        <v>10305</v>
      </c>
      <c r="E5889" s="5" t="s">
        <v>16390</v>
      </c>
      <c r="F5889" s="6">
        <v>5808</v>
      </c>
    </row>
    <row r="5890" spans="1:6" x14ac:dyDescent="0.25">
      <c r="A5890" s="4" t="s">
        <v>38</v>
      </c>
      <c r="B5890" s="1" t="s">
        <v>3147</v>
      </c>
      <c r="C5890" s="5" t="s">
        <v>3408</v>
      </c>
      <c r="D5890" s="1" t="s">
        <v>10325</v>
      </c>
      <c r="E5890" s="5" t="s">
        <v>16419</v>
      </c>
      <c r="F5890" s="6">
        <v>5876</v>
      </c>
    </row>
    <row r="5891" spans="1:6" x14ac:dyDescent="0.25">
      <c r="A5891" s="4" t="s">
        <v>38</v>
      </c>
      <c r="B5891" s="1" t="s">
        <v>3147</v>
      </c>
      <c r="C5891" s="5" t="s">
        <v>3638</v>
      </c>
      <c r="D5891" s="1" t="s">
        <v>10331</v>
      </c>
      <c r="E5891" s="5" t="s">
        <v>16435</v>
      </c>
      <c r="F5891" s="6">
        <v>5894</v>
      </c>
    </row>
    <row r="5892" spans="1:6" x14ac:dyDescent="0.25">
      <c r="A5892" s="4" t="s">
        <v>38</v>
      </c>
      <c r="B5892" s="1" t="s">
        <v>3147</v>
      </c>
      <c r="C5892" s="5" t="s">
        <v>3258</v>
      </c>
      <c r="D5892" s="1" t="s">
        <v>10353</v>
      </c>
      <c r="E5892" s="5" t="s">
        <v>16469</v>
      </c>
      <c r="F5892" s="6">
        <v>5994</v>
      </c>
    </row>
    <row r="5893" spans="1:6" x14ac:dyDescent="0.25">
      <c r="A5893" s="4" t="s">
        <v>38</v>
      </c>
      <c r="B5893" s="1" t="s">
        <v>3147</v>
      </c>
      <c r="C5893" s="5" t="s">
        <v>3880</v>
      </c>
      <c r="D5893" s="1" t="s">
        <v>10362</v>
      </c>
      <c r="E5893" s="5" t="s">
        <v>16482</v>
      </c>
      <c r="F5893" s="6">
        <v>6022</v>
      </c>
    </row>
    <row r="5894" spans="1:6" x14ac:dyDescent="0.25">
      <c r="A5894" s="4" t="s">
        <v>2749</v>
      </c>
      <c r="B5894" s="1" t="s">
        <v>3147</v>
      </c>
      <c r="C5894" s="5" t="s">
        <v>3954</v>
      </c>
      <c r="D5894" s="1" t="s">
        <v>10537</v>
      </c>
      <c r="E5894" s="5" t="s">
        <v>16715</v>
      </c>
      <c r="F5894" s="6">
        <v>6673</v>
      </c>
    </row>
    <row r="5895" spans="1:6" x14ac:dyDescent="0.25">
      <c r="A5895" s="4" t="s">
        <v>38</v>
      </c>
      <c r="B5895" s="1" t="s">
        <v>3147</v>
      </c>
      <c r="C5895" s="5" t="s">
        <v>6892</v>
      </c>
      <c r="D5895" s="1" t="s">
        <v>640</v>
      </c>
      <c r="E5895" s="5" t="s">
        <v>17164</v>
      </c>
      <c r="F5895" s="6">
        <v>8101</v>
      </c>
    </row>
    <row r="5896" spans="1:6" x14ac:dyDescent="0.25">
      <c r="A5896" s="4" t="s">
        <v>38</v>
      </c>
      <c r="B5896" s="1" t="s">
        <v>3147</v>
      </c>
      <c r="C5896" s="5" t="s">
        <v>3408</v>
      </c>
      <c r="D5896" s="1" t="s">
        <v>11077</v>
      </c>
      <c r="E5896" s="5" t="s">
        <v>17419</v>
      </c>
      <c r="F5896" s="6">
        <v>9027</v>
      </c>
    </row>
    <row r="5897" spans="1:6" x14ac:dyDescent="0.25">
      <c r="A5897" s="4" t="s">
        <v>38</v>
      </c>
      <c r="B5897" s="1" t="s">
        <v>3147</v>
      </c>
      <c r="C5897" s="5" t="s">
        <v>7061</v>
      </c>
      <c r="D5897" s="1" t="s">
        <v>11162</v>
      </c>
      <c r="E5897" s="5" t="s">
        <v>17528</v>
      </c>
      <c r="F5897" s="6">
        <v>9142</v>
      </c>
    </row>
    <row r="5898" spans="1:6" x14ac:dyDescent="0.25">
      <c r="A5898" s="4" t="s">
        <v>38</v>
      </c>
      <c r="B5898" s="1" t="s">
        <v>3147</v>
      </c>
      <c r="C5898" s="5" t="s">
        <v>7110</v>
      </c>
      <c r="D5898" s="1" t="s">
        <v>11208</v>
      </c>
      <c r="E5898" s="5" t="s">
        <v>17598</v>
      </c>
      <c r="F5898" s="6">
        <v>9213</v>
      </c>
    </row>
    <row r="5899" spans="1:6" x14ac:dyDescent="0.25">
      <c r="A5899" s="4" t="s">
        <v>38</v>
      </c>
      <c r="B5899" s="1" t="s">
        <v>3147</v>
      </c>
      <c r="C5899" s="5" t="s">
        <v>7111</v>
      </c>
      <c r="D5899" s="1" t="s">
        <v>11209</v>
      </c>
      <c r="E5899" s="5" t="s">
        <v>17599</v>
      </c>
      <c r="F5899" s="6">
        <v>9214</v>
      </c>
    </row>
    <row r="5900" spans="1:6" x14ac:dyDescent="0.25">
      <c r="A5900" s="4" t="s">
        <v>38</v>
      </c>
      <c r="B5900" s="1" t="s">
        <v>3147</v>
      </c>
      <c r="C5900" s="5" t="s">
        <v>4325</v>
      </c>
      <c r="D5900" s="1" t="s">
        <v>11210</v>
      </c>
      <c r="E5900" s="5" t="s">
        <v>17600</v>
      </c>
      <c r="F5900" s="6">
        <v>9215</v>
      </c>
    </row>
    <row r="5901" spans="1:6" x14ac:dyDescent="0.25">
      <c r="A5901" s="4" t="s">
        <v>38</v>
      </c>
      <c r="B5901" s="1" t="s">
        <v>3147</v>
      </c>
      <c r="C5901" s="5" t="s">
        <v>4340</v>
      </c>
      <c r="D5901" s="1" t="s">
        <v>11266</v>
      </c>
      <c r="E5901" s="5" t="s">
        <v>17671</v>
      </c>
      <c r="F5901" s="6">
        <v>9289</v>
      </c>
    </row>
    <row r="5902" spans="1:6" x14ac:dyDescent="0.25">
      <c r="A5902" s="4" t="s">
        <v>38</v>
      </c>
      <c r="B5902" s="1" t="s">
        <v>3147</v>
      </c>
      <c r="C5902" s="5" t="s">
        <v>4340</v>
      </c>
      <c r="D5902" s="1" t="s">
        <v>11274</v>
      </c>
      <c r="E5902" s="5" t="s">
        <v>17682</v>
      </c>
      <c r="F5902" s="6">
        <v>9300</v>
      </c>
    </row>
    <row r="5903" spans="1:6" x14ac:dyDescent="0.25">
      <c r="A5903" s="4" t="s">
        <v>38</v>
      </c>
      <c r="B5903" s="1" t="s">
        <v>3147</v>
      </c>
      <c r="C5903" s="5" t="s">
        <v>3638</v>
      </c>
      <c r="D5903" s="1" t="s">
        <v>11316</v>
      </c>
      <c r="E5903" s="5" t="s">
        <v>17738</v>
      </c>
      <c r="F5903" s="6">
        <v>9360</v>
      </c>
    </row>
    <row r="5904" spans="1:6" x14ac:dyDescent="0.25">
      <c r="A5904" s="4" t="s">
        <v>38</v>
      </c>
      <c r="B5904" s="1" t="s">
        <v>3147</v>
      </c>
      <c r="C5904" s="5" t="s">
        <v>3258</v>
      </c>
      <c r="D5904" s="1" t="s">
        <v>11317</v>
      </c>
      <c r="E5904" s="5" t="s">
        <v>17739</v>
      </c>
      <c r="F5904" s="6">
        <v>9361</v>
      </c>
    </row>
    <row r="5905" spans="1:6" x14ac:dyDescent="0.25">
      <c r="A5905" s="4" t="s">
        <v>1383</v>
      </c>
      <c r="B5905" s="1" t="s">
        <v>3156</v>
      </c>
      <c r="C5905" s="5" t="s">
        <v>5187</v>
      </c>
      <c r="D5905" s="1" t="s">
        <v>1383</v>
      </c>
      <c r="E5905" s="5" t="s">
        <v>14096</v>
      </c>
      <c r="F5905" s="6">
        <v>2753</v>
      </c>
    </row>
    <row r="5906" spans="1:6" x14ac:dyDescent="0.25">
      <c r="A5906" s="4" t="s">
        <v>2403</v>
      </c>
      <c r="B5906" s="1" t="s">
        <v>3149</v>
      </c>
      <c r="C5906" s="5" t="s">
        <v>6230</v>
      </c>
      <c r="D5906" s="1" t="s">
        <v>2403</v>
      </c>
      <c r="E5906" s="5" t="s">
        <v>15780</v>
      </c>
      <c r="F5906" s="6">
        <v>4687</v>
      </c>
    </row>
    <row r="5907" spans="1:6" x14ac:dyDescent="0.25">
      <c r="A5907" s="4" t="s">
        <v>229</v>
      </c>
      <c r="B5907" s="1" t="s">
        <v>3147</v>
      </c>
      <c r="C5907" s="5">
        <v>363001</v>
      </c>
      <c r="D5907" s="1" t="s">
        <v>229</v>
      </c>
      <c r="E5907" s="5" t="s">
        <v>12072</v>
      </c>
      <c r="F5907" s="6">
        <v>519</v>
      </c>
    </row>
    <row r="5908" spans="1:6" x14ac:dyDescent="0.25">
      <c r="A5908" s="4" t="s">
        <v>229</v>
      </c>
      <c r="B5908" s="1" t="s">
        <v>3147</v>
      </c>
      <c r="C5908" s="5" t="s">
        <v>6729</v>
      </c>
      <c r="D5908" s="1" t="s">
        <v>10577</v>
      </c>
      <c r="E5908" s="5" t="s">
        <v>16770</v>
      </c>
      <c r="F5908" s="6">
        <v>6893</v>
      </c>
    </row>
    <row r="5909" spans="1:6" x14ac:dyDescent="0.25">
      <c r="A5909" s="4" t="s">
        <v>1239</v>
      </c>
      <c r="B5909" s="1" t="s">
        <v>3148</v>
      </c>
      <c r="C5909" s="5" t="s">
        <v>5011</v>
      </c>
      <c r="D5909" s="1" t="s">
        <v>1239</v>
      </c>
      <c r="E5909" s="5" t="s">
        <v>13875</v>
      </c>
      <c r="F5909" s="6">
        <v>2526</v>
      </c>
    </row>
    <row r="5910" spans="1:6" x14ac:dyDescent="0.25">
      <c r="A5910" s="4" t="s">
        <v>618</v>
      </c>
      <c r="B5910" s="1" t="s">
        <v>3151</v>
      </c>
      <c r="C5910" s="5" t="s">
        <v>4296</v>
      </c>
      <c r="D5910" s="1" t="s">
        <v>618</v>
      </c>
      <c r="E5910" s="5" t="s">
        <v>13010</v>
      </c>
      <c r="F5910" s="6">
        <v>1637</v>
      </c>
    </row>
    <row r="5911" spans="1:6" x14ac:dyDescent="0.25">
      <c r="A5911" s="4" t="s">
        <v>618</v>
      </c>
      <c r="B5911" s="1" t="s">
        <v>3151</v>
      </c>
      <c r="C5911" s="5" t="s">
        <v>4296</v>
      </c>
      <c r="D5911" s="1" t="s">
        <v>10373</v>
      </c>
      <c r="E5911" s="5" t="s">
        <v>16495</v>
      </c>
      <c r="F5911" s="6">
        <v>6048</v>
      </c>
    </row>
    <row r="5912" spans="1:6" x14ac:dyDescent="0.25">
      <c r="A5912" s="4" t="s">
        <v>442</v>
      </c>
      <c r="B5912" s="1" t="s">
        <v>3153</v>
      </c>
      <c r="C5912" s="5" t="s">
        <v>3989</v>
      </c>
      <c r="D5912" s="1" t="s">
        <v>442</v>
      </c>
      <c r="E5912" s="5" t="s">
        <v>12531</v>
      </c>
      <c r="F5912" s="6">
        <v>1056</v>
      </c>
    </row>
    <row r="5913" spans="1:6" x14ac:dyDescent="0.25">
      <c r="A5913" s="4" t="s">
        <v>2509</v>
      </c>
      <c r="B5913" s="1" t="s">
        <v>3162</v>
      </c>
      <c r="C5913" s="5" t="s">
        <v>6392</v>
      </c>
      <c r="D5913" s="1" t="s">
        <v>2509</v>
      </c>
      <c r="E5913" s="5" t="s">
        <v>16127</v>
      </c>
      <c r="F5913" s="6">
        <v>5207</v>
      </c>
    </row>
    <row r="5914" spans="1:6" x14ac:dyDescent="0.25">
      <c r="A5914" s="4" t="s">
        <v>2665</v>
      </c>
      <c r="B5914" s="1" t="s">
        <v>3156</v>
      </c>
      <c r="C5914" s="5">
        <v>307023</v>
      </c>
      <c r="D5914" s="1" t="s">
        <v>2665</v>
      </c>
      <c r="E5914" s="5" t="s">
        <v>16477</v>
      </c>
      <c r="F5914" s="6">
        <v>6010</v>
      </c>
    </row>
    <row r="5915" spans="1:6" x14ac:dyDescent="0.25">
      <c r="A5915" s="4" t="s">
        <v>2187</v>
      </c>
      <c r="B5915" s="1" t="s">
        <v>3155</v>
      </c>
      <c r="C5915" s="5" t="s">
        <v>5901</v>
      </c>
      <c r="D5915" s="1" t="s">
        <v>2187</v>
      </c>
      <c r="E5915" s="5" t="s">
        <v>15221</v>
      </c>
      <c r="F5915" s="6">
        <v>3955</v>
      </c>
    </row>
    <row r="5916" spans="1:6" x14ac:dyDescent="0.25">
      <c r="A5916" s="4" t="s">
        <v>3129</v>
      </c>
      <c r="B5916" s="1" t="s">
        <v>3155</v>
      </c>
      <c r="C5916" s="5" t="s">
        <v>7306</v>
      </c>
      <c r="D5916" s="1" t="s">
        <v>3129</v>
      </c>
      <c r="E5916" s="5" t="s">
        <v>18028</v>
      </c>
      <c r="F5916" s="6">
        <v>9660</v>
      </c>
    </row>
    <row r="5917" spans="1:6" x14ac:dyDescent="0.25">
      <c r="A5917" s="4" t="s">
        <v>1166</v>
      </c>
      <c r="B5917" s="1" t="s">
        <v>3155</v>
      </c>
      <c r="C5917" s="5" t="s">
        <v>4907</v>
      </c>
      <c r="D5917" s="1" t="s">
        <v>1166</v>
      </c>
      <c r="E5917" s="5" t="s">
        <v>13745</v>
      </c>
      <c r="F5917" s="6">
        <v>2393</v>
      </c>
    </row>
    <row r="5918" spans="1:6" x14ac:dyDescent="0.25">
      <c r="A5918" s="4" t="s">
        <v>1166</v>
      </c>
      <c r="B5918" s="1" t="s">
        <v>3155</v>
      </c>
      <c r="C5918" s="5" t="s">
        <v>6872</v>
      </c>
      <c r="D5918" s="1" t="s">
        <v>10804</v>
      </c>
      <c r="E5918" s="5" t="s">
        <v>17069</v>
      </c>
      <c r="F5918" s="6">
        <v>7762</v>
      </c>
    </row>
    <row r="5919" spans="1:6" x14ac:dyDescent="0.25">
      <c r="A5919" s="4" t="s">
        <v>608</v>
      </c>
      <c r="B5919" s="1" t="s">
        <v>3155</v>
      </c>
      <c r="C5919" s="5" t="s">
        <v>4282</v>
      </c>
      <c r="D5919" s="1" t="s">
        <v>608</v>
      </c>
      <c r="E5919" s="5" t="s">
        <v>12995</v>
      </c>
      <c r="F5919" s="6">
        <v>1622</v>
      </c>
    </row>
    <row r="5920" spans="1:6" x14ac:dyDescent="0.25">
      <c r="A5920" s="4" t="s">
        <v>3066</v>
      </c>
      <c r="B5920" s="1" t="s">
        <v>3166</v>
      </c>
      <c r="C5920" s="5" t="s">
        <v>7193</v>
      </c>
      <c r="D5920" s="1" t="s">
        <v>3066</v>
      </c>
      <c r="E5920" s="5" t="s">
        <v>17777</v>
      </c>
      <c r="F5920" s="6">
        <v>9399</v>
      </c>
    </row>
    <row r="5921" spans="1:6" x14ac:dyDescent="0.25">
      <c r="A5921" s="4" t="s">
        <v>1656</v>
      </c>
      <c r="B5921" s="1" t="s">
        <v>3152</v>
      </c>
      <c r="C5921" s="5" t="s">
        <v>5275</v>
      </c>
      <c r="D5921" s="1" t="s">
        <v>1656</v>
      </c>
      <c r="E5921" s="5" t="s">
        <v>14446</v>
      </c>
      <c r="F5921" s="6">
        <v>3131</v>
      </c>
    </row>
    <row r="5922" spans="1:6" x14ac:dyDescent="0.25">
      <c r="A5922" s="4" t="s">
        <v>1933</v>
      </c>
      <c r="B5922" s="1" t="s">
        <v>3144</v>
      </c>
      <c r="C5922" s="5" t="s">
        <v>5669</v>
      </c>
      <c r="D5922" s="1" t="s">
        <v>1933</v>
      </c>
      <c r="E5922" s="5" t="s">
        <v>14767</v>
      </c>
      <c r="F5922" s="6">
        <v>3478</v>
      </c>
    </row>
    <row r="5923" spans="1:6" x14ac:dyDescent="0.25">
      <c r="A5923" s="4" t="s">
        <v>1937</v>
      </c>
      <c r="B5923" s="1" t="s">
        <v>3144</v>
      </c>
      <c r="C5923" s="5" t="s">
        <v>5673</v>
      </c>
      <c r="D5923" s="1" t="s">
        <v>1937</v>
      </c>
      <c r="E5923" s="5" t="s">
        <v>14771</v>
      </c>
      <c r="F5923" s="6">
        <v>3482</v>
      </c>
    </row>
    <row r="5924" spans="1:6" x14ac:dyDescent="0.25">
      <c r="A5924" s="4" t="s">
        <v>1953</v>
      </c>
      <c r="B5924" s="1" t="s">
        <v>3152</v>
      </c>
      <c r="C5924" s="5" t="s">
        <v>4151</v>
      </c>
      <c r="D5924" s="1" t="s">
        <v>9224</v>
      </c>
      <c r="E5924" s="5" t="s">
        <v>14788</v>
      </c>
      <c r="F5924" s="6">
        <v>3499</v>
      </c>
    </row>
    <row r="5925" spans="1:6" x14ac:dyDescent="0.25">
      <c r="A5925" s="4" t="s">
        <v>642</v>
      </c>
      <c r="B5925" s="1" t="s">
        <v>3147</v>
      </c>
      <c r="C5925" s="5" t="s">
        <v>4328</v>
      </c>
      <c r="D5925" s="1" t="s">
        <v>642</v>
      </c>
      <c r="E5925" s="5" t="s">
        <v>13056</v>
      </c>
      <c r="F5925" s="6">
        <v>1688</v>
      </c>
    </row>
    <row r="5926" spans="1:6" x14ac:dyDescent="0.25">
      <c r="A5926" s="4" t="s">
        <v>1267</v>
      </c>
      <c r="B5926" s="1" t="s">
        <v>3147</v>
      </c>
      <c r="C5926" s="5" t="s">
        <v>5046</v>
      </c>
      <c r="D5926" s="1" t="s">
        <v>8945</v>
      </c>
      <c r="E5926" s="5" t="s">
        <v>13922</v>
      </c>
      <c r="F5926" s="6">
        <v>2574</v>
      </c>
    </row>
    <row r="5927" spans="1:6" x14ac:dyDescent="0.25">
      <c r="A5927" s="4" t="s">
        <v>714</v>
      </c>
      <c r="B5927" s="1" t="s">
        <v>3160</v>
      </c>
      <c r="C5927" s="5" t="s">
        <v>4425</v>
      </c>
      <c r="D5927" s="1" t="s">
        <v>714</v>
      </c>
      <c r="E5927" s="5" t="s">
        <v>13183</v>
      </c>
      <c r="F5927" s="6">
        <v>1816</v>
      </c>
    </row>
    <row r="5928" spans="1:6" x14ac:dyDescent="0.25">
      <c r="A5928" s="4" t="s">
        <v>1769</v>
      </c>
      <c r="B5928" s="1" t="s">
        <v>3152</v>
      </c>
      <c r="C5928" s="5" t="s">
        <v>5553</v>
      </c>
      <c r="D5928" s="1" t="s">
        <v>1769</v>
      </c>
      <c r="E5928" s="5" t="s">
        <v>14586</v>
      </c>
      <c r="F5928" s="6">
        <v>3278</v>
      </c>
    </row>
    <row r="5929" spans="1:6" x14ac:dyDescent="0.25">
      <c r="A5929" s="4" t="s">
        <v>598</v>
      </c>
      <c r="B5929" s="1" t="s">
        <v>3150</v>
      </c>
      <c r="C5929" s="5">
        <v>680569</v>
      </c>
      <c r="D5929" s="1" t="s">
        <v>598</v>
      </c>
      <c r="E5929" s="5" t="s">
        <v>12942</v>
      </c>
      <c r="F5929" s="6">
        <v>1550</v>
      </c>
    </row>
    <row r="5930" spans="1:6" x14ac:dyDescent="0.25">
      <c r="A5930" s="4" t="s">
        <v>1730</v>
      </c>
      <c r="B5930" s="1" t="s">
        <v>3150</v>
      </c>
      <c r="C5930" s="5" t="s">
        <v>5514</v>
      </c>
      <c r="D5930" s="1" t="s">
        <v>1730</v>
      </c>
      <c r="E5930" s="5" t="s">
        <v>14533</v>
      </c>
      <c r="F5930" s="6">
        <v>3221</v>
      </c>
    </row>
    <row r="5931" spans="1:6" x14ac:dyDescent="0.25">
      <c r="A5931" s="4" t="s">
        <v>1561</v>
      </c>
      <c r="B5931" s="1" t="s">
        <v>3147</v>
      </c>
      <c r="C5931" s="5" t="s">
        <v>5381</v>
      </c>
      <c r="D5931" s="1" t="s">
        <v>1561</v>
      </c>
      <c r="E5931" s="5" t="s">
        <v>14344</v>
      </c>
      <c r="F5931" s="6">
        <v>3007</v>
      </c>
    </row>
    <row r="5932" spans="1:6" x14ac:dyDescent="0.25">
      <c r="A5932" s="4" t="s">
        <v>2552</v>
      </c>
      <c r="B5932" s="1" t="s">
        <v>3171</v>
      </c>
      <c r="C5932" s="5">
        <v>425413</v>
      </c>
      <c r="D5932" s="1" t="s">
        <v>2552</v>
      </c>
      <c r="E5932" s="5" t="s">
        <v>16262</v>
      </c>
      <c r="F5932" s="6">
        <v>5509</v>
      </c>
    </row>
    <row r="5933" spans="1:6" x14ac:dyDescent="0.25">
      <c r="A5933" s="4" t="s">
        <v>2360</v>
      </c>
      <c r="B5933" s="1" t="s">
        <v>3144</v>
      </c>
      <c r="C5933" s="5" t="s">
        <v>6155</v>
      </c>
      <c r="D5933" s="1" t="s">
        <v>9733</v>
      </c>
      <c r="E5933" s="5" t="s">
        <v>15634</v>
      </c>
      <c r="F5933" s="6">
        <v>4376</v>
      </c>
    </row>
    <row r="5934" spans="1:6" x14ac:dyDescent="0.25">
      <c r="A5934" s="4" t="s">
        <v>1150</v>
      </c>
      <c r="B5934" s="1" t="s">
        <v>3152</v>
      </c>
      <c r="C5934" s="5" t="s">
        <v>4825</v>
      </c>
      <c r="D5934" s="1" t="s">
        <v>1150</v>
      </c>
      <c r="E5934" s="5" t="s">
        <v>13724</v>
      </c>
      <c r="F5934" s="6">
        <v>2372</v>
      </c>
    </row>
    <row r="5935" spans="1:6" x14ac:dyDescent="0.25">
      <c r="A5935" s="4" t="s">
        <v>523</v>
      </c>
      <c r="B5935" s="1" t="s">
        <v>3152</v>
      </c>
      <c r="C5935" s="5" t="s">
        <v>4159</v>
      </c>
      <c r="D5935" s="1" t="s">
        <v>523</v>
      </c>
      <c r="E5935" s="5" t="s">
        <v>12825</v>
      </c>
      <c r="F5935" s="6">
        <v>1424</v>
      </c>
    </row>
    <row r="5936" spans="1:6" x14ac:dyDescent="0.25">
      <c r="A5936" s="4" t="s">
        <v>1459</v>
      </c>
      <c r="B5936" s="1" t="s">
        <v>3152</v>
      </c>
      <c r="C5936" s="5" t="s">
        <v>5273</v>
      </c>
      <c r="D5936" s="1" t="s">
        <v>9102</v>
      </c>
      <c r="E5936" s="5" t="s">
        <v>14229</v>
      </c>
      <c r="F5936" s="6">
        <v>2889</v>
      </c>
    </row>
    <row r="5937" spans="1:6" x14ac:dyDescent="0.25">
      <c r="A5937" s="4" t="s">
        <v>491</v>
      </c>
      <c r="B5937" s="1" t="s">
        <v>3152</v>
      </c>
      <c r="C5937" s="5" t="s">
        <v>4115</v>
      </c>
      <c r="D5937" s="1" t="s">
        <v>491</v>
      </c>
      <c r="E5937" s="5" t="s">
        <v>12725</v>
      </c>
      <c r="F5937" s="6">
        <v>1322</v>
      </c>
    </row>
    <row r="5938" spans="1:6" x14ac:dyDescent="0.25">
      <c r="A5938" s="4" t="s">
        <v>997</v>
      </c>
      <c r="B5938" s="1" t="s">
        <v>3152</v>
      </c>
      <c r="C5938" s="5" t="s">
        <v>4743</v>
      </c>
      <c r="D5938" s="1" t="s">
        <v>997</v>
      </c>
      <c r="E5938" s="5" t="s">
        <v>13564</v>
      </c>
      <c r="F5938" s="6">
        <v>2204</v>
      </c>
    </row>
    <row r="5939" spans="1:6" x14ac:dyDescent="0.25">
      <c r="A5939" s="4" t="s">
        <v>790</v>
      </c>
      <c r="B5939" s="1" t="s">
        <v>3148</v>
      </c>
      <c r="C5939" s="5" t="s">
        <v>4519</v>
      </c>
      <c r="D5939" s="1" t="s">
        <v>790</v>
      </c>
      <c r="E5939" s="5" t="s">
        <v>13297</v>
      </c>
      <c r="F5939" s="6">
        <v>1930</v>
      </c>
    </row>
    <row r="5940" spans="1:6" x14ac:dyDescent="0.25">
      <c r="A5940" s="4" t="s">
        <v>2678</v>
      </c>
      <c r="B5940" s="1" t="s">
        <v>3162</v>
      </c>
      <c r="C5940" s="5" t="s">
        <v>6598</v>
      </c>
      <c r="D5940" s="1" t="s">
        <v>2678</v>
      </c>
      <c r="E5940" s="5" t="s">
        <v>16510</v>
      </c>
      <c r="F5940" s="6">
        <v>6106</v>
      </c>
    </row>
    <row r="5941" spans="1:6" x14ac:dyDescent="0.25">
      <c r="A5941" s="4" t="s">
        <v>1332</v>
      </c>
      <c r="B5941" s="1" t="s">
        <v>3158</v>
      </c>
      <c r="C5941" s="5" t="s">
        <v>5119</v>
      </c>
      <c r="D5941" s="1" t="s">
        <v>8983</v>
      </c>
      <c r="E5941" s="5" t="s">
        <v>14009</v>
      </c>
      <c r="F5941" s="6">
        <v>2663</v>
      </c>
    </row>
    <row r="5942" spans="1:6" x14ac:dyDescent="0.25">
      <c r="A5942" s="4" t="s">
        <v>1332</v>
      </c>
      <c r="B5942" s="1" t="s">
        <v>3152</v>
      </c>
      <c r="C5942" s="5" t="s">
        <v>6784</v>
      </c>
      <c r="D5942" s="1" t="s">
        <v>10661</v>
      </c>
      <c r="E5942" s="5" t="s">
        <v>16878</v>
      </c>
      <c r="F5942" s="6">
        <v>7145</v>
      </c>
    </row>
    <row r="5943" spans="1:6" x14ac:dyDescent="0.25">
      <c r="A5943" s="4" t="s">
        <v>2910</v>
      </c>
      <c r="B5943" s="1" t="s">
        <v>3152</v>
      </c>
      <c r="C5943" s="5">
        <v>144203</v>
      </c>
      <c r="D5943" s="1" t="s">
        <v>10937</v>
      </c>
      <c r="E5943" s="5" t="s">
        <v>17234</v>
      </c>
      <c r="F5943" s="6">
        <v>8270</v>
      </c>
    </row>
    <row r="5944" spans="1:6" x14ac:dyDescent="0.25">
      <c r="A5944" s="4" t="s">
        <v>619</v>
      </c>
      <c r="B5944" s="1" t="s">
        <v>3151</v>
      </c>
      <c r="C5944" s="5" t="s">
        <v>4297</v>
      </c>
      <c r="D5944" s="1" t="s">
        <v>619</v>
      </c>
      <c r="E5944" s="5" t="s">
        <v>13011</v>
      </c>
      <c r="F5944" s="6">
        <v>1638</v>
      </c>
    </row>
    <row r="5945" spans="1:6" x14ac:dyDescent="0.25">
      <c r="A5945" s="4" t="s">
        <v>2425</v>
      </c>
      <c r="B5945" s="1" t="s">
        <v>3160</v>
      </c>
      <c r="C5945" s="5" t="s">
        <v>6278</v>
      </c>
      <c r="D5945" s="1" t="s">
        <v>9924</v>
      </c>
      <c r="E5945" s="5" t="s">
        <v>15867</v>
      </c>
      <c r="F5945" s="6">
        <v>4781</v>
      </c>
    </row>
    <row r="5946" spans="1:6" x14ac:dyDescent="0.25">
      <c r="A5946" s="4" t="s">
        <v>2425</v>
      </c>
      <c r="B5946" s="1" t="s">
        <v>3160</v>
      </c>
      <c r="C5946" s="5" t="s">
        <v>6412</v>
      </c>
      <c r="D5946" s="1" t="s">
        <v>10147</v>
      </c>
      <c r="E5946" s="5" t="s">
        <v>16157</v>
      </c>
      <c r="F5946" s="6">
        <v>5268</v>
      </c>
    </row>
    <row r="5947" spans="1:6" x14ac:dyDescent="0.25">
      <c r="A5947" s="4" t="s">
        <v>2490</v>
      </c>
      <c r="B5947" s="1" t="s">
        <v>3164</v>
      </c>
      <c r="C5947" s="5" t="s">
        <v>6363</v>
      </c>
      <c r="D5947" s="1" t="s">
        <v>2490</v>
      </c>
      <c r="E5947" s="5" t="s">
        <v>16043</v>
      </c>
      <c r="F5947" s="6">
        <v>5042</v>
      </c>
    </row>
    <row r="5948" spans="1:6" x14ac:dyDescent="0.25">
      <c r="A5948" s="4" t="s">
        <v>1762</v>
      </c>
      <c r="B5948" s="1" t="s">
        <v>3152</v>
      </c>
      <c r="C5948" s="5" t="s">
        <v>5548</v>
      </c>
      <c r="D5948" s="1" t="s">
        <v>1762</v>
      </c>
      <c r="E5948" s="5" t="s">
        <v>14579</v>
      </c>
      <c r="F5948" s="6">
        <v>3271</v>
      </c>
    </row>
    <row r="5949" spans="1:6" x14ac:dyDescent="0.25">
      <c r="A5949" s="4" t="s">
        <v>2906</v>
      </c>
      <c r="B5949" s="1" t="s">
        <v>3155</v>
      </c>
      <c r="C5949" s="5" t="s">
        <v>6920</v>
      </c>
      <c r="D5949" s="1" t="s">
        <v>2906</v>
      </c>
      <c r="E5949" s="5" t="s">
        <v>17218</v>
      </c>
      <c r="F5949" s="6">
        <v>8209</v>
      </c>
    </row>
    <row r="5950" spans="1:6" x14ac:dyDescent="0.25">
      <c r="A5950" s="4" t="s">
        <v>1589</v>
      </c>
      <c r="B5950" s="1" t="s">
        <v>3147</v>
      </c>
      <c r="C5950" s="5" t="s">
        <v>5409</v>
      </c>
      <c r="D5950" s="1" t="s">
        <v>1589</v>
      </c>
      <c r="E5950" s="5" t="s">
        <v>14374</v>
      </c>
      <c r="F5950" s="6">
        <v>3039</v>
      </c>
    </row>
    <row r="5951" spans="1:6" x14ac:dyDescent="0.25">
      <c r="A5951" s="4" t="s">
        <v>2121</v>
      </c>
      <c r="B5951" s="1" t="s">
        <v>3160</v>
      </c>
      <c r="C5951" s="5" t="s">
        <v>5825</v>
      </c>
      <c r="D5951" s="1" t="s">
        <v>2121</v>
      </c>
      <c r="E5951" s="5" t="s">
        <v>15066</v>
      </c>
      <c r="F5951" s="6">
        <v>3794</v>
      </c>
    </row>
    <row r="5952" spans="1:6" x14ac:dyDescent="0.25">
      <c r="A5952" s="4" t="s">
        <v>286</v>
      </c>
      <c r="B5952" s="1" t="s">
        <v>3155</v>
      </c>
      <c r="C5952" s="5">
        <v>534211</v>
      </c>
      <c r="D5952" s="1" t="s">
        <v>7937</v>
      </c>
      <c r="E5952" s="5" t="s">
        <v>12250</v>
      </c>
      <c r="F5952" s="6">
        <v>741</v>
      </c>
    </row>
    <row r="5953" spans="1:6" x14ac:dyDescent="0.25">
      <c r="A5953" s="4" t="s">
        <v>2271</v>
      </c>
      <c r="B5953" s="1" t="s">
        <v>3154</v>
      </c>
      <c r="C5953" s="5" t="s">
        <v>6011</v>
      </c>
      <c r="D5953" s="1" t="s">
        <v>2271</v>
      </c>
      <c r="E5953" s="5" t="s">
        <v>15408</v>
      </c>
      <c r="F5953" s="6">
        <v>4145</v>
      </c>
    </row>
    <row r="5954" spans="1:6" x14ac:dyDescent="0.25">
      <c r="A5954" s="4" t="s">
        <v>1114</v>
      </c>
      <c r="B5954" s="1" t="s">
        <v>3152</v>
      </c>
      <c r="C5954" s="5" t="s">
        <v>4856</v>
      </c>
      <c r="D5954" s="1" t="s">
        <v>1114</v>
      </c>
      <c r="E5954" s="5" t="s">
        <v>13686</v>
      </c>
      <c r="F5954" s="6">
        <v>2332</v>
      </c>
    </row>
    <row r="5955" spans="1:6" x14ac:dyDescent="0.25">
      <c r="A5955" s="4" t="s">
        <v>1281</v>
      </c>
      <c r="B5955" s="1" t="s">
        <v>3156</v>
      </c>
      <c r="C5955" s="5" t="s">
        <v>5065</v>
      </c>
      <c r="D5955" s="1" t="s">
        <v>8960</v>
      </c>
      <c r="E5955" s="5" t="s">
        <v>13946</v>
      </c>
      <c r="F5955" s="6">
        <v>2598</v>
      </c>
    </row>
    <row r="5956" spans="1:6" x14ac:dyDescent="0.25">
      <c r="A5956" s="4" t="s">
        <v>1751</v>
      </c>
      <c r="B5956" s="1" t="s">
        <v>3152</v>
      </c>
      <c r="C5956" s="5" t="s">
        <v>5436</v>
      </c>
      <c r="D5956" s="1" t="s">
        <v>1751</v>
      </c>
      <c r="E5956" s="5" t="s">
        <v>14566</v>
      </c>
      <c r="F5956" s="6">
        <v>3257</v>
      </c>
    </row>
    <row r="5957" spans="1:6" x14ac:dyDescent="0.25">
      <c r="A5957" s="4" t="s">
        <v>998</v>
      </c>
      <c r="B5957" s="1" t="s">
        <v>3148</v>
      </c>
      <c r="C5957" s="5" t="s">
        <v>4744</v>
      </c>
      <c r="D5957" s="1" t="s">
        <v>8801</v>
      </c>
      <c r="E5957" s="5" t="s">
        <v>13565</v>
      </c>
      <c r="F5957" s="6">
        <v>2205</v>
      </c>
    </row>
    <row r="5958" spans="1:6" x14ac:dyDescent="0.25">
      <c r="A5958" s="4" t="s">
        <v>515</v>
      </c>
      <c r="B5958" s="1" t="s">
        <v>3154</v>
      </c>
      <c r="C5958" s="5" t="s">
        <v>4149</v>
      </c>
      <c r="D5958" s="1" t="s">
        <v>515</v>
      </c>
      <c r="E5958" s="5" t="s">
        <v>12807</v>
      </c>
      <c r="F5958" s="6">
        <v>1406</v>
      </c>
    </row>
    <row r="5959" spans="1:6" x14ac:dyDescent="0.25">
      <c r="A5959" s="4" t="s">
        <v>1752</v>
      </c>
      <c r="B5959" s="1" t="s">
        <v>3147</v>
      </c>
      <c r="C5959" s="5" t="s">
        <v>5541</v>
      </c>
      <c r="D5959" s="1" t="s">
        <v>9187</v>
      </c>
      <c r="E5959" s="5" t="s">
        <v>14568</v>
      </c>
      <c r="F5959" s="6">
        <v>3259</v>
      </c>
    </row>
    <row r="5960" spans="1:6" x14ac:dyDescent="0.25">
      <c r="A5960" s="4" t="s">
        <v>3021</v>
      </c>
      <c r="B5960" s="1" t="s">
        <v>3149</v>
      </c>
      <c r="C5960" s="5" t="s">
        <v>7098</v>
      </c>
      <c r="D5960" s="1" t="s">
        <v>3021</v>
      </c>
      <c r="E5960" s="5" t="s">
        <v>17583</v>
      </c>
      <c r="F5960" s="6">
        <v>9198</v>
      </c>
    </row>
    <row r="5961" spans="1:6" x14ac:dyDescent="0.25">
      <c r="A5961" s="4" t="s">
        <v>525</v>
      </c>
      <c r="B5961" s="1" t="s">
        <v>3152</v>
      </c>
      <c r="C5961" s="5" t="s">
        <v>4162</v>
      </c>
      <c r="D5961" s="1" t="s">
        <v>8395</v>
      </c>
      <c r="E5961" s="5" t="s">
        <v>12829</v>
      </c>
      <c r="F5961" s="6">
        <v>1428</v>
      </c>
    </row>
    <row r="5962" spans="1:6" x14ac:dyDescent="0.25">
      <c r="A5962" s="4" t="s">
        <v>525</v>
      </c>
      <c r="B5962" s="1" t="s">
        <v>3152</v>
      </c>
      <c r="C5962" s="5" t="s">
        <v>4162</v>
      </c>
      <c r="D5962" s="1" t="s">
        <v>8944</v>
      </c>
      <c r="E5962" s="5" t="s">
        <v>13920</v>
      </c>
      <c r="F5962" s="6">
        <v>2572</v>
      </c>
    </row>
    <row r="5963" spans="1:6" x14ac:dyDescent="0.25">
      <c r="A5963" s="4" t="s">
        <v>525</v>
      </c>
      <c r="B5963" s="1" t="s">
        <v>3152</v>
      </c>
      <c r="C5963" s="5" t="s">
        <v>6757</v>
      </c>
      <c r="D5963" s="1" t="s">
        <v>10610</v>
      </c>
      <c r="E5963" s="5" t="s">
        <v>16817</v>
      </c>
      <c r="F5963" s="6">
        <v>7027</v>
      </c>
    </row>
    <row r="5964" spans="1:6" x14ac:dyDescent="0.25">
      <c r="A5964" s="4" t="s">
        <v>1770</v>
      </c>
      <c r="B5964" s="1" t="s">
        <v>3152</v>
      </c>
      <c r="C5964" s="5" t="s">
        <v>5554</v>
      </c>
      <c r="D5964" s="1" t="s">
        <v>1770</v>
      </c>
      <c r="E5964" s="5" t="s">
        <v>14587</v>
      </c>
      <c r="F5964" s="6">
        <v>3279</v>
      </c>
    </row>
    <row r="5965" spans="1:6" x14ac:dyDescent="0.25">
      <c r="A5965" s="4" t="s">
        <v>1935</v>
      </c>
      <c r="B5965" s="1" t="s">
        <v>3144</v>
      </c>
      <c r="C5965" s="5" t="s">
        <v>5671</v>
      </c>
      <c r="D5965" s="1" t="s">
        <v>1935</v>
      </c>
      <c r="E5965" s="5" t="s">
        <v>14769</v>
      </c>
      <c r="F5965" s="6">
        <v>3480</v>
      </c>
    </row>
    <row r="5966" spans="1:6" x14ac:dyDescent="0.25">
      <c r="A5966" s="4" t="s">
        <v>944</v>
      </c>
      <c r="B5966" s="1" t="s">
        <v>3144</v>
      </c>
      <c r="C5966" s="5" t="s">
        <v>4692</v>
      </c>
      <c r="D5966" s="1" t="s">
        <v>944</v>
      </c>
      <c r="E5966" s="5" t="s">
        <v>13510</v>
      </c>
      <c r="F5966" s="6">
        <v>2148</v>
      </c>
    </row>
    <row r="5967" spans="1:6" x14ac:dyDescent="0.25">
      <c r="A5967" s="4" t="s">
        <v>2879</v>
      </c>
      <c r="B5967" s="1" t="s">
        <v>3155</v>
      </c>
      <c r="C5967" s="5" t="s">
        <v>6886</v>
      </c>
      <c r="D5967" s="1" t="s">
        <v>2879</v>
      </c>
      <c r="E5967" s="5" t="s">
        <v>17118</v>
      </c>
      <c r="F5967" s="6">
        <v>7958</v>
      </c>
    </row>
    <row r="5968" spans="1:6" x14ac:dyDescent="0.25">
      <c r="A5968" s="4" t="s">
        <v>2379</v>
      </c>
      <c r="B5968" s="1" t="s">
        <v>3162</v>
      </c>
      <c r="C5968" s="5" t="s">
        <v>6187</v>
      </c>
      <c r="D5968" s="1" t="s">
        <v>2379</v>
      </c>
      <c r="E5968" s="5" t="s">
        <v>15705</v>
      </c>
      <c r="F5968" s="6">
        <v>4472</v>
      </c>
    </row>
    <row r="5969" spans="1:6" x14ac:dyDescent="0.25">
      <c r="A5969" s="4" t="s">
        <v>1636</v>
      </c>
      <c r="B5969" s="1" t="s">
        <v>3158</v>
      </c>
      <c r="C5969" s="5" t="s">
        <v>5444</v>
      </c>
      <c r="D5969" s="1" t="s">
        <v>9146</v>
      </c>
      <c r="E5969" s="5" t="s">
        <v>14425</v>
      </c>
      <c r="F5969" s="6">
        <v>3107</v>
      </c>
    </row>
    <row r="5970" spans="1:6" x14ac:dyDescent="0.25">
      <c r="A5970" s="4" t="s">
        <v>1755</v>
      </c>
      <c r="B5970" s="1" t="s">
        <v>3152</v>
      </c>
      <c r="C5970" s="5" t="s">
        <v>4156</v>
      </c>
      <c r="D5970" s="1" t="s">
        <v>9189</v>
      </c>
      <c r="E5970" s="5" t="s">
        <v>14572</v>
      </c>
      <c r="F5970" s="6">
        <v>3264</v>
      </c>
    </row>
    <row r="5971" spans="1:6" x14ac:dyDescent="0.25">
      <c r="A5971" s="4" t="s">
        <v>1619</v>
      </c>
      <c r="B5971" s="1" t="s">
        <v>3158</v>
      </c>
      <c r="C5971" s="5" t="s">
        <v>5432</v>
      </c>
      <c r="D5971" s="1" t="s">
        <v>9141</v>
      </c>
      <c r="E5971" s="5" t="s">
        <v>14406</v>
      </c>
      <c r="F5971" s="6">
        <v>3083</v>
      </c>
    </row>
    <row r="5972" spans="1:6" x14ac:dyDescent="0.25">
      <c r="A5972" s="4" t="s">
        <v>1619</v>
      </c>
      <c r="B5972" s="1" t="s">
        <v>3158</v>
      </c>
      <c r="C5972" s="5" t="s">
        <v>3434</v>
      </c>
      <c r="D5972" s="1" t="s">
        <v>9145</v>
      </c>
      <c r="E5972" s="5" t="s">
        <v>14423</v>
      </c>
      <c r="F5972" s="6">
        <v>3104</v>
      </c>
    </row>
    <row r="5973" spans="1:6" x14ac:dyDescent="0.25">
      <c r="A5973" s="4" t="s">
        <v>2593</v>
      </c>
      <c r="B5973" s="1" t="s">
        <v>3144</v>
      </c>
      <c r="C5973" s="5" t="s">
        <v>6505</v>
      </c>
      <c r="D5973" s="1" t="s">
        <v>2593</v>
      </c>
      <c r="E5973" s="5" t="s">
        <v>16324</v>
      </c>
      <c r="F5973" s="6">
        <v>5645</v>
      </c>
    </row>
    <row r="5974" spans="1:6" x14ac:dyDescent="0.25">
      <c r="A5974" s="4" t="s">
        <v>1215</v>
      </c>
      <c r="B5974" s="1" t="s">
        <v>3155</v>
      </c>
      <c r="C5974" s="5" t="s">
        <v>4975</v>
      </c>
      <c r="D5974" s="1" t="s">
        <v>1215</v>
      </c>
      <c r="E5974" s="5" t="s">
        <v>13827</v>
      </c>
      <c r="F5974" s="6">
        <v>2477</v>
      </c>
    </row>
    <row r="5975" spans="1:6" x14ac:dyDescent="0.25">
      <c r="A5975" s="4" t="s">
        <v>1215</v>
      </c>
      <c r="B5975" s="1" t="s">
        <v>3155</v>
      </c>
      <c r="C5975" s="5" t="s">
        <v>4975</v>
      </c>
      <c r="D5975" s="1" t="s">
        <v>9815</v>
      </c>
      <c r="E5975" s="5" t="s">
        <v>15733</v>
      </c>
      <c r="F5975" s="6">
        <v>4504</v>
      </c>
    </row>
    <row r="5976" spans="1:6" x14ac:dyDescent="0.25">
      <c r="A5976" s="4" t="s">
        <v>1215</v>
      </c>
      <c r="B5976" s="1" t="s">
        <v>3155</v>
      </c>
      <c r="C5976" s="5" t="s">
        <v>6919</v>
      </c>
      <c r="D5976" s="1" t="s">
        <v>10923</v>
      </c>
      <c r="E5976" s="5" t="s">
        <v>17216</v>
      </c>
      <c r="F5976" s="6">
        <v>8204</v>
      </c>
    </row>
    <row r="5977" spans="1:6" x14ac:dyDescent="0.25">
      <c r="A5977" s="4" t="s">
        <v>1296</v>
      </c>
      <c r="B5977" s="1" t="s">
        <v>3146</v>
      </c>
      <c r="C5977" s="5" t="s">
        <v>5083</v>
      </c>
      <c r="D5977" s="1" t="s">
        <v>1296</v>
      </c>
      <c r="E5977" s="5" t="s">
        <v>13966</v>
      </c>
      <c r="F5977" s="6">
        <v>2618</v>
      </c>
    </row>
    <row r="5978" spans="1:6" x14ac:dyDescent="0.25">
      <c r="A5978" s="4" t="s">
        <v>294</v>
      </c>
      <c r="B5978" s="1" t="s">
        <v>3164</v>
      </c>
      <c r="C5978" s="5" t="s">
        <v>3769</v>
      </c>
      <c r="D5978" s="1" t="s">
        <v>7947</v>
      </c>
      <c r="E5978" s="5" t="s">
        <v>12262</v>
      </c>
      <c r="F5978" s="6">
        <v>754</v>
      </c>
    </row>
    <row r="5979" spans="1:6" x14ac:dyDescent="0.25">
      <c r="A5979" s="4" t="s">
        <v>294</v>
      </c>
      <c r="B5979" s="1" t="s">
        <v>3164</v>
      </c>
      <c r="C5979" s="5" t="s">
        <v>3769</v>
      </c>
      <c r="D5979" s="1" t="s">
        <v>11237</v>
      </c>
      <c r="E5979" s="5" t="s">
        <v>17634</v>
      </c>
      <c r="F5979" s="6">
        <v>9252</v>
      </c>
    </row>
    <row r="5980" spans="1:6" x14ac:dyDescent="0.25">
      <c r="A5980" s="4" t="s">
        <v>1917</v>
      </c>
      <c r="B5980" s="1" t="s">
        <v>3151</v>
      </c>
      <c r="C5980" s="5" t="s">
        <v>5659</v>
      </c>
      <c r="D5980" s="1" t="s">
        <v>1917</v>
      </c>
      <c r="E5980" s="5" t="s">
        <v>14750</v>
      </c>
      <c r="F5980" s="6">
        <v>3461</v>
      </c>
    </row>
    <row r="5981" spans="1:6" x14ac:dyDescent="0.25">
      <c r="A5981" s="4" t="s">
        <v>220</v>
      </c>
      <c r="B5981" s="1" t="s">
        <v>3150</v>
      </c>
      <c r="C5981" s="5" t="s">
        <v>3597</v>
      </c>
      <c r="D5981" s="1" t="s">
        <v>220</v>
      </c>
      <c r="E5981" s="5" t="s">
        <v>12032</v>
      </c>
      <c r="F5981" s="6">
        <v>465</v>
      </c>
    </row>
    <row r="5982" spans="1:6" x14ac:dyDescent="0.25">
      <c r="A5982" s="4" t="s">
        <v>220</v>
      </c>
      <c r="B5982" s="1" t="s">
        <v>3150</v>
      </c>
      <c r="C5982" s="5" t="s">
        <v>3597</v>
      </c>
      <c r="D5982" s="1" t="s">
        <v>11384</v>
      </c>
      <c r="E5982" s="5" t="s">
        <v>17810</v>
      </c>
      <c r="F5982" s="6">
        <v>9436</v>
      </c>
    </row>
    <row r="5983" spans="1:6" x14ac:dyDescent="0.25">
      <c r="A5983" s="4" t="s">
        <v>1563</v>
      </c>
      <c r="B5983" s="1" t="s">
        <v>3150</v>
      </c>
      <c r="C5983" s="5" t="s">
        <v>5383</v>
      </c>
      <c r="D5983" s="1" t="s">
        <v>1563</v>
      </c>
      <c r="E5983" s="5" t="s">
        <v>14346</v>
      </c>
      <c r="F5983" s="6">
        <v>3010</v>
      </c>
    </row>
    <row r="5984" spans="1:6" x14ac:dyDescent="0.25">
      <c r="A5984" s="4" t="s">
        <v>1736</v>
      </c>
      <c r="B5984" s="1" t="s">
        <v>3154</v>
      </c>
      <c r="C5984" s="5" t="s">
        <v>5298</v>
      </c>
      <c r="D5984" s="1" t="s">
        <v>9179</v>
      </c>
      <c r="E5984" s="5" t="s">
        <v>14545</v>
      </c>
      <c r="F5984" s="6">
        <v>3235</v>
      </c>
    </row>
    <row r="5985" spans="1:6" x14ac:dyDescent="0.25">
      <c r="A5985" s="4" t="s">
        <v>70</v>
      </c>
      <c r="B5985" s="1" t="s">
        <v>3144</v>
      </c>
      <c r="C5985" s="5" t="s">
        <v>3320</v>
      </c>
      <c r="D5985" s="1" t="s">
        <v>7446</v>
      </c>
      <c r="E5985" s="5" t="s">
        <v>11725</v>
      </c>
      <c r="F5985" s="6">
        <v>146</v>
      </c>
    </row>
    <row r="5986" spans="1:6" x14ac:dyDescent="0.25">
      <c r="A5986" s="4" t="s">
        <v>70</v>
      </c>
      <c r="B5986" s="1" t="s">
        <v>3144</v>
      </c>
      <c r="C5986" s="5" t="s">
        <v>3432</v>
      </c>
      <c r="D5986" s="1" t="s">
        <v>7559</v>
      </c>
      <c r="E5986" s="5" t="s">
        <v>11845</v>
      </c>
      <c r="F5986" s="6">
        <v>276</v>
      </c>
    </row>
    <row r="5987" spans="1:6" x14ac:dyDescent="0.25">
      <c r="A5987" s="4" t="s">
        <v>70</v>
      </c>
      <c r="B5987" s="1" t="s">
        <v>3144</v>
      </c>
      <c r="C5987" s="5" t="s">
        <v>3612</v>
      </c>
      <c r="D5987" s="1" t="s">
        <v>7754</v>
      </c>
      <c r="E5987" s="5" t="s">
        <v>12053</v>
      </c>
      <c r="F5987" s="6">
        <v>488</v>
      </c>
    </row>
    <row r="5988" spans="1:6" x14ac:dyDescent="0.25">
      <c r="A5988" s="4" t="s">
        <v>70</v>
      </c>
      <c r="B5988" s="1" t="s">
        <v>3144</v>
      </c>
      <c r="C5988" s="5" t="s">
        <v>3822</v>
      </c>
      <c r="D5988" s="1" t="s">
        <v>7998</v>
      </c>
      <c r="E5988" s="5" t="s">
        <v>12318</v>
      </c>
      <c r="F5988" s="6">
        <v>814</v>
      </c>
    </row>
    <row r="5989" spans="1:6" x14ac:dyDescent="0.25">
      <c r="A5989" s="4" t="s">
        <v>70</v>
      </c>
      <c r="B5989" s="1" t="s">
        <v>3144</v>
      </c>
      <c r="C5989" s="5" t="s">
        <v>3823</v>
      </c>
      <c r="D5989" s="1" t="s">
        <v>2692</v>
      </c>
      <c r="E5989" s="5" t="s">
        <v>12320</v>
      </c>
      <c r="F5989" s="6">
        <v>816</v>
      </c>
    </row>
    <row r="5990" spans="1:6" x14ac:dyDescent="0.25">
      <c r="A5990" s="4" t="s">
        <v>70</v>
      </c>
      <c r="B5990" s="1" t="s">
        <v>3144</v>
      </c>
      <c r="C5990" s="5" t="s">
        <v>4010</v>
      </c>
      <c r="D5990" s="1" t="s">
        <v>8161</v>
      </c>
      <c r="E5990" s="5" t="s">
        <v>12558</v>
      </c>
      <c r="F5990" s="6">
        <v>1085</v>
      </c>
    </row>
    <row r="5991" spans="1:6" x14ac:dyDescent="0.25">
      <c r="A5991" s="4" t="s">
        <v>70</v>
      </c>
      <c r="B5991" s="1" t="s">
        <v>3144</v>
      </c>
      <c r="C5991" s="5" t="s">
        <v>4058</v>
      </c>
      <c r="D5991" s="1" t="s">
        <v>8234</v>
      </c>
      <c r="E5991" s="5" t="s">
        <v>12640</v>
      </c>
      <c r="F5991" s="6">
        <v>1235</v>
      </c>
    </row>
    <row r="5992" spans="1:6" x14ac:dyDescent="0.25">
      <c r="A5992" s="4" t="s">
        <v>70</v>
      </c>
      <c r="B5992" s="1" t="s">
        <v>3144</v>
      </c>
      <c r="C5992" s="5" t="s">
        <v>3822</v>
      </c>
      <c r="D5992" s="1" t="s">
        <v>8404</v>
      </c>
      <c r="E5992" s="5" t="s">
        <v>12840</v>
      </c>
      <c r="F5992" s="6">
        <v>1440</v>
      </c>
    </row>
    <row r="5993" spans="1:6" x14ac:dyDescent="0.25">
      <c r="A5993" s="4" t="s">
        <v>70</v>
      </c>
      <c r="B5993" s="1" t="s">
        <v>3144</v>
      </c>
      <c r="C5993" s="5" t="s">
        <v>4058</v>
      </c>
      <c r="D5993" s="1" t="s">
        <v>8909</v>
      </c>
      <c r="E5993" s="5" t="s">
        <v>13853</v>
      </c>
      <c r="F5993" s="6">
        <v>2503</v>
      </c>
    </row>
    <row r="5994" spans="1:6" x14ac:dyDescent="0.25">
      <c r="A5994" s="4" t="s">
        <v>70</v>
      </c>
      <c r="B5994" s="1" t="s">
        <v>3144</v>
      </c>
      <c r="C5994" s="5" t="s">
        <v>3320</v>
      </c>
      <c r="D5994" s="1" t="s">
        <v>8910</v>
      </c>
      <c r="E5994" s="5" t="s">
        <v>13854</v>
      </c>
      <c r="F5994" s="6">
        <v>2504</v>
      </c>
    </row>
    <row r="5995" spans="1:6" x14ac:dyDescent="0.25">
      <c r="A5995" s="4" t="s">
        <v>70</v>
      </c>
      <c r="B5995" s="1" t="s">
        <v>3144</v>
      </c>
      <c r="C5995" s="5" t="s">
        <v>3822</v>
      </c>
      <c r="D5995" s="1" t="s">
        <v>9397</v>
      </c>
      <c r="E5995" s="5" t="s">
        <v>15141</v>
      </c>
      <c r="F5995" s="6">
        <v>3872</v>
      </c>
    </row>
    <row r="5996" spans="1:6" x14ac:dyDescent="0.25">
      <c r="A5996" s="4" t="s">
        <v>70</v>
      </c>
      <c r="B5996" s="1" t="s">
        <v>3144</v>
      </c>
      <c r="C5996" s="5" t="s">
        <v>3612</v>
      </c>
      <c r="D5996" s="1" t="s">
        <v>9458</v>
      </c>
      <c r="E5996" s="5" t="s">
        <v>15225</v>
      </c>
      <c r="F5996" s="6">
        <v>3959</v>
      </c>
    </row>
    <row r="5997" spans="1:6" x14ac:dyDescent="0.25">
      <c r="A5997" s="4" t="s">
        <v>70</v>
      </c>
      <c r="B5997" s="1" t="s">
        <v>3144</v>
      </c>
      <c r="C5997" s="5" t="s">
        <v>3822</v>
      </c>
      <c r="D5997" s="1" t="s">
        <v>9721</v>
      </c>
      <c r="E5997" s="5" t="s">
        <v>15617</v>
      </c>
      <c r="F5997" s="6">
        <v>4359</v>
      </c>
    </row>
    <row r="5998" spans="1:6" x14ac:dyDescent="0.25">
      <c r="A5998" s="4" t="s">
        <v>2534</v>
      </c>
      <c r="B5998" s="1" t="s">
        <v>3144</v>
      </c>
      <c r="C5998" s="5">
        <v>421202</v>
      </c>
      <c r="D5998" s="1" t="s">
        <v>10196</v>
      </c>
      <c r="E5998" s="5" t="s">
        <v>16216</v>
      </c>
      <c r="F5998" s="6">
        <v>5411</v>
      </c>
    </row>
    <row r="5999" spans="1:6" x14ac:dyDescent="0.25">
      <c r="A5999" s="4" t="s">
        <v>70</v>
      </c>
      <c r="B5999" s="1" t="s">
        <v>3144</v>
      </c>
      <c r="C5999" s="5" t="s">
        <v>3502</v>
      </c>
      <c r="D5999" s="1" t="s">
        <v>10406</v>
      </c>
      <c r="E5999" s="5" t="s">
        <v>16547</v>
      </c>
      <c r="F5999" s="6">
        <v>6199</v>
      </c>
    </row>
    <row r="6000" spans="1:6" x14ac:dyDescent="0.25">
      <c r="A6000" s="4" t="s">
        <v>70</v>
      </c>
      <c r="B6000" s="1" t="s">
        <v>3144</v>
      </c>
      <c r="C6000" s="5" t="s">
        <v>3822</v>
      </c>
      <c r="D6000" s="1" t="s">
        <v>11025</v>
      </c>
      <c r="E6000" s="5" t="s">
        <v>17346</v>
      </c>
      <c r="F6000" s="6">
        <v>8843</v>
      </c>
    </row>
    <row r="6001" spans="1:6" x14ac:dyDescent="0.25">
      <c r="A6001" s="4" t="s">
        <v>70</v>
      </c>
      <c r="B6001" s="1" t="s">
        <v>3144</v>
      </c>
      <c r="C6001" s="5" t="s">
        <v>7212</v>
      </c>
      <c r="D6001" s="1" t="s">
        <v>11415</v>
      </c>
      <c r="E6001" s="5" t="s">
        <v>17845</v>
      </c>
      <c r="F6001" s="6">
        <v>9472</v>
      </c>
    </row>
    <row r="6002" spans="1:6" x14ac:dyDescent="0.25">
      <c r="A6002" s="4" t="s">
        <v>1246</v>
      </c>
      <c r="B6002" s="1" t="s">
        <v>3154</v>
      </c>
      <c r="C6002" s="5" t="s">
        <v>3452</v>
      </c>
      <c r="D6002" s="1" t="s">
        <v>8925</v>
      </c>
      <c r="E6002" s="5" t="s">
        <v>13885</v>
      </c>
      <c r="F6002" s="6">
        <v>2536</v>
      </c>
    </row>
    <row r="6003" spans="1:6" x14ac:dyDescent="0.25">
      <c r="A6003" s="4" t="s">
        <v>423</v>
      </c>
      <c r="B6003" s="1" t="s">
        <v>3146</v>
      </c>
      <c r="C6003" s="5" t="s">
        <v>3951</v>
      </c>
      <c r="D6003" s="1" t="s">
        <v>423</v>
      </c>
      <c r="E6003" s="5" t="s">
        <v>12483</v>
      </c>
      <c r="F6003" s="6">
        <v>1004</v>
      </c>
    </row>
    <row r="6004" spans="1:6" x14ac:dyDescent="0.25">
      <c r="A6004" s="4" t="s">
        <v>423</v>
      </c>
      <c r="B6004" s="1" t="s">
        <v>3146</v>
      </c>
      <c r="C6004" s="5">
        <v>613001</v>
      </c>
      <c r="D6004" s="1" t="s">
        <v>10030</v>
      </c>
      <c r="E6004" s="5" t="s">
        <v>16011</v>
      </c>
      <c r="F6004" s="6">
        <v>4969</v>
      </c>
    </row>
    <row r="6005" spans="1:6" x14ac:dyDescent="0.25">
      <c r="A6005" s="4" t="s">
        <v>423</v>
      </c>
      <c r="B6005" s="1" t="s">
        <v>3146</v>
      </c>
      <c r="C6005" s="5" t="s">
        <v>6359</v>
      </c>
      <c r="D6005" s="1" t="s">
        <v>10045</v>
      </c>
      <c r="E6005" s="5" t="s">
        <v>16032</v>
      </c>
      <c r="F6005" s="6">
        <v>5023</v>
      </c>
    </row>
    <row r="6006" spans="1:6" x14ac:dyDescent="0.25">
      <c r="A6006" s="4" t="s">
        <v>423</v>
      </c>
      <c r="B6006" s="1" t="s">
        <v>3146</v>
      </c>
      <c r="C6006" s="5" t="s">
        <v>7079</v>
      </c>
      <c r="D6006" s="1" t="s">
        <v>11174</v>
      </c>
      <c r="E6006" s="5" t="s">
        <v>17550</v>
      </c>
      <c r="F6006" s="6">
        <v>9164</v>
      </c>
    </row>
    <row r="6007" spans="1:6" x14ac:dyDescent="0.25">
      <c r="A6007" s="4" t="s">
        <v>559</v>
      </c>
      <c r="B6007" s="1" t="s">
        <v>3150</v>
      </c>
      <c r="C6007" s="5" t="s">
        <v>4205</v>
      </c>
      <c r="D6007" s="1" t="s">
        <v>8446</v>
      </c>
      <c r="E6007" s="5" t="s">
        <v>12893</v>
      </c>
      <c r="F6007" s="6">
        <v>1495</v>
      </c>
    </row>
    <row r="6008" spans="1:6" x14ac:dyDescent="0.25">
      <c r="A6008" s="4" t="s">
        <v>2195</v>
      </c>
      <c r="B6008" s="1" t="s">
        <v>3152</v>
      </c>
      <c r="C6008" s="5" t="s">
        <v>5908</v>
      </c>
      <c r="D6008" s="1" t="s">
        <v>2195</v>
      </c>
      <c r="E6008" s="5" t="s">
        <v>15238</v>
      </c>
      <c r="F6008" s="6">
        <v>3973</v>
      </c>
    </row>
    <row r="6009" spans="1:6" x14ac:dyDescent="0.25">
      <c r="A6009" s="4" t="s">
        <v>2059</v>
      </c>
      <c r="B6009" s="1" t="s">
        <v>3154</v>
      </c>
      <c r="C6009" s="5" t="s">
        <v>5301</v>
      </c>
      <c r="D6009" s="1" t="s">
        <v>2059</v>
      </c>
      <c r="E6009" s="5" t="s">
        <v>14901</v>
      </c>
      <c r="F6009" s="6">
        <v>3619</v>
      </c>
    </row>
    <row r="6010" spans="1:6" x14ac:dyDescent="0.25">
      <c r="A6010" s="4" t="s">
        <v>314</v>
      </c>
      <c r="B6010" s="1" t="s">
        <v>3146</v>
      </c>
      <c r="C6010" s="5" t="s">
        <v>3790</v>
      </c>
      <c r="D6010" s="1" t="s">
        <v>7967</v>
      </c>
      <c r="E6010" s="5" t="s">
        <v>12284</v>
      </c>
      <c r="F6010" s="6">
        <v>776</v>
      </c>
    </row>
    <row r="6011" spans="1:6" x14ac:dyDescent="0.25">
      <c r="A6011" s="4" t="s">
        <v>1528</v>
      </c>
      <c r="B6011" s="1" t="s">
        <v>3165</v>
      </c>
      <c r="C6011" s="5" t="s">
        <v>5348</v>
      </c>
      <c r="D6011" s="1" t="s">
        <v>1528</v>
      </c>
      <c r="E6011" s="5" t="s">
        <v>14308</v>
      </c>
      <c r="F6011" s="6">
        <v>2970</v>
      </c>
    </row>
    <row r="6012" spans="1:6" x14ac:dyDescent="0.25">
      <c r="A6012" s="4" t="s">
        <v>2610</v>
      </c>
      <c r="B6012" s="1" t="s">
        <v>3153</v>
      </c>
      <c r="C6012" s="5">
        <v>451660</v>
      </c>
      <c r="D6012" s="1" t="s">
        <v>2610</v>
      </c>
      <c r="E6012" s="5" t="s">
        <v>16349</v>
      </c>
      <c r="F6012" s="6">
        <v>5707</v>
      </c>
    </row>
    <row r="6013" spans="1:6" x14ac:dyDescent="0.25">
      <c r="A6013" s="4" t="s">
        <v>606</v>
      </c>
      <c r="B6013" s="1" t="s">
        <v>3150</v>
      </c>
      <c r="C6013" s="5" t="s">
        <v>4278</v>
      </c>
      <c r="D6013" s="1" t="s">
        <v>8525</v>
      </c>
      <c r="E6013" s="5" t="s">
        <v>12990</v>
      </c>
      <c r="F6013" s="6">
        <v>1601</v>
      </c>
    </row>
    <row r="6014" spans="1:6" x14ac:dyDescent="0.25">
      <c r="A6014" s="4" t="s">
        <v>1562</v>
      </c>
      <c r="B6014" s="1" t="s">
        <v>3149</v>
      </c>
      <c r="C6014" s="5" t="s">
        <v>5382</v>
      </c>
      <c r="D6014" s="1" t="s">
        <v>1562</v>
      </c>
      <c r="E6014" s="5" t="s">
        <v>14345</v>
      </c>
      <c r="F6014" s="6">
        <v>3008</v>
      </c>
    </row>
    <row r="6015" spans="1:6" x14ac:dyDescent="0.25">
      <c r="A6015" s="4" t="s">
        <v>890</v>
      </c>
      <c r="B6015" s="1" t="s">
        <v>3146</v>
      </c>
      <c r="C6015" s="5" t="s">
        <v>4637</v>
      </c>
      <c r="D6015" s="1" t="s">
        <v>890</v>
      </c>
      <c r="E6015" s="5" t="s">
        <v>13451</v>
      </c>
      <c r="F6015" s="6">
        <v>2087</v>
      </c>
    </row>
    <row r="6016" spans="1:6" x14ac:dyDescent="0.25">
      <c r="A6016" s="4" t="s">
        <v>2740</v>
      </c>
      <c r="B6016" s="1" t="s">
        <v>3146</v>
      </c>
      <c r="C6016" s="5" t="s">
        <v>6685</v>
      </c>
      <c r="D6016" s="1" t="s">
        <v>2740</v>
      </c>
      <c r="E6016" s="5" t="s">
        <v>16692</v>
      </c>
      <c r="F6016" s="6">
        <v>6601</v>
      </c>
    </row>
    <row r="6017" spans="1:6" x14ac:dyDescent="0.25">
      <c r="A6017" s="4" t="s">
        <v>365</v>
      </c>
      <c r="B6017" s="1" t="s">
        <v>3146</v>
      </c>
      <c r="C6017" s="5" t="s">
        <v>3872</v>
      </c>
      <c r="D6017" s="1" t="s">
        <v>8039</v>
      </c>
      <c r="E6017" s="5" t="s">
        <v>12374</v>
      </c>
      <c r="F6017" s="6">
        <v>881</v>
      </c>
    </row>
    <row r="6018" spans="1:6" x14ac:dyDescent="0.25">
      <c r="A6018" s="4" t="s">
        <v>365</v>
      </c>
      <c r="B6018" s="1" t="s">
        <v>3146</v>
      </c>
      <c r="C6018" s="5" t="s">
        <v>3872</v>
      </c>
      <c r="D6018" s="1" t="s">
        <v>11049</v>
      </c>
      <c r="E6018" s="5" t="s">
        <v>17378</v>
      </c>
      <c r="F6018" s="6">
        <v>8935</v>
      </c>
    </row>
    <row r="6019" spans="1:6" x14ac:dyDescent="0.25">
      <c r="A6019" s="4" t="s">
        <v>1218</v>
      </c>
      <c r="B6019" s="1" t="s">
        <v>3150</v>
      </c>
      <c r="C6019" s="5" t="s">
        <v>4981</v>
      </c>
      <c r="D6019" s="1" t="s">
        <v>8900</v>
      </c>
      <c r="E6019" s="5" t="s">
        <v>13835</v>
      </c>
      <c r="F6019" s="6">
        <v>2485</v>
      </c>
    </row>
    <row r="6020" spans="1:6" x14ac:dyDescent="0.25">
      <c r="A6020" s="4" t="s">
        <v>1218</v>
      </c>
      <c r="B6020" s="1" t="s">
        <v>3150</v>
      </c>
      <c r="C6020" s="5">
        <v>695006</v>
      </c>
      <c r="D6020" s="1" t="s">
        <v>10020</v>
      </c>
      <c r="E6020" s="5" t="s">
        <v>15998</v>
      </c>
      <c r="F6020" s="6">
        <v>4932</v>
      </c>
    </row>
    <row r="6021" spans="1:6" x14ac:dyDescent="0.25">
      <c r="A6021" s="4" t="s">
        <v>1218</v>
      </c>
      <c r="B6021" s="1" t="s">
        <v>3150</v>
      </c>
      <c r="C6021" s="5" t="s">
        <v>3255</v>
      </c>
      <c r="D6021" s="1" t="s">
        <v>10084</v>
      </c>
      <c r="E6021" s="5" t="s">
        <v>16081</v>
      </c>
      <c r="F6021" s="6">
        <v>5125</v>
      </c>
    </row>
    <row r="6022" spans="1:6" x14ac:dyDescent="0.25">
      <c r="A6022" s="4" t="s">
        <v>1218</v>
      </c>
      <c r="B6022" s="1" t="s">
        <v>3150</v>
      </c>
      <c r="C6022" s="5" t="s">
        <v>6404</v>
      </c>
      <c r="D6022" s="1" t="s">
        <v>10138</v>
      </c>
      <c r="E6022" s="5" t="s">
        <v>16145</v>
      </c>
      <c r="F6022" s="6">
        <v>5243</v>
      </c>
    </row>
    <row r="6023" spans="1:6" x14ac:dyDescent="0.25">
      <c r="A6023" s="4" t="s">
        <v>1218</v>
      </c>
      <c r="B6023" s="1" t="s">
        <v>3150</v>
      </c>
      <c r="C6023" s="5" t="s">
        <v>6817</v>
      </c>
      <c r="D6023" s="1" t="s">
        <v>10715</v>
      </c>
      <c r="E6023" s="5" t="s">
        <v>16948</v>
      </c>
      <c r="F6023" s="6">
        <v>7375</v>
      </c>
    </row>
    <row r="6024" spans="1:6" x14ac:dyDescent="0.25">
      <c r="A6024" s="4" t="s">
        <v>1218</v>
      </c>
      <c r="B6024" s="1" t="s">
        <v>3150</v>
      </c>
      <c r="C6024" s="5" t="s">
        <v>6849</v>
      </c>
      <c r="D6024" s="1" t="s">
        <v>10762</v>
      </c>
      <c r="E6024" s="5" t="s">
        <v>17012</v>
      </c>
      <c r="F6024" s="6">
        <v>7580</v>
      </c>
    </row>
    <row r="6025" spans="1:6" x14ac:dyDescent="0.25">
      <c r="A6025" s="4" t="s">
        <v>1218</v>
      </c>
      <c r="B6025" s="1" t="s">
        <v>3150</v>
      </c>
      <c r="C6025" s="5" t="s">
        <v>6953</v>
      </c>
      <c r="D6025" s="1" t="s">
        <v>10993</v>
      </c>
      <c r="E6025" s="5" t="s">
        <v>17304</v>
      </c>
      <c r="F6025" s="6">
        <v>8628</v>
      </c>
    </row>
    <row r="6026" spans="1:6" x14ac:dyDescent="0.25">
      <c r="A6026" s="4" t="s">
        <v>1218</v>
      </c>
      <c r="B6026" s="1" t="s">
        <v>3150</v>
      </c>
      <c r="C6026" s="5" t="s">
        <v>7225</v>
      </c>
      <c r="D6026" s="1" t="s">
        <v>11435</v>
      </c>
      <c r="E6026" s="5" t="s">
        <v>17868</v>
      </c>
      <c r="F6026" s="6">
        <v>9497</v>
      </c>
    </row>
    <row r="6027" spans="1:6" x14ac:dyDescent="0.25">
      <c r="A6027" s="4" t="s">
        <v>459</v>
      </c>
      <c r="B6027" s="1" t="s">
        <v>3146</v>
      </c>
      <c r="C6027" s="5" t="s">
        <v>4022</v>
      </c>
      <c r="D6027" s="1" t="s">
        <v>459</v>
      </c>
      <c r="E6027" s="5" t="s">
        <v>12573</v>
      </c>
      <c r="F6027" s="6">
        <v>1103</v>
      </c>
    </row>
    <row r="6028" spans="1:6" x14ac:dyDescent="0.25">
      <c r="A6028" s="4" t="s">
        <v>889</v>
      </c>
      <c r="B6028" s="1" t="s">
        <v>3146</v>
      </c>
      <c r="C6028" s="5" t="s">
        <v>4636</v>
      </c>
      <c r="D6028" s="1" t="s">
        <v>8775</v>
      </c>
      <c r="E6028" s="5" t="s">
        <v>13450</v>
      </c>
      <c r="F6028" s="6">
        <v>2086</v>
      </c>
    </row>
    <row r="6029" spans="1:6" x14ac:dyDescent="0.25">
      <c r="A6029" s="4" t="s">
        <v>599</v>
      </c>
      <c r="B6029" s="1" t="s">
        <v>3150</v>
      </c>
      <c r="C6029" s="5" t="s">
        <v>4250</v>
      </c>
      <c r="D6029" s="1" t="s">
        <v>8481</v>
      </c>
      <c r="E6029" s="5" t="s">
        <v>12943</v>
      </c>
      <c r="F6029" s="6">
        <v>1551</v>
      </c>
    </row>
    <row r="6030" spans="1:6" x14ac:dyDescent="0.25">
      <c r="A6030" s="4" t="s">
        <v>486</v>
      </c>
      <c r="B6030" s="1" t="s">
        <v>3146</v>
      </c>
      <c r="C6030" s="5" t="s">
        <v>4103</v>
      </c>
      <c r="D6030" s="1" t="s">
        <v>486</v>
      </c>
      <c r="E6030" s="5" t="s">
        <v>12702</v>
      </c>
      <c r="F6030" s="6">
        <v>1299</v>
      </c>
    </row>
    <row r="6031" spans="1:6" x14ac:dyDescent="0.25">
      <c r="A6031" s="4" t="s">
        <v>2244</v>
      </c>
      <c r="B6031" s="1" t="s">
        <v>3146</v>
      </c>
      <c r="C6031" s="5" t="s">
        <v>5974</v>
      </c>
      <c r="D6031" s="1" t="s">
        <v>2244</v>
      </c>
      <c r="E6031" s="5" t="s">
        <v>15347</v>
      </c>
      <c r="F6031" s="6">
        <v>4084</v>
      </c>
    </row>
    <row r="6032" spans="1:6" x14ac:dyDescent="0.25">
      <c r="A6032" s="4" t="s">
        <v>2684</v>
      </c>
      <c r="B6032" s="1" t="s">
        <v>3150</v>
      </c>
      <c r="C6032" s="5" t="s">
        <v>4106</v>
      </c>
      <c r="D6032" s="1" t="s">
        <v>10386</v>
      </c>
      <c r="E6032" s="5" t="s">
        <v>16521</v>
      </c>
      <c r="F6032" s="6">
        <v>6149</v>
      </c>
    </row>
    <row r="6033" spans="1:6" x14ac:dyDescent="0.25">
      <c r="A6033" s="4" t="s">
        <v>1117</v>
      </c>
      <c r="B6033" s="1" t="s">
        <v>3176</v>
      </c>
      <c r="C6033" s="5" t="s">
        <v>4859</v>
      </c>
      <c r="D6033" s="1" t="s">
        <v>1117</v>
      </c>
      <c r="E6033" s="5" t="s">
        <v>13690</v>
      </c>
      <c r="F6033" s="6">
        <v>2336</v>
      </c>
    </row>
    <row r="6034" spans="1:6" x14ac:dyDescent="0.25">
      <c r="A6034" s="4" t="s">
        <v>195</v>
      </c>
      <c r="B6034" s="1" t="s">
        <v>3150</v>
      </c>
      <c r="C6034" s="5" t="s">
        <v>3537</v>
      </c>
      <c r="D6034" s="1" t="s">
        <v>7676</v>
      </c>
      <c r="E6034" s="5" t="s">
        <v>11968</v>
      </c>
      <c r="F6034" s="6">
        <v>401</v>
      </c>
    </row>
    <row r="6035" spans="1:6" x14ac:dyDescent="0.25">
      <c r="A6035" s="4" t="s">
        <v>30</v>
      </c>
      <c r="B6035" s="1" t="s">
        <v>3150</v>
      </c>
      <c r="C6035" s="5" t="s">
        <v>3249</v>
      </c>
      <c r="D6035" s="1" t="s">
        <v>7374</v>
      </c>
      <c r="E6035" s="5" t="s">
        <v>11648</v>
      </c>
      <c r="F6035" s="6">
        <v>57</v>
      </c>
    </row>
    <row r="6036" spans="1:6" x14ac:dyDescent="0.25">
      <c r="A6036" s="4" t="s">
        <v>30</v>
      </c>
      <c r="B6036" s="1" t="s">
        <v>3150</v>
      </c>
      <c r="C6036" s="5" t="s">
        <v>3712</v>
      </c>
      <c r="D6036" s="1" t="s">
        <v>7888</v>
      </c>
      <c r="E6036" s="5" t="s">
        <v>12195</v>
      </c>
      <c r="F6036" s="6">
        <v>670</v>
      </c>
    </row>
    <row r="6037" spans="1:6" x14ac:dyDescent="0.25">
      <c r="A6037" s="4" t="s">
        <v>30</v>
      </c>
      <c r="B6037" s="1" t="s">
        <v>3150</v>
      </c>
      <c r="C6037" s="5" t="s">
        <v>3831</v>
      </c>
      <c r="D6037" s="1" t="s">
        <v>8004</v>
      </c>
      <c r="E6037" s="5" t="s">
        <v>12328</v>
      </c>
      <c r="F6037" s="6">
        <v>824</v>
      </c>
    </row>
    <row r="6038" spans="1:6" x14ac:dyDescent="0.25">
      <c r="A6038" s="4" t="s">
        <v>30</v>
      </c>
      <c r="B6038" s="1" t="s">
        <v>3150</v>
      </c>
      <c r="C6038" s="5" t="s">
        <v>4075</v>
      </c>
      <c r="D6038" s="1" t="s">
        <v>8257</v>
      </c>
      <c r="E6038" s="5" t="s">
        <v>12664</v>
      </c>
      <c r="F6038" s="6">
        <v>1259</v>
      </c>
    </row>
    <row r="6039" spans="1:6" x14ac:dyDescent="0.25">
      <c r="A6039" s="4" t="s">
        <v>30</v>
      </c>
      <c r="B6039" s="1" t="s">
        <v>3150</v>
      </c>
      <c r="C6039" s="5" t="s">
        <v>4245</v>
      </c>
      <c r="D6039" s="1" t="s">
        <v>8476</v>
      </c>
      <c r="E6039" s="5" t="s">
        <v>12936</v>
      </c>
      <c r="F6039" s="6">
        <v>1544</v>
      </c>
    </row>
    <row r="6040" spans="1:6" x14ac:dyDescent="0.25">
      <c r="A6040" s="4" t="s">
        <v>30</v>
      </c>
      <c r="B6040" s="1" t="s">
        <v>3150</v>
      </c>
      <c r="C6040" s="5" t="s">
        <v>4251</v>
      </c>
      <c r="D6040" s="1" t="s">
        <v>30</v>
      </c>
      <c r="E6040" s="5" t="s">
        <v>12944</v>
      </c>
      <c r="F6040" s="6">
        <v>1552</v>
      </c>
    </row>
    <row r="6041" spans="1:6" x14ac:dyDescent="0.25">
      <c r="A6041" s="4" t="s">
        <v>30</v>
      </c>
      <c r="B6041" s="1" t="s">
        <v>3150</v>
      </c>
      <c r="C6041" s="5" t="s">
        <v>4277</v>
      </c>
      <c r="D6041" s="1" t="s">
        <v>8524</v>
      </c>
      <c r="E6041" s="5" t="s">
        <v>12989</v>
      </c>
      <c r="F6041" s="6">
        <v>1600</v>
      </c>
    </row>
    <row r="6042" spans="1:6" x14ac:dyDescent="0.25">
      <c r="A6042" s="4" t="s">
        <v>30</v>
      </c>
      <c r="B6042" s="1" t="s">
        <v>3150</v>
      </c>
      <c r="C6042" s="5" t="s">
        <v>6024</v>
      </c>
      <c r="D6042" s="1" t="s">
        <v>9585</v>
      </c>
      <c r="E6042" s="5" t="s">
        <v>15426</v>
      </c>
      <c r="F6042" s="6">
        <v>4164</v>
      </c>
    </row>
    <row r="6043" spans="1:6" x14ac:dyDescent="0.25">
      <c r="A6043" s="4" t="s">
        <v>30</v>
      </c>
      <c r="B6043" s="1" t="s">
        <v>3150</v>
      </c>
      <c r="C6043" s="5" t="s">
        <v>6099</v>
      </c>
      <c r="D6043" s="1" t="s">
        <v>9669</v>
      </c>
      <c r="E6043" s="5" t="s">
        <v>15544</v>
      </c>
      <c r="F6043" s="6">
        <v>4285</v>
      </c>
    </row>
    <row r="6044" spans="1:6" x14ac:dyDescent="0.25">
      <c r="A6044" s="4" t="s">
        <v>2571</v>
      </c>
      <c r="B6044" s="1" t="s">
        <v>3150</v>
      </c>
      <c r="C6044" s="5" t="s">
        <v>4075</v>
      </c>
      <c r="D6044" s="1" t="s">
        <v>10240</v>
      </c>
      <c r="E6044" s="5" t="s">
        <v>16288</v>
      </c>
      <c r="F6044" s="6">
        <v>5579</v>
      </c>
    </row>
    <row r="6045" spans="1:6" x14ac:dyDescent="0.25">
      <c r="A6045" s="4" t="s">
        <v>30</v>
      </c>
      <c r="B6045" s="1" t="s">
        <v>3150</v>
      </c>
      <c r="C6045" s="5" t="s">
        <v>4075</v>
      </c>
      <c r="D6045" s="1" t="s">
        <v>10351</v>
      </c>
      <c r="E6045" s="5" t="s">
        <v>16465</v>
      </c>
      <c r="F6045" s="6">
        <v>5984</v>
      </c>
    </row>
    <row r="6046" spans="1:6" x14ac:dyDescent="0.25">
      <c r="A6046" s="4" t="s">
        <v>30</v>
      </c>
      <c r="B6046" s="1" t="s">
        <v>3150</v>
      </c>
      <c r="C6046" s="5" t="s">
        <v>6996</v>
      </c>
      <c r="D6046" s="1" t="s">
        <v>11070</v>
      </c>
      <c r="E6046" s="5" t="s">
        <v>17409</v>
      </c>
      <c r="F6046" s="6">
        <v>9016</v>
      </c>
    </row>
    <row r="6047" spans="1:6" x14ac:dyDescent="0.25">
      <c r="A6047" s="4" t="s">
        <v>30</v>
      </c>
      <c r="B6047" s="1" t="s">
        <v>3150</v>
      </c>
      <c r="C6047" s="5" t="s">
        <v>4075</v>
      </c>
      <c r="D6047" s="1" t="s">
        <v>11113</v>
      </c>
      <c r="E6047" s="5" t="s">
        <v>17467</v>
      </c>
      <c r="F6047" s="6">
        <v>9078</v>
      </c>
    </row>
    <row r="6048" spans="1:6" x14ac:dyDescent="0.25">
      <c r="A6048" s="4" t="s">
        <v>30</v>
      </c>
      <c r="B6048" s="1" t="s">
        <v>3150</v>
      </c>
      <c r="C6048" s="5" t="s">
        <v>7144</v>
      </c>
      <c r="D6048" s="1" t="s">
        <v>11259</v>
      </c>
      <c r="E6048" s="5" t="s">
        <v>17664</v>
      </c>
      <c r="F6048" s="6">
        <v>9282</v>
      </c>
    </row>
    <row r="6049" spans="1:6" x14ac:dyDescent="0.25">
      <c r="A6049" s="4" t="s">
        <v>30</v>
      </c>
      <c r="B6049" s="1" t="s">
        <v>3150</v>
      </c>
      <c r="C6049" s="5" t="s">
        <v>7167</v>
      </c>
      <c r="D6049" s="1" t="s">
        <v>11295</v>
      </c>
      <c r="E6049" s="5" t="s">
        <v>17708</v>
      </c>
      <c r="F6049" s="6">
        <v>9328</v>
      </c>
    </row>
    <row r="6050" spans="1:6" x14ac:dyDescent="0.25">
      <c r="A6050" s="4" t="s">
        <v>30</v>
      </c>
      <c r="B6050" s="1" t="s">
        <v>3150</v>
      </c>
      <c r="C6050" s="5" t="s">
        <v>3249</v>
      </c>
      <c r="D6050" s="1" t="s">
        <v>11550</v>
      </c>
      <c r="E6050" s="5" t="s">
        <v>18020</v>
      </c>
      <c r="F6050" s="6">
        <v>9652</v>
      </c>
    </row>
    <row r="6051" spans="1:6" x14ac:dyDescent="0.25">
      <c r="A6051" s="4" t="s">
        <v>755</v>
      </c>
      <c r="B6051" s="1" t="s">
        <v>3146</v>
      </c>
      <c r="C6051" s="5" t="s">
        <v>4476</v>
      </c>
      <c r="D6051" s="1" t="s">
        <v>8667</v>
      </c>
      <c r="E6051" s="5" t="s">
        <v>13245</v>
      </c>
      <c r="F6051" s="6">
        <v>1878</v>
      </c>
    </row>
    <row r="6052" spans="1:6" x14ac:dyDescent="0.25">
      <c r="A6052" s="4" t="s">
        <v>600</v>
      </c>
      <c r="B6052" s="1" t="s">
        <v>3150</v>
      </c>
      <c r="C6052" s="5" t="s">
        <v>4252</v>
      </c>
      <c r="D6052" s="1" t="s">
        <v>600</v>
      </c>
      <c r="E6052" s="5" t="s">
        <v>12945</v>
      </c>
      <c r="F6052" s="6">
        <v>1553</v>
      </c>
    </row>
    <row r="6053" spans="1:6" x14ac:dyDescent="0.25">
      <c r="A6053" s="4" t="s">
        <v>2769</v>
      </c>
      <c r="B6053" s="1" t="s">
        <v>3151</v>
      </c>
      <c r="C6053" s="5" t="s">
        <v>6067</v>
      </c>
      <c r="D6053" s="1" t="s">
        <v>2769</v>
      </c>
      <c r="E6053" s="5" t="s">
        <v>16773</v>
      </c>
      <c r="F6053" s="6">
        <v>6896</v>
      </c>
    </row>
    <row r="6054" spans="1:6" x14ac:dyDescent="0.25">
      <c r="A6054" s="4" t="s">
        <v>3099</v>
      </c>
      <c r="B6054" s="1" t="s">
        <v>3146</v>
      </c>
      <c r="C6054" s="5" t="s">
        <v>7256</v>
      </c>
      <c r="D6054" s="1" t="s">
        <v>3099</v>
      </c>
      <c r="E6054" s="5" t="s">
        <v>17930</v>
      </c>
      <c r="F6054" s="6">
        <v>9560</v>
      </c>
    </row>
    <row r="6055" spans="1:6" x14ac:dyDescent="0.25">
      <c r="A6055" s="4" t="s">
        <v>2825</v>
      </c>
      <c r="B6055" s="1" t="s">
        <v>3156</v>
      </c>
      <c r="C6055" s="5">
        <v>335526</v>
      </c>
      <c r="D6055" s="1" t="s">
        <v>2825</v>
      </c>
      <c r="E6055" s="5" t="s">
        <v>16951</v>
      </c>
      <c r="F6055" s="6">
        <v>7385</v>
      </c>
    </row>
    <row r="6056" spans="1:6" x14ac:dyDescent="0.25">
      <c r="A6056" s="4" t="s">
        <v>1792</v>
      </c>
      <c r="B6056" s="1" t="s">
        <v>3152</v>
      </c>
      <c r="C6056" s="5" t="s">
        <v>5571</v>
      </c>
      <c r="D6056" s="1" t="s">
        <v>1792</v>
      </c>
      <c r="E6056" s="5" t="s">
        <v>14613</v>
      </c>
      <c r="F6056" s="6">
        <v>3308</v>
      </c>
    </row>
    <row r="6057" spans="1:6" x14ac:dyDescent="0.25">
      <c r="A6057" s="4" t="s">
        <v>2299</v>
      </c>
      <c r="B6057" s="1" t="s">
        <v>3154</v>
      </c>
      <c r="C6057" s="5" t="s">
        <v>6062</v>
      </c>
      <c r="D6057" s="1" t="s">
        <v>2299</v>
      </c>
      <c r="E6057" s="5" t="s">
        <v>15485</v>
      </c>
      <c r="F6057" s="6">
        <v>4223</v>
      </c>
    </row>
    <row r="6058" spans="1:6" x14ac:dyDescent="0.25">
      <c r="A6058" s="4" t="s">
        <v>2180</v>
      </c>
      <c r="B6058" s="1" t="s">
        <v>3154</v>
      </c>
      <c r="C6058" s="5" t="s">
        <v>5888</v>
      </c>
      <c r="D6058" s="1" t="s">
        <v>2180</v>
      </c>
      <c r="E6058" s="5" t="s">
        <v>15198</v>
      </c>
      <c r="F6058" s="6">
        <v>3932</v>
      </c>
    </row>
    <row r="6059" spans="1:6" x14ac:dyDescent="0.25">
      <c r="A6059" s="4" t="s">
        <v>2489</v>
      </c>
      <c r="B6059" s="1" t="s">
        <v>3164</v>
      </c>
      <c r="C6059" s="5" t="s">
        <v>6361</v>
      </c>
      <c r="D6059" s="1" t="s">
        <v>2489</v>
      </c>
      <c r="E6059" s="5" t="s">
        <v>16039</v>
      </c>
      <c r="F6059" s="6">
        <v>5036</v>
      </c>
    </row>
    <row r="6060" spans="1:6" x14ac:dyDescent="0.25">
      <c r="A6060" s="4" t="s">
        <v>2940</v>
      </c>
      <c r="B6060" s="1" t="s">
        <v>3156</v>
      </c>
      <c r="C6060" s="5" t="s">
        <v>6961</v>
      </c>
      <c r="D6060" s="1" t="s">
        <v>2940</v>
      </c>
      <c r="E6060" s="5" t="s">
        <v>17323</v>
      </c>
      <c r="F6060" s="6">
        <v>8722</v>
      </c>
    </row>
    <row r="6061" spans="1:6" x14ac:dyDescent="0.25">
      <c r="A6061" s="4" t="s">
        <v>694</v>
      </c>
      <c r="B6061" s="1" t="s">
        <v>3153</v>
      </c>
      <c r="C6061" s="5" t="s">
        <v>4397</v>
      </c>
      <c r="D6061" s="1" t="s">
        <v>694</v>
      </c>
      <c r="E6061" s="5" t="s">
        <v>13148</v>
      </c>
      <c r="F6061" s="6">
        <v>1781</v>
      </c>
    </row>
    <row r="6062" spans="1:6" x14ac:dyDescent="0.25">
      <c r="A6062" s="4" t="s">
        <v>3042</v>
      </c>
      <c r="B6062" s="1" t="s">
        <v>3154</v>
      </c>
      <c r="C6062" s="5" t="s">
        <v>5708</v>
      </c>
      <c r="D6062" s="1" t="s">
        <v>3042</v>
      </c>
      <c r="E6062" s="5" t="s">
        <v>17658</v>
      </c>
      <c r="F6062" s="6">
        <v>9276</v>
      </c>
    </row>
    <row r="6063" spans="1:6" x14ac:dyDescent="0.25">
      <c r="A6063" s="4" t="s">
        <v>808</v>
      </c>
      <c r="B6063" s="1" t="s">
        <v>3161</v>
      </c>
      <c r="C6063" s="5" t="s">
        <v>4537</v>
      </c>
      <c r="D6063" s="1" t="s">
        <v>808</v>
      </c>
      <c r="E6063" s="5" t="s">
        <v>13320</v>
      </c>
      <c r="F6063" s="6">
        <v>1953</v>
      </c>
    </row>
    <row r="6064" spans="1:6" x14ac:dyDescent="0.25">
      <c r="A6064" s="4" t="s">
        <v>2297</v>
      </c>
      <c r="B6064" s="1" t="s">
        <v>3158</v>
      </c>
      <c r="C6064" s="5" t="s">
        <v>6058</v>
      </c>
      <c r="D6064" s="1" t="s">
        <v>2297</v>
      </c>
      <c r="E6064" s="5" t="s">
        <v>15474</v>
      </c>
      <c r="F6064" s="6">
        <v>4212</v>
      </c>
    </row>
    <row r="6065" spans="1:6" x14ac:dyDescent="0.25">
      <c r="A6065" s="4" t="s">
        <v>2706</v>
      </c>
      <c r="B6065" s="1" t="s">
        <v>3153</v>
      </c>
      <c r="C6065" s="5" t="s">
        <v>6638</v>
      </c>
      <c r="D6065" s="1" t="s">
        <v>2706</v>
      </c>
      <c r="E6065" s="5" t="s">
        <v>16594</v>
      </c>
      <c r="F6065" s="6">
        <v>6321</v>
      </c>
    </row>
    <row r="6066" spans="1:6" x14ac:dyDescent="0.25">
      <c r="A6066" s="4" t="s">
        <v>2198</v>
      </c>
      <c r="B6066" s="1" t="s">
        <v>3146</v>
      </c>
      <c r="C6066" s="5" t="s">
        <v>5912</v>
      </c>
      <c r="D6066" s="1" t="s">
        <v>9475</v>
      </c>
      <c r="E6066" s="5" t="s">
        <v>15249</v>
      </c>
      <c r="F6066" s="6">
        <v>3984</v>
      </c>
    </row>
    <row r="6067" spans="1:6" x14ac:dyDescent="0.25">
      <c r="A6067" s="4" t="s">
        <v>449</v>
      </c>
      <c r="B6067" s="1" t="s">
        <v>3164</v>
      </c>
      <c r="C6067" s="5" t="s">
        <v>3996</v>
      </c>
      <c r="D6067" s="1" t="s">
        <v>449</v>
      </c>
      <c r="E6067" s="5" t="s">
        <v>12539</v>
      </c>
      <c r="F6067" s="6">
        <v>1064</v>
      </c>
    </row>
    <row r="6068" spans="1:6" x14ac:dyDescent="0.25">
      <c r="A6068" s="4" t="s">
        <v>449</v>
      </c>
      <c r="B6068" s="1" t="s">
        <v>3164</v>
      </c>
      <c r="C6068" s="5" t="s">
        <v>5840</v>
      </c>
      <c r="D6068" s="1" t="s">
        <v>9375</v>
      </c>
      <c r="E6068" s="5" t="s">
        <v>15102</v>
      </c>
      <c r="F6068" s="6">
        <v>3831</v>
      </c>
    </row>
    <row r="6069" spans="1:6" x14ac:dyDescent="0.25">
      <c r="A6069" s="4" t="s">
        <v>449</v>
      </c>
      <c r="B6069" s="1" t="s">
        <v>3164</v>
      </c>
      <c r="C6069" s="5" t="s">
        <v>3996</v>
      </c>
      <c r="D6069" s="1" t="s">
        <v>9517</v>
      </c>
      <c r="E6069" s="5" t="s">
        <v>15312</v>
      </c>
      <c r="F6069" s="6">
        <v>4049</v>
      </c>
    </row>
    <row r="6070" spans="1:6" x14ac:dyDescent="0.25">
      <c r="A6070" s="4" t="s">
        <v>1169</v>
      </c>
      <c r="B6070" s="1" t="s">
        <v>3149</v>
      </c>
      <c r="C6070" s="5" t="s">
        <v>4911</v>
      </c>
      <c r="D6070" s="1" t="s">
        <v>8851</v>
      </c>
      <c r="E6070" s="5" t="s">
        <v>13751</v>
      </c>
      <c r="F6070" s="6">
        <v>2399</v>
      </c>
    </row>
    <row r="6071" spans="1:6" x14ac:dyDescent="0.25">
      <c r="A6071" s="4" t="s">
        <v>2607</v>
      </c>
      <c r="B6071" s="1" t="s">
        <v>3144</v>
      </c>
      <c r="C6071" s="5" t="s">
        <v>5831</v>
      </c>
      <c r="D6071" s="1" t="s">
        <v>10274</v>
      </c>
      <c r="E6071" s="5" t="s">
        <v>16346</v>
      </c>
      <c r="F6071" s="6">
        <v>5697</v>
      </c>
    </row>
    <row r="6072" spans="1:6" x14ac:dyDescent="0.25">
      <c r="A6072" s="4" t="s">
        <v>1314</v>
      </c>
      <c r="B6072" s="1" t="s">
        <v>3146</v>
      </c>
      <c r="C6072" s="5" t="s">
        <v>5099</v>
      </c>
      <c r="D6072" s="1" t="s">
        <v>1314</v>
      </c>
      <c r="E6072" s="5" t="s">
        <v>13985</v>
      </c>
      <c r="F6072" s="6">
        <v>2639</v>
      </c>
    </row>
    <row r="6073" spans="1:6" x14ac:dyDescent="0.25">
      <c r="A6073" s="4" t="s">
        <v>1295</v>
      </c>
      <c r="B6073" s="1" t="s">
        <v>3146</v>
      </c>
      <c r="C6073" s="5" t="s">
        <v>5081</v>
      </c>
      <c r="D6073" s="1" t="s">
        <v>8967</v>
      </c>
      <c r="E6073" s="5" t="s">
        <v>13964</v>
      </c>
      <c r="F6073" s="6">
        <v>2616</v>
      </c>
    </row>
    <row r="6074" spans="1:6" x14ac:dyDescent="0.25">
      <c r="A6074" s="4" t="s">
        <v>1295</v>
      </c>
      <c r="B6074" s="1" t="s">
        <v>3146</v>
      </c>
      <c r="C6074" s="5" t="s">
        <v>5082</v>
      </c>
      <c r="D6074" s="1" t="s">
        <v>8968</v>
      </c>
      <c r="E6074" s="5" t="s">
        <v>13965</v>
      </c>
      <c r="F6074" s="6">
        <v>2617</v>
      </c>
    </row>
    <row r="6075" spans="1:6" x14ac:dyDescent="0.25">
      <c r="A6075" s="4" t="s">
        <v>1295</v>
      </c>
      <c r="B6075" s="1" t="s">
        <v>3146</v>
      </c>
      <c r="C6075" s="5" t="s">
        <v>6626</v>
      </c>
      <c r="D6075" s="1" t="s">
        <v>10420</v>
      </c>
      <c r="E6075" s="5" t="s">
        <v>16563</v>
      </c>
      <c r="F6075" s="6">
        <v>6240</v>
      </c>
    </row>
    <row r="6076" spans="1:6" x14ac:dyDescent="0.25">
      <c r="A6076" s="4" t="s">
        <v>1295</v>
      </c>
      <c r="B6076" s="1" t="s">
        <v>3146</v>
      </c>
      <c r="C6076" s="5" t="s">
        <v>6721</v>
      </c>
      <c r="D6076" s="1" t="s">
        <v>10561</v>
      </c>
      <c r="E6076" s="5" t="s">
        <v>16751</v>
      </c>
      <c r="F6076" s="6">
        <v>6809</v>
      </c>
    </row>
    <row r="6077" spans="1:6" x14ac:dyDescent="0.25">
      <c r="A6077" s="4" t="s">
        <v>1295</v>
      </c>
      <c r="B6077" s="1" t="s">
        <v>3146</v>
      </c>
      <c r="C6077" s="5" t="s">
        <v>6721</v>
      </c>
      <c r="D6077" s="1" t="s">
        <v>11006</v>
      </c>
      <c r="E6077" s="5" t="s">
        <v>17321</v>
      </c>
      <c r="F6077" s="6">
        <v>8717</v>
      </c>
    </row>
    <row r="6078" spans="1:6" x14ac:dyDescent="0.25">
      <c r="A6078" s="4" t="s">
        <v>1295</v>
      </c>
      <c r="B6078" s="1" t="s">
        <v>3146</v>
      </c>
      <c r="C6078" s="5" t="s">
        <v>4080</v>
      </c>
      <c r="D6078" s="1" t="s">
        <v>11165</v>
      </c>
      <c r="E6078" s="5" t="s">
        <v>17534</v>
      </c>
      <c r="F6078" s="6">
        <v>9148</v>
      </c>
    </row>
    <row r="6079" spans="1:6" x14ac:dyDescent="0.25">
      <c r="A6079" s="4" t="s">
        <v>251</v>
      </c>
      <c r="B6079" s="1" t="s">
        <v>3146</v>
      </c>
      <c r="C6079" s="5" t="s">
        <v>3687</v>
      </c>
      <c r="D6079" s="1" t="s">
        <v>251</v>
      </c>
      <c r="E6079" s="5" t="s">
        <v>12162</v>
      </c>
      <c r="F6079" s="6">
        <v>636</v>
      </c>
    </row>
    <row r="6080" spans="1:6" x14ac:dyDescent="0.25">
      <c r="A6080" s="4" t="s">
        <v>251</v>
      </c>
      <c r="B6080" s="1" t="s">
        <v>3146</v>
      </c>
      <c r="C6080" s="5" t="s">
        <v>5746</v>
      </c>
      <c r="D6080" s="1" t="s">
        <v>9249</v>
      </c>
      <c r="E6080" s="5" t="s">
        <v>14923</v>
      </c>
      <c r="F6080" s="6">
        <v>3644</v>
      </c>
    </row>
    <row r="6081" spans="1:6" x14ac:dyDescent="0.25">
      <c r="A6081" s="4" t="s">
        <v>251</v>
      </c>
      <c r="B6081" s="1" t="s">
        <v>3146</v>
      </c>
      <c r="C6081" s="5" t="s">
        <v>6275</v>
      </c>
      <c r="D6081" s="1" t="s">
        <v>9920</v>
      </c>
      <c r="E6081" s="5" t="s">
        <v>15863</v>
      </c>
      <c r="F6081" s="6">
        <v>4777</v>
      </c>
    </row>
    <row r="6082" spans="1:6" x14ac:dyDescent="0.25">
      <c r="A6082" s="4" t="s">
        <v>251</v>
      </c>
      <c r="B6082" s="1" t="s">
        <v>3146</v>
      </c>
      <c r="C6082" s="5" t="s">
        <v>6556</v>
      </c>
      <c r="D6082" s="1" t="s">
        <v>10326</v>
      </c>
      <c r="E6082" s="5" t="s">
        <v>16421</v>
      </c>
      <c r="F6082" s="6">
        <v>5878</v>
      </c>
    </row>
    <row r="6083" spans="1:6" x14ac:dyDescent="0.25">
      <c r="A6083" s="4" t="s">
        <v>251</v>
      </c>
      <c r="B6083" s="1" t="s">
        <v>3146</v>
      </c>
      <c r="C6083" s="5" t="s">
        <v>6797</v>
      </c>
      <c r="D6083" s="1" t="s">
        <v>10676</v>
      </c>
      <c r="E6083" s="5" t="s">
        <v>16899</v>
      </c>
      <c r="F6083" s="6">
        <v>7204</v>
      </c>
    </row>
    <row r="6084" spans="1:6" x14ac:dyDescent="0.25">
      <c r="A6084" s="4" t="s">
        <v>251</v>
      </c>
      <c r="B6084" s="1" t="s">
        <v>3146</v>
      </c>
      <c r="C6084" s="5" t="s">
        <v>3687</v>
      </c>
      <c r="D6084" s="1" t="s">
        <v>11030</v>
      </c>
      <c r="E6084" s="5" t="s">
        <v>17354</v>
      </c>
      <c r="F6084" s="6">
        <v>8871</v>
      </c>
    </row>
    <row r="6085" spans="1:6" x14ac:dyDescent="0.25">
      <c r="A6085" s="4" t="s">
        <v>2960</v>
      </c>
      <c r="B6085" s="1" t="s">
        <v>3146</v>
      </c>
      <c r="C6085" s="5" t="s">
        <v>6982</v>
      </c>
      <c r="D6085" s="1" t="s">
        <v>2960</v>
      </c>
      <c r="E6085" s="5" t="s">
        <v>17384</v>
      </c>
      <c r="F6085" s="6">
        <v>8961</v>
      </c>
    </row>
    <row r="6086" spans="1:6" x14ac:dyDescent="0.25">
      <c r="A6086" s="4" t="s">
        <v>872</v>
      </c>
      <c r="B6086" s="1" t="s">
        <v>3146</v>
      </c>
      <c r="C6086" s="5" t="s">
        <v>4615</v>
      </c>
      <c r="D6086" s="1" t="s">
        <v>8757</v>
      </c>
      <c r="E6086" s="5" t="s">
        <v>13419</v>
      </c>
      <c r="F6086" s="6">
        <v>2053</v>
      </c>
    </row>
    <row r="6087" spans="1:6" x14ac:dyDescent="0.25">
      <c r="A6087" s="4" t="s">
        <v>872</v>
      </c>
      <c r="B6087" s="1" t="s">
        <v>3146</v>
      </c>
      <c r="C6087" s="5" t="s">
        <v>7102</v>
      </c>
      <c r="D6087" s="1" t="s">
        <v>11200</v>
      </c>
      <c r="E6087" s="5" t="s">
        <v>17587</v>
      </c>
      <c r="F6087" s="6">
        <v>9202</v>
      </c>
    </row>
    <row r="6088" spans="1:6" x14ac:dyDescent="0.25">
      <c r="A6088" s="4" t="s">
        <v>117</v>
      </c>
      <c r="B6088" s="1" t="s">
        <v>3155</v>
      </c>
      <c r="C6088" s="5" t="s">
        <v>3379</v>
      </c>
      <c r="D6088" s="1" t="s">
        <v>7504</v>
      </c>
      <c r="E6088" s="5" t="s">
        <v>11788</v>
      </c>
      <c r="F6088" s="6">
        <v>214</v>
      </c>
    </row>
    <row r="6089" spans="1:6" x14ac:dyDescent="0.25">
      <c r="A6089" s="4" t="s">
        <v>117</v>
      </c>
      <c r="B6089" s="1" t="s">
        <v>3155</v>
      </c>
      <c r="C6089" s="5" t="s">
        <v>3379</v>
      </c>
      <c r="D6089" s="1" t="s">
        <v>9004</v>
      </c>
      <c r="E6089" s="5" t="s">
        <v>14049</v>
      </c>
      <c r="F6089" s="6">
        <v>2703</v>
      </c>
    </row>
    <row r="6090" spans="1:6" x14ac:dyDescent="0.25">
      <c r="A6090" s="4" t="s">
        <v>117</v>
      </c>
      <c r="B6090" s="1" t="s">
        <v>3155</v>
      </c>
      <c r="C6090" s="5">
        <v>517504</v>
      </c>
      <c r="D6090" s="1" t="s">
        <v>10151</v>
      </c>
      <c r="E6090" s="5" t="s">
        <v>16161</v>
      </c>
      <c r="F6090" s="6">
        <v>5275</v>
      </c>
    </row>
    <row r="6091" spans="1:6" x14ac:dyDescent="0.25">
      <c r="A6091" s="4" t="s">
        <v>117</v>
      </c>
      <c r="B6091" s="1" t="s">
        <v>3155</v>
      </c>
      <c r="C6091" s="5">
        <v>517505</v>
      </c>
      <c r="D6091" s="1" t="s">
        <v>10288</v>
      </c>
      <c r="E6091" s="5" t="s">
        <v>16367</v>
      </c>
      <c r="F6091" s="6">
        <v>5763</v>
      </c>
    </row>
    <row r="6092" spans="1:6" x14ac:dyDescent="0.25">
      <c r="A6092" s="4" t="s">
        <v>117</v>
      </c>
      <c r="B6092" s="1" t="s">
        <v>3155</v>
      </c>
      <c r="C6092" s="5" t="s">
        <v>3379</v>
      </c>
      <c r="D6092" s="1" t="s">
        <v>11518</v>
      </c>
      <c r="E6092" s="5" t="s">
        <v>17982</v>
      </c>
      <c r="F6092" s="6">
        <v>9614</v>
      </c>
    </row>
    <row r="6093" spans="1:6" x14ac:dyDescent="0.25">
      <c r="A6093" s="4" t="s">
        <v>210</v>
      </c>
      <c r="B6093" s="1" t="s">
        <v>3146</v>
      </c>
      <c r="C6093" s="5" t="s">
        <v>3577</v>
      </c>
      <c r="D6093" s="1" t="s">
        <v>7718</v>
      </c>
      <c r="E6093" s="5" t="s">
        <v>12012</v>
      </c>
      <c r="F6093" s="6">
        <v>445</v>
      </c>
    </row>
    <row r="6094" spans="1:6" x14ac:dyDescent="0.25">
      <c r="A6094" s="4" t="s">
        <v>210</v>
      </c>
      <c r="B6094" s="1" t="s">
        <v>3146</v>
      </c>
      <c r="C6094" s="5" t="s">
        <v>4918</v>
      </c>
      <c r="D6094" s="1" t="s">
        <v>8858</v>
      </c>
      <c r="E6094" s="5" t="s">
        <v>13759</v>
      </c>
      <c r="F6094" s="6">
        <v>2408</v>
      </c>
    </row>
    <row r="6095" spans="1:6" x14ac:dyDescent="0.25">
      <c r="A6095" s="4" t="s">
        <v>210</v>
      </c>
      <c r="B6095" s="1" t="s">
        <v>3146</v>
      </c>
      <c r="C6095" s="5" t="s">
        <v>5787</v>
      </c>
      <c r="D6095" s="1" t="s">
        <v>9313</v>
      </c>
      <c r="E6095" s="5" t="s">
        <v>14999</v>
      </c>
      <c r="F6095" s="6">
        <v>3724</v>
      </c>
    </row>
    <row r="6096" spans="1:6" x14ac:dyDescent="0.25">
      <c r="A6096" s="4" t="s">
        <v>210</v>
      </c>
      <c r="B6096" s="1" t="s">
        <v>3146</v>
      </c>
      <c r="C6096" s="5" t="s">
        <v>5787</v>
      </c>
      <c r="D6096" s="1" t="s">
        <v>10672</v>
      </c>
      <c r="E6096" s="5" t="s">
        <v>16894</v>
      </c>
      <c r="F6096" s="6">
        <v>7192</v>
      </c>
    </row>
    <row r="6097" spans="1:6" x14ac:dyDescent="0.25">
      <c r="A6097" s="4" t="s">
        <v>210</v>
      </c>
      <c r="B6097" s="1" t="s">
        <v>3146</v>
      </c>
      <c r="C6097" s="5" t="s">
        <v>6796</v>
      </c>
      <c r="D6097" s="1" t="s">
        <v>10675</v>
      </c>
      <c r="E6097" s="5" t="s">
        <v>16898</v>
      </c>
      <c r="F6097" s="6">
        <v>7203</v>
      </c>
    </row>
    <row r="6098" spans="1:6" x14ac:dyDescent="0.25">
      <c r="A6098" s="4" t="s">
        <v>210</v>
      </c>
      <c r="B6098" s="1" t="s">
        <v>3146</v>
      </c>
      <c r="C6098" s="5" t="s">
        <v>6831</v>
      </c>
      <c r="D6098" s="1" t="s">
        <v>10736</v>
      </c>
      <c r="E6098" s="5" t="s">
        <v>16973</v>
      </c>
      <c r="F6098" s="6">
        <v>7447</v>
      </c>
    </row>
    <row r="6099" spans="1:6" x14ac:dyDescent="0.25">
      <c r="A6099" s="4" t="s">
        <v>210</v>
      </c>
      <c r="B6099" s="1" t="s">
        <v>3146</v>
      </c>
      <c r="C6099" s="5" t="s">
        <v>5787</v>
      </c>
      <c r="D6099" s="1" t="s">
        <v>10910</v>
      </c>
      <c r="E6099" s="5" t="s">
        <v>17199</v>
      </c>
      <c r="F6099" s="6">
        <v>8176</v>
      </c>
    </row>
    <row r="6100" spans="1:6" x14ac:dyDescent="0.25">
      <c r="A6100" s="4" t="s">
        <v>210</v>
      </c>
      <c r="B6100" s="1" t="s">
        <v>3146</v>
      </c>
      <c r="C6100" s="5" t="s">
        <v>7172</v>
      </c>
      <c r="D6100" s="1" t="s">
        <v>11301</v>
      </c>
      <c r="E6100" s="5" t="s">
        <v>17715</v>
      </c>
      <c r="F6100" s="6">
        <v>9337</v>
      </c>
    </row>
    <row r="6101" spans="1:6" x14ac:dyDescent="0.25">
      <c r="A6101" s="4" t="s">
        <v>325</v>
      </c>
      <c r="B6101" s="1" t="s">
        <v>3150</v>
      </c>
      <c r="C6101" s="5" t="s">
        <v>3802</v>
      </c>
      <c r="D6101" s="1" t="s">
        <v>325</v>
      </c>
      <c r="E6101" s="5" t="s">
        <v>12297</v>
      </c>
      <c r="F6101" s="6">
        <v>791</v>
      </c>
    </row>
    <row r="6102" spans="1:6" x14ac:dyDescent="0.25">
      <c r="A6102" s="4" t="s">
        <v>363</v>
      </c>
      <c r="B6102" s="1" t="s">
        <v>3146</v>
      </c>
      <c r="C6102" s="5" t="s">
        <v>3868</v>
      </c>
      <c r="D6102" s="1" t="s">
        <v>363</v>
      </c>
      <c r="E6102" s="5" t="s">
        <v>12369</v>
      </c>
      <c r="F6102" s="6">
        <v>876</v>
      </c>
    </row>
    <row r="6103" spans="1:6" x14ac:dyDescent="0.25">
      <c r="A6103" s="4" t="s">
        <v>363</v>
      </c>
      <c r="B6103" s="1" t="s">
        <v>3146</v>
      </c>
      <c r="C6103" s="5" t="s">
        <v>6382</v>
      </c>
      <c r="D6103" s="1" t="s">
        <v>10103</v>
      </c>
      <c r="E6103" s="5" t="s">
        <v>16102</v>
      </c>
      <c r="F6103" s="6">
        <v>5156</v>
      </c>
    </row>
    <row r="6104" spans="1:6" x14ac:dyDescent="0.25">
      <c r="A6104" s="4" t="s">
        <v>108</v>
      </c>
      <c r="B6104" s="1" t="s">
        <v>3150</v>
      </c>
      <c r="C6104" s="5" t="s">
        <v>3367</v>
      </c>
      <c r="D6104" s="1" t="s">
        <v>7492</v>
      </c>
      <c r="E6104" s="5" t="s">
        <v>11776</v>
      </c>
      <c r="F6104" s="6">
        <v>201</v>
      </c>
    </row>
    <row r="6105" spans="1:6" x14ac:dyDescent="0.25">
      <c r="A6105" s="4" t="s">
        <v>1130</v>
      </c>
      <c r="B6105" s="1" t="s">
        <v>3155</v>
      </c>
      <c r="C6105" s="5" t="s">
        <v>4872</v>
      </c>
      <c r="D6105" s="1" t="s">
        <v>1130</v>
      </c>
      <c r="E6105" s="5" t="s">
        <v>13703</v>
      </c>
      <c r="F6105" s="6">
        <v>2350</v>
      </c>
    </row>
    <row r="6106" spans="1:6" x14ac:dyDescent="0.25">
      <c r="A6106" s="4" t="s">
        <v>2220</v>
      </c>
      <c r="B6106" s="1" t="s">
        <v>3158</v>
      </c>
      <c r="C6106" s="5" t="s">
        <v>5942</v>
      </c>
      <c r="D6106" s="1" t="s">
        <v>2220</v>
      </c>
      <c r="E6106" s="5" t="s">
        <v>15304</v>
      </c>
      <c r="F6106" s="6">
        <v>4041</v>
      </c>
    </row>
    <row r="6107" spans="1:6" x14ac:dyDescent="0.25">
      <c r="A6107" s="4" t="s">
        <v>2463</v>
      </c>
      <c r="B6107" s="1" t="s">
        <v>3160</v>
      </c>
      <c r="C6107" s="5" t="s">
        <v>6344</v>
      </c>
      <c r="D6107" s="1" t="s">
        <v>2463</v>
      </c>
      <c r="E6107" s="5" t="s">
        <v>15980</v>
      </c>
      <c r="F6107" s="6">
        <v>4899</v>
      </c>
    </row>
    <row r="6108" spans="1:6" x14ac:dyDescent="0.25">
      <c r="A6108" s="4" t="s">
        <v>2614</v>
      </c>
      <c r="B6108" s="1" t="s">
        <v>3146</v>
      </c>
      <c r="C6108" s="5">
        <v>606106</v>
      </c>
      <c r="D6108" s="1" t="s">
        <v>2614</v>
      </c>
      <c r="E6108" s="5" t="s">
        <v>16358</v>
      </c>
      <c r="F6108" s="6">
        <v>5737</v>
      </c>
    </row>
    <row r="6109" spans="1:6" x14ac:dyDescent="0.25">
      <c r="A6109" s="4" t="s">
        <v>550</v>
      </c>
      <c r="B6109" s="1" t="s">
        <v>3154</v>
      </c>
      <c r="C6109" s="5" t="s">
        <v>4196</v>
      </c>
      <c r="D6109" s="1" t="s">
        <v>550</v>
      </c>
      <c r="E6109" s="5" t="s">
        <v>12884</v>
      </c>
      <c r="F6109" s="6">
        <v>1485</v>
      </c>
    </row>
    <row r="6110" spans="1:6" x14ac:dyDescent="0.25">
      <c r="A6110" s="4" t="s">
        <v>2824</v>
      </c>
      <c r="B6110" s="1" t="s">
        <v>3156</v>
      </c>
      <c r="C6110" s="5" t="s">
        <v>6818</v>
      </c>
      <c r="D6110" s="1" t="s">
        <v>2824</v>
      </c>
      <c r="E6110" s="5" t="s">
        <v>16950</v>
      </c>
      <c r="F6110" s="6">
        <v>7384</v>
      </c>
    </row>
    <row r="6111" spans="1:6" x14ac:dyDescent="0.25">
      <c r="A6111" s="4" t="s">
        <v>2780</v>
      </c>
      <c r="B6111" s="1" t="s">
        <v>3151</v>
      </c>
      <c r="C6111" s="5" t="s">
        <v>6746</v>
      </c>
      <c r="D6111" s="1" t="s">
        <v>2780</v>
      </c>
      <c r="E6111" s="5" t="s">
        <v>16795</v>
      </c>
      <c r="F6111" s="6">
        <v>6970</v>
      </c>
    </row>
    <row r="6112" spans="1:6" x14ac:dyDescent="0.25">
      <c r="A6112" s="4" t="s">
        <v>2795</v>
      </c>
      <c r="B6112" s="1" t="s">
        <v>3149</v>
      </c>
      <c r="C6112" s="5">
        <v>583123</v>
      </c>
      <c r="D6112" s="1" t="s">
        <v>2795</v>
      </c>
      <c r="E6112" s="5" t="s">
        <v>16860</v>
      </c>
      <c r="F6112" s="6">
        <v>7111</v>
      </c>
    </row>
    <row r="6113" spans="1:6" x14ac:dyDescent="0.25">
      <c r="A6113" s="4" t="s">
        <v>1489</v>
      </c>
      <c r="B6113" s="1" t="s">
        <v>3154</v>
      </c>
      <c r="C6113" s="5" t="s">
        <v>5304</v>
      </c>
      <c r="D6113" s="1" t="s">
        <v>1489</v>
      </c>
      <c r="E6113" s="5" t="s">
        <v>14262</v>
      </c>
      <c r="F6113" s="6">
        <v>2923</v>
      </c>
    </row>
    <row r="6114" spans="1:6" x14ac:dyDescent="0.25">
      <c r="A6114" s="4" t="s">
        <v>2287</v>
      </c>
      <c r="B6114" s="1" t="s">
        <v>3165</v>
      </c>
      <c r="C6114" s="5" t="s">
        <v>6038</v>
      </c>
      <c r="D6114" s="1" t="s">
        <v>9599</v>
      </c>
      <c r="E6114" s="5" t="s">
        <v>15446</v>
      </c>
      <c r="F6114" s="6">
        <v>4184</v>
      </c>
    </row>
    <row r="6115" spans="1:6" x14ac:dyDescent="0.25">
      <c r="A6115" s="4" t="s">
        <v>1505</v>
      </c>
      <c r="B6115" s="1" t="s">
        <v>3163</v>
      </c>
      <c r="C6115" s="5" t="s">
        <v>5324</v>
      </c>
      <c r="D6115" s="1" t="s">
        <v>1505</v>
      </c>
      <c r="E6115" s="5" t="s">
        <v>14283</v>
      </c>
      <c r="F6115" s="6">
        <v>2944</v>
      </c>
    </row>
    <row r="6116" spans="1:6" x14ac:dyDescent="0.25">
      <c r="A6116" s="4" t="s">
        <v>31</v>
      </c>
      <c r="B6116" s="1" t="s">
        <v>3146</v>
      </c>
      <c r="C6116" s="5" t="s">
        <v>3250</v>
      </c>
      <c r="D6116" s="1" t="s">
        <v>7375</v>
      </c>
      <c r="E6116" s="5" t="s">
        <v>11649</v>
      </c>
      <c r="F6116" s="6">
        <v>58</v>
      </c>
    </row>
    <row r="6117" spans="1:6" x14ac:dyDescent="0.25">
      <c r="A6117" s="4" t="s">
        <v>31</v>
      </c>
      <c r="B6117" s="1" t="s">
        <v>3146</v>
      </c>
      <c r="C6117" s="5" t="s">
        <v>4080</v>
      </c>
      <c r="D6117" s="1" t="s">
        <v>8267</v>
      </c>
      <c r="E6117" s="5" t="s">
        <v>12675</v>
      </c>
      <c r="F6117" s="6">
        <v>1271</v>
      </c>
    </row>
    <row r="6118" spans="1:6" x14ac:dyDescent="0.25">
      <c r="A6118" s="4" t="s">
        <v>31</v>
      </c>
      <c r="B6118" s="1" t="s">
        <v>3146</v>
      </c>
      <c r="C6118" s="5" t="s">
        <v>6304</v>
      </c>
      <c r="D6118" s="1" t="s">
        <v>9954</v>
      </c>
      <c r="E6118" s="5" t="s">
        <v>15908</v>
      </c>
      <c r="F6118" s="6">
        <v>4824</v>
      </c>
    </row>
    <row r="6119" spans="1:6" x14ac:dyDescent="0.25">
      <c r="A6119" s="4" t="s">
        <v>589</v>
      </c>
      <c r="B6119" s="1" t="s">
        <v>3150</v>
      </c>
      <c r="C6119" s="5" t="s">
        <v>4240</v>
      </c>
      <c r="D6119" s="1" t="s">
        <v>8471</v>
      </c>
      <c r="E6119" s="5" t="s">
        <v>12931</v>
      </c>
      <c r="F6119" s="6">
        <v>1539</v>
      </c>
    </row>
    <row r="6120" spans="1:6" x14ac:dyDescent="0.25">
      <c r="A6120" s="4" t="s">
        <v>35</v>
      </c>
      <c r="B6120" s="1" t="s">
        <v>3150</v>
      </c>
      <c r="C6120" s="5" t="s">
        <v>3255</v>
      </c>
      <c r="D6120" s="1" t="s">
        <v>7380</v>
      </c>
      <c r="E6120" s="5" t="s">
        <v>11654</v>
      </c>
      <c r="F6120" s="6">
        <v>63</v>
      </c>
    </row>
    <row r="6121" spans="1:6" x14ac:dyDescent="0.25">
      <c r="A6121" s="4" t="s">
        <v>35</v>
      </c>
      <c r="B6121" s="1" t="s">
        <v>3150</v>
      </c>
      <c r="C6121" s="5" t="s">
        <v>3723</v>
      </c>
      <c r="D6121" s="1" t="s">
        <v>7899</v>
      </c>
      <c r="E6121" s="5" t="s">
        <v>12207</v>
      </c>
      <c r="F6121" s="6">
        <v>683</v>
      </c>
    </row>
    <row r="6122" spans="1:6" x14ac:dyDescent="0.25">
      <c r="A6122" s="4" t="s">
        <v>35</v>
      </c>
      <c r="B6122" s="1" t="s">
        <v>3150</v>
      </c>
      <c r="C6122" s="5" t="s">
        <v>3948</v>
      </c>
      <c r="D6122" s="1" t="s">
        <v>8100</v>
      </c>
      <c r="E6122" s="5" t="s">
        <v>12476</v>
      </c>
      <c r="F6122" s="6">
        <v>996</v>
      </c>
    </row>
    <row r="6123" spans="1:6" x14ac:dyDescent="0.25">
      <c r="A6123" s="4" t="s">
        <v>35</v>
      </c>
      <c r="B6123" s="1" t="s">
        <v>3150</v>
      </c>
      <c r="C6123" s="5" t="s">
        <v>4074</v>
      </c>
      <c r="D6123" s="1" t="s">
        <v>8256</v>
      </c>
      <c r="E6123" s="5" t="s">
        <v>12663</v>
      </c>
      <c r="F6123" s="6">
        <v>1258</v>
      </c>
    </row>
    <row r="6124" spans="1:6" x14ac:dyDescent="0.25">
      <c r="A6124" s="4" t="s">
        <v>35</v>
      </c>
      <c r="B6124" s="1" t="s">
        <v>3150</v>
      </c>
      <c r="C6124" s="5" t="s">
        <v>4206</v>
      </c>
      <c r="D6124" s="1" t="s">
        <v>8447</v>
      </c>
      <c r="E6124" s="5" t="s">
        <v>12894</v>
      </c>
      <c r="F6124" s="6">
        <v>1496</v>
      </c>
    </row>
    <row r="6125" spans="1:6" x14ac:dyDescent="0.25">
      <c r="A6125" s="4" t="s">
        <v>35</v>
      </c>
      <c r="B6125" s="1" t="s">
        <v>3150</v>
      </c>
      <c r="C6125" s="5" t="s">
        <v>4215</v>
      </c>
      <c r="D6125" s="1" t="s">
        <v>8453</v>
      </c>
      <c r="E6125" s="5" t="s">
        <v>12904</v>
      </c>
      <c r="F6125" s="6">
        <v>1506</v>
      </c>
    </row>
    <row r="6126" spans="1:6" x14ac:dyDescent="0.25">
      <c r="A6126" s="4" t="s">
        <v>35</v>
      </c>
      <c r="B6126" s="1" t="s">
        <v>3150</v>
      </c>
      <c r="C6126" s="5" t="s">
        <v>4273</v>
      </c>
      <c r="D6126" s="1" t="s">
        <v>8520</v>
      </c>
      <c r="E6126" s="5" t="s">
        <v>12985</v>
      </c>
      <c r="F6126" s="6">
        <v>1596</v>
      </c>
    </row>
    <row r="6127" spans="1:6" x14ac:dyDescent="0.25">
      <c r="A6127" s="4" t="s">
        <v>35</v>
      </c>
      <c r="B6127" s="1" t="s">
        <v>3150</v>
      </c>
      <c r="C6127" s="5" t="s">
        <v>4274</v>
      </c>
      <c r="D6127" s="1" t="s">
        <v>8521</v>
      </c>
      <c r="E6127" s="5" t="s">
        <v>12986</v>
      </c>
      <c r="F6127" s="6">
        <v>1597</v>
      </c>
    </row>
    <row r="6128" spans="1:6" x14ac:dyDescent="0.25">
      <c r="A6128" s="4" t="s">
        <v>35</v>
      </c>
      <c r="B6128" s="1" t="s">
        <v>3150</v>
      </c>
      <c r="C6128" s="5" t="s">
        <v>4276</v>
      </c>
      <c r="D6128" s="1" t="s">
        <v>8523</v>
      </c>
      <c r="E6128" s="5" t="s">
        <v>12988</v>
      </c>
      <c r="F6128" s="6">
        <v>1599</v>
      </c>
    </row>
    <row r="6129" spans="1:6" x14ac:dyDescent="0.25">
      <c r="A6129" s="4" t="s">
        <v>35</v>
      </c>
      <c r="B6129" s="1" t="s">
        <v>3150</v>
      </c>
      <c r="C6129" s="5" t="s">
        <v>5956</v>
      </c>
      <c r="D6129" s="1" t="s">
        <v>9527</v>
      </c>
      <c r="E6129" s="5" t="s">
        <v>15326</v>
      </c>
      <c r="F6129" s="6">
        <v>4063</v>
      </c>
    </row>
    <row r="6130" spans="1:6" x14ac:dyDescent="0.25">
      <c r="A6130" s="4" t="s">
        <v>35</v>
      </c>
      <c r="B6130" s="1" t="s">
        <v>3150</v>
      </c>
      <c r="C6130" s="5" t="s">
        <v>4206</v>
      </c>
      <c r="D6130" s="1" t="s">
        <v>9662</v>
      </c>
      <c r="E6130" s="5" t="s">
        <v>15535</v>
      </c>
      <c r="F6130" s="6">
        <v>4275</v>
      </c>
    </row>
    <row r="6131" spans="1:6" x14ac:dyDescent="0.25">
      <c r="A6131" s="4" t="s">
        <v>35</v>
      </c>
      <c r="B6131" s="1" t="s">
        <v>3150</v>
      </c>
      <c r="C6131" s="5" t="s">
        <v>3343</v>
      </c>
      <c r="D6131" s="1" t="s">
        <v>9893</v>
      </c>
      <c r="E6131" s="5" t="s">
        <v>15829</v>
      </c>
      <c r="F6131" s="6">
        <v>4740</v>
      </c>
    </row>
    <row r="6132" spans="1:6" x14ac:dyDescent="0.25">
      <c r="A6132" s="4" t="s">
        <v>35</v>
      </c>
      <c r="B6132" s="1" t="s">
        <v>3150</v>
      </c>
      <c r="C6132" s="5" t="s">
        <v>6400</v>
      </c>
      <c r="D6132" s="1" t="s">
        <v>10134</v>
      </c>
      <c r="E6132" s="5" t="s">
        <v>16139</v>
      </c>
      <c r="F6132" s="6">
        <v>5235</v>
      </c>
    </row>
    <row r="6133" spans="1:6" x14ac:dyDescent="0.25">
      <c r="A6133" s="4" t="s">
        <v>35</v>
      </c>
      <c r="B6133" s="1" t="s">
        <v>3150</v>
      </c>
      <c r="C6133" s="5" t="s">
        <v>7170</v>
      </c>
      <c r="D6133" s="1" t="s">
        <v>11299</v>
      </c>
      <c r="E6133" s="5" t="s">
        <v>17712</v>
      </c>
      <c r="F6133" s="6">
        <v>9333</v>
      </c>
    </row>
    <row r="6134" spans="1:6" x14ac:dyDescent="0.25">
      <c r="A6134" s="4" t="s">
        <v>35</v>
      </c>
      <c r="B6134" s="1" t="s">
        <v>3150</v>
      </c>
      <c r="C6134" s="5" t="s">
        <v>7207</v>
      </c>
      <c r="D6134" s="1" t="s">
        <v>11405</v>
      </c>
      <c r="E6134" s="5" t="s">
        <v>17833</v>
      </c>
      <c r="F6134" s="6">
        <v>9459</v>
      </c>
    </row>
    <row r="6135" spans="1:6" x14ac:dyDescent="0.25">
      <c r="A6135" s="4" t="s">
        <v>35</v>
      </c>
      <c r="B6135" s="1" t="s">
        <v>3150</v>
      </c>
      <c r="C6135" s="5" t="s">
        <v>7320</v>
      </c>
      <c r="D6135" s="1" t="s">
        <v>11588</v>
      </c>
      <c r="E6135" s="5" t="s">
        <v>18065</v>
      </c>
      <c r="F6135" s="6">
        <v>9699</v>
      </c>
    </row>
    <row r="6136" spans="1:6" x14ac:dyDescent="0.25">
      <c r="A6136" s="4" t="s">
        <v>3048</v>
      </c>
      <c r="B6136" s="1" t="s">
        <v>3144</v>
      </c>
      <c r="C6136" s="5" t="s">
        <v>7156</v>
      </c>
      <c r="D6136" s="1" t="s">
        <v>11279</v>
      </c>
      <c r="E6136" s="5" t="s">
        <v>17687</v>
      </c>
      <c r="F6136" s="6">
        <v>9305</v>
      </c>
    </row>
    <row r="6137" spans="1:6" x14ac:dyDescent="0.25">
      <c r="A6137" s="4" t="s">
        <v>2239</v>
      </c>
      <c r="B6137" s="1" t="s">
        <v>3158</v>
      </c>
      <c r="C6137" s="5" t="s">
        <v>5963</v>
      </c>
      <c r="D6137" s="1" t="s">
        <v>2239</v>
      </c>
      <c r="E6137" s="5" t="s">
        <v>15334</v>
      </c>
      <c r="F6137" s="6">
        <v>4071</v>
      </c>
    </row>
    <row r="6138" spans="1:6" x14ac:dyDescent="0.25">
      <c r="A6138" s="4" t="s">
        <v>893</v>
      </c>
      <c r="B6138" s="1" t="s">
        <v>3149</v>
      </c>
      <c r="C6138" s="5" t="s">
        <v>4640</v>
      </c>
      <c r="D6138" s="1" t="s">
        <v>893</v>
      </c>
      <c r="E6138" s="5" t="s">
        <v>13454</v>
      </c>
      <c r="F6138" s="6">
        <v>2090</v>
      </c>
    </row>
    <row r="6139" spans="1:6" x14ac:dyDescent="0.25">
      <c r="A6139" s="4" t="s">
        <v>893</v>
      </c>
      <c r="B6139" s="1" t="s">
        <v>3149</v>
      </c>
      <c r="C6139" s="5" t="s">
        <v>4640</v>
      </c>
      <c r="D6139" s="1" t="s">
        <v>10312</v>
      </c>
      <c r="E6139" s="5" t="s">
        <v>16404</v>
      </c>
      <c r="F6139" s="6">
        <v>5840</v>
      </c>
    </row>
    <row r="6140" spans="1:6" x14ac:dyDescent="0.25">
      <c r="A6140" s="4" t="s">
        <v>893</v>
      </c>
      <c r="B6140" s="1" t="s">
        <v>3149</v>
      </c>
      <c r="C6140" s="5" t="s">
        <v>6921</v>
      </c>
      <c r="D6140" s="1" t="s">
        <v>10926</v>
      </c>
      <c r="E6140" s="5" t="s">
        <v>17220</v>
      </c>
      <c r="F6140" s="6">
        <v>8217</v>
      </c>
    </row>
    <row r="6141" spans="1:6" x14ac:dyDescent="0.25">
      <c r="A6141" s="4" t="s">
        <v>1822</v>
      </c>
      <c r="B6141" s="1" t="s">
        <v>3144</v>
      </c>
      <c r="C6141" s="5" t="s">
        <v>5594</v>
      </c>
      <c r="D6141" s="1" t="s">
        <v>1822</v>
      </c>
      <c r="E6141" s="5" t="s">
        <v>14646</v>
      </c>
      <c r="F6141" s="6">
        <v>3344</v>
      </c>
    </row>
    <row r="6142" spans="1:6" x14ac:dyDescent="0.25">
      <c r="A6142" s="4" t="s">
        <v>1544</v>
      </c>
      <c r="B6142" s="1" t="s">
        <v>3158</v>
      </c>
      <c r="C6142" s="5" t="s">
        <v>5363</v>
      </c>
      <c r="D6142" s="1" t="s">
        <v>1544</v>
      </c>
      <c r="E6142" s="5" t="s">
        <v>14325</v>
      </c>
      <c r="F6142" s="6">
        <v>2987</v>
      </c>
    </row>
    <row r="6143" spans="1:6" x14ac:dyDescent="0.25">
      <c r="A6143" s="4" t="s">
        <v>1164</v>
      </c>
      <c r="B6143" s="1" t="s">
        <v>3155</v>
      </c>
      <c r="C6143" s="5" t="s">
        <v>4905</v>
      </c>
      <c r="D6143" s="1" t="s">
        <v>1164</v>
      </c>
      <c r="E6143" s="5" t="s">
        <v>13741</v>
      </c>
      <c r="F6143" s="6">
        <v>2389</v>
      </c>
    </row>
    <row r="6144" spans="1:6" x14ac:dyDescent="0.25">
      <c r="A6144" s="4" t="s">
        <v>711</v>
      </c>
      <c r="B6144" s="1" t="s">
        <v>3167</v>
      </c>
      <c r="C6144" s="5" t="s">
        <v>4422</v>
      </c>
      <c r="D6144" s="1" t="s">
        <v>711</v>
      </c>
      <c r="E6144" s="5" t="s">
        <v>13180</v>
      </c>
      <c r="F6144" s="6">
        <v>1813</v>
      </c>
    </row>
    <row r="6145" spans="1:6" x14ac:dyDescent="0.25">
      <c r="A6145" s="4" t="s">
        <v>460</v>
      </c>
      <c r="B6145" s="1" t="s">
        <v>3146</v>
      </c>
      <c r="C6145" s="5" t="s">
        <v>4023</v>
      </c>
      <c r="D6145" s="1" t="s">
        <v>460</v>
      </c>
      <c r="E6145" s="5" t="s">
        <v>12574</v>
      </c>
      <c r="F6145" s="6">
        <v>1104</v>
      </c>
    </row>
    <row r="6146" spans="1:6" x14ac:dyDescent="0.25">
      <c r="A6146" s="4" t="s">
        <v>460</v>
      </c>
      <c r="B6146" s="1" t="s">
        <v>3146</v>
      </c>
      <c r="C6146" s="5" t="s">
        <v>6861</v>
      </c>
      <c r="D6146" s="1" t="s">
        <v>10781</v>
      </c>
      <c r="E6146" s="5" t="s">
        <v>17040</v>
      </c>
      <c r="F6146" s="6">
        <v>7654</v>
      </c>
    </row>
    <row r="6147" spans="1:6" x14ac:dyDescent="0.25">
      <c r="A6147" s="4" t="s">
        <v>460</v>
      </c>
      <c r="B6147" s="1" t="s">
        <v>3146</v>
      </c>
      <c r="C6147" s="5">
        <v>628002</v>
      </c>
      <c r="D6147" s="1" t="s">
        <v>10929</v>
      </c>
      <c r="E6147" s="5" t="s">
        <v>17223</v>
      </c>
      <c r="F6147" s="6">
        <v>8224</v>
      </c>
    </row>
    <row r="6148" spans="1:6" x14ac:dyDescent="0.25">
      <c r="A6148" s="4" t="s">
        <v>405</v>
      </c>
      <c r="B6148" s="1" t="s">
        <v>3157</v>
      </c>
      <c r="C6148" s="5" t="s">
        <v>3923</v>
      </c>
      <c r="D6148" s="1" t="s">
        <v>8079</v>
      </c>
      <c r="E6148" s="5" t="s">
        <v>12443</v>
      </c>
      <c r="F6148" s="6">
        <v>959</v>
      </c>
    </row>
    <row r="6149" spans="1:6" x14ac:dyDescent="0.25">
      <c r="A6149" s="4" t="s">
        <v>2356</v>
      </c>
      <c r="B6149" s="1" t="s">
        <v>3154</v>
      </c>
      <c r="C6149" s="5" t="s">
        <v>6151</v>
      </c>
      <c r="D6149" s="1" t="s">
        <v>2356</v>
      </c>
      <c r="E6149" s="5" t="s">
        <v>15630</v>
      </c>
      <c r="F6149" s="6">
        <v>4372</v>
      </c>
    </row>
    <row r="6150" spans="1:6" x14ac:dyDescent="0.25">
      <c r="A6150" s="4" t="s">
        <v>58</v>
      </c>
      <c r="B6150" s="1" t="s">
        <v>3156</v>
      </c>
      <c r="C6150" s="5" t="s">
        <v>3295</v>
      </c>
      <c r="D6150" s="1" t="s">
        <v>7424</v>
      </c>
      <c r="E6150" s="5" t="s">
        <v>11699</v>
      </c>
      <c r="F6150" s="6">
        <v>119</v>
      </c>
    </row>
    <row r="6151" spans="1:6" x14ac:dyDescent="0.25">
      <c r="A6151" s="4" t="s">
        <v>58</v>
      </c>
      <c r="B6151" s="1" t="s">
        <v>3156</v>
      </c>
      <c r="C6151" s="5" t="s">
        <v>3295</v>
      </c>
      <c r="D6151" s="1" t="s">
        <v>8269</v>
      </c>
      <c r="E6151" s="5" t="s">
        <v>12677</v>
      </c>
      <c r="F6151" s="6">
        <v>1273</v>
      </c>
    </row>
    <row r="6152" spans="1:6" x14ac:dyDescent="0.25">
      <c r="A6152" s="4" t="s">
        <v>58</v>
      </c>
      <c r="B6152" s="1" t="s">
        <v>3156</v>
      </c>
      <c r="C6152" s="5" t="s">
        <v>4777</v>
      </c>
      <c r="D6152" s="1" t="s">
        <v>8965</v>
      </c>
      <c r="E6152" s="5" t="s">
        <v>13962</v>
      </c>
      <c r="F6152" s="6">
        <v>2614</v>
      </c>
    </row>
    <row r="6153" spans="1:6" x14ac:dyDescent="0.25">
      <c r="A6153" s="4" t="s">
        <v>58</v>
      </c>
      <c r="B6153" s="1" t="s">
        <v>3156</v>
      </c>
      <c r="C6153" s="5" t="s">
        <v>6213</v>
      </c>
      <c r="D6153" s="1" t="s">
        <v>9834</v>
      </c>
      <c r="E6153" s="5" t="s">
        <v>15753</v>
      </c>
      <c r="F6153" s="6">
        <v>4632</v>
      </c>
    </row>
    <row r="6154" spans="1:6" x14ac:dyDescent="0.25">
      <c r="A6154" s="4" t="s">
        <v>58</v>
      </c>
      <c r="B6154" s="1" t="s">
        <v>3156</v>
      </c>
      <c r="C6154" s="5" t="s">
        <v>5642</v>
      </c>
      <c r="D6154" s="1" t="s">
        <v>63</v>
      </c>
      <c r="E6154" s="5" t="s">
        <v>15943</v>
      </c>
      <c r="F6154" s="6">
        <v>4861</v>
      </c>
    </row>
    <row r="6155" spans="1:6" x14ac:dyDescent="0.25">
      <c r="A6155" s="4" t="s">
        <v>58</v>
      </c>
      <c r="B6155" s="1" t="s">
        <v>3156</v>
      </c>
      <c r="C6155" s="5" t="s">
        <v>3295</v>
      </c>
      <c r="D6155" s="1" t="s">
        <v>10099</v>
      </c>
      <c r="E6155" s="5" t="s">
        <v>16098</v>
      </c>
      <c r="F6155" s="6">
        <v>5152</v>
      </c>
    </row>
    <row r="6156" spans="1:6" x14ac:dyDescent="0.25">
      <c r="A6156" s="4" t="s">
        <v>58</v>
      </c>
      <c r="B6156" s="1" t="s">
        <v>3156</v>
      </c>
      <c r="C6156" s="5" t="s">
        <v>6408</v>
      </c>
      <c r="D6156" s="1" t="s">
        <v>10143</v>
      </c>
      <c r="E6156" s="5" t="s">
        <v>16152</v>
      </c>
      <c r="F6156" s="6">
        <v>5259</v>
      </c>
    </row>
    <row r="6157" spans="1:6" x14ac:dyDescent="0.25">
      <c r="A6157" s="4" t="s">
        <v>58</v>
      </c>
      <c r="B6157" s="1" t="s">
        <v>3156</v>
      </c>
      <c r="C6157" s="5" t="s">
        <v>3295</v>
      </c>
      <c r="D6157" s="1" t="s">
        <v>10200</v>
      </c>
      <c r="E6157" s="5" t="s">
        <v>16223</v>
      </c>
      <c r="F6157" s="6">
        <v>5422</v>
      </c>
    </row>
    <row r="6158" spans="1:6" x14ac:dyDescent="0.25">
      <c r="A6158" s="4" t="s">
        <v>58</v>
      </c>
      <c r="B6158" s="1" t="s">
        <v>3156</v>
      </c>
      <c r="C6158" s="5" t="s">
        <v>3295</v>
      </c>
      <c r="D6158" s="1" t="s">
        <v>10347</v>
      </c>
      <c r="E6158" s="5" t="s">
        <v>16461</v>
      </c>
      <c r="F6158" s="6">
        <v>5970</v>
      </c>
    </row>
    <row r="6159" spans="1:6" x14ac:dyDescent="0.25">
      <c r="A6159" s="4" t="s">
        <v>58</v>
      </c>
      <c r="B6159" s="1" t="s">
        <v>3156</v>
      </c>
      <c r="C6159" s="5">
        <v>313001</v>
      </c>
      <c r="D6159" s="1" t="s">
        <v>9610</v>
      </c>
      <c r="E6159" s="5" t="s">
        <v>16491</v>
      </c>
      <c r="F6159" s="6">
        <v>6042</v>
      </c>
    </row>
    <row r="6160" spans="1:6" x14ac:dyDescent="0.25">
      <c r="A6160" s="4" t="s">
        <v>58</v>
      </c>
      <c r="B6160" s="1" t="s">
        <v>3156</v>
      </c>
      <c r="C6160" s="5" t="s">
        <v>6677</v>
      </c>
      <c r="D6160" s="1" t="s">
        <v>10511</v>
      </c>
      <c r="E6160" s="5" t="s">
        <v>16680</v>
      </c>
      <c r="F6160" s="6">
        <v>6554</v>
      </c>
    </row>
    <row r="6161" spans="1:6" x14ac:dyDescent="0.25">
      <c r="A6161" s="4" t="s">
        <v>58</v>
      </c>
      <c r="B6161" s="1" t="s">
        <v>3156</v>
      </c>
      <c r="C6161" s="5" t="s">
        <v>6408</v>
      </c>
      <c r="D6161" s="1" t="s">
        <v>10571</v>
      </c>
      <c r="E6161" s="5" t="s">
        <v>16763</v>
      </c>
      <c r="F6161" s="6">
        <v>6864</v>
      </c>
    </row>
    <row r="6162" spans="1:6" x14ac:dyDescent="0.25">
      <c r="A6162" s="4" t="s">
        <v>58</v>
      </c>
      <c r="B6162" s="1" t="s">
        <v>3156</v>
      </c>
      <c r="C6162" s="5" t="s">
        <v>3295</v>
      </c>
      <c r="D6162" s="1" t="s">
        <v>10637</v>
      </c>
      <c r="E6162" s="5" t="s">
        <v>16848</v>
      </c>
      <c r="F6162" s="6">
        <v>7089</v>
      </c>
    </row>
    <row r="6163" spans="1:6" x14ac:dyDescent="0.25">
      <c r="A6163" s="4" t="s">
        <v>58</v>
      </c>
      <c r="B6163" s="1" t="s">
        <v>3156</v>
      </c>
      <c r="C6163" s="5" t="s">
        <v>3295</v>
      </c>
      <c r="D6163" s="1" t="s">
        <v>10646</v>
      </c>
      <c r="E6163" s="5" t="s">
        <v>16861</v>
      </c>
      <c r="F6163" s="6">
        <v>7112</v>
      </c>
    </row>
    <row r="6164" spans="1:6" x14ac:dyDescent="0.25">
      <c r="A6164" s="4" t="s">
        <v>58</v>
      </c>
      <c r="B6164" s="1" t="s">
        <v>3156</v>
      </c>
      <c r="C6164" s="5" t="s">
        <v>3295</v>
      </c>
      <c r="D6164" s="1" t="s">
        <v>10907</v>
      </c>
      <c r="E6164" s="5" t="s">
        <v>17196</v>
      </c>
      <c r="F6164" s="6">
        <v>8171</v>
      </c>
    </row>
    <row r="6165" spans="1:6" x14ac:dyDescent="0.25">
      <c r="A6165" s="4" t="s">
        <v>2944</v>
      </c>
      <c r="B6165" s="1" t="s">
        <v>3156</v>
      </c>
      <c r="C6165" s="5" t="s">
        <v>6408</v>
      </c>
      <c r="D6165" s="1" t="s">
        <v>11010</v>
      </c>
      <c r="E6165" s="5" t="s">
        <v>17328</v>
      </c>
      <c r="F6165" s="6">
        <v>8738</v>
      </c>
    </row>
    <row r="6166" spans="1:6" x14ac:dyDescent="0.25">
      <c r="A6166" s="4" t="s">
        <v>1004</v>
      </c>
      <c r="B6166" s="1" t="s">
        <v>3168</v>
      </c>
      <c r="C6166" s="5" t="s">
        <v>4750</v>
      </c>
      <c r="D6166" s="1" t="s">
        <v>8804</v>
      </c>
      <c r="E6166" s="5" t="s">
        <v>13571</v>
      </c>
      <c r="F6166" s="6">
        <v>2211</v>
      </c>
    </row>
    <row r="6167" spans="1:6" x14ac:dyDescent="0.25">
      <c r="A6167" s="4" t="s">
        <v>2746</v>
      </c>
      <c r="B6167" s="1" t="s">
        <v>3153</v>
      </c>
      <c r="C6167" s="5" t="s">
        <v>6693</v>
      </c>
      <c r="D6167" s="1" t="s">
        <v>10535</v>
      </c>
      <c r="E6167" s="5" t="s">
        <v>16711</v>
      </c>
      <c r="F6167" s="6">
        <v>6650</v>
      </c>
    </row>
    <row r="6168" spans="1:6" x14ac:dyDescent="0.25">
      <c r="A6168" s="4" t="s">
        <v>2912</v>
      </c>
      <c r="B6168" s="1" t="s">
        <v>3164</v>
      </c>
      <c r="C6168" s="5" t="s">
        <v>6926</v>
      </c>
      <c r="D6168" s="1" t="s">
        <v>10941</v>
      </c>
      <c r="E6168" s="5" t="s">
        <v>17239</v>
      </c>
      <c r="F6168" s="6">
        <v>8287</v>
      </c>
    </row>
    <row r="6169" spans="1:6" x14ac:dyDescent="0.25">
      <c r="A6169" s="4" t="s">
        <v>1348</v>
      </c>
      <c r="B6169" s="1" t="s">
        <v>3144</v>
      </c>
      <c r="C6169" s="5" t="s">
        <v>5141</v>
      </c>
      <c r="D6169" s="1" t="s">
        <v>1348</v>
      </c>
      <c r="E6169" s="5" t="s">
        <v>14035</v>
      </c>
      <c r="F6169" s="6">
        <v>2689</v>
      </c>
    </row>
    <row r="6170" spans="1:6" x14ac:dyDescent="0.25">
      <c r="A6170" s="4" t="s">
        <v>2451</v>
      </c>
      <c r="B6170" s="1" t="s">
        <v>3162</v>
      </c>
      <c r="C6170" s="5" t="s">
        <v>6329</v>
      </c>
      <c r="D6170" s="1" t="s">
        <v>9983</v>
      </c>
      <c r="E6170" s="5" t="s">
        <v>15948</v>
      </c>
      <c r="F6170" s="6">
        <v>4867</v>
      </c>
    </row>
    <row r="6171" spans="1:6" x14ac:dyDescent="0.25">
      <c r="A6171" s="4" t="s">
        <v>2451</v>
      </c>
      <c r="B6171" s="1" t="s">
        <v>3162</v>
      </c>
      <c r="C6171" s="5" t="s">
        <v>5683</v>
      </c>
      <c r="D6171" s="1" t="s">
        <v>9984</v>
      </c>
      <c r="E6171" s="5" t="s">
        <v>15949</v>
      </c>
      <c r="F6171" s="6">
        <v>4868</v>
      </c>
    </row>
    <row r="6172" spans="1:6" x14ac:dyDescent="0.25">
      <c r="A6172" s="4" t="s">
        <v>1248</v>
      </c>
      <c r="B6172" s="1" t="s">
        <v>3163</v>
      </c>
      <c r="C6172" s="5" t="s">
        <v>5021</v>
      </c>
      <c r="D6172" s="1" t="s">
        <v>8928</v>
      </c>
      <c r="E6172" s="5" t="s">
        <v>13889</v>
      </c>
      <c r="F6172" s="6">
        <v>2540</v>
      </c>
    </row>
    <row r="6173" spans="1:6" x14ac:dyDescent="0.25">
      <c r="A6173" s="4" t="s">
        <v>1248</v>
      </c>
      <c r="B6173" s="1" t="s">
        <v>3163</v>
      </c>
      <c r="C6173" s="5" t="s">
        <v>5021</v>
      </c>
      <c r="D6173" s="1" t="s">
        <v>10096</v>
      </c>
      <c r="E6173" s="5" t="s">
        <v>16095</v>
      </c>
      <c r="F6173" s="6">
        <v>5147</v>
      </c>
    </row>
    <row r="6174" spans="1:6" x14ac:dyDescent="0.25">
      <c r="A6174" s="4" t="s">
        <v>737</v>
      </c>
      <c r="B6174" s="1" t="s">
        <v>3146</v>
      </c>
      <c r="C6174" s="5" t="s">
        <v>4451</v>
      </c>
      <c r="D6174" s="1" t="s">
        <v>8649</v>
      </c>
      <c r="E6174" s="5" t="s">
        <v>13216</v>
      </c>
      <c r="F6174" s="6">
        <v>1849</v>
      </c>
    </row>
    <row r="6175" spans="1:6" x14ac:dyDescent="0.25">
      <c r="A6175" s="4" t="s">
        <v>238</v>
      </c>
      <c r="B6175" s="1" t="s">
        <v>3149</v>
      </c>
      <c r="C6175" s="5" t="s">
        <v>3654</v>
      </c>
      <c r="D6175" s="1" t="s">
        <v>238</v>
      </c>
      <c r="E6175" s="5" t="s">
        <v>12109</v>
      </c>
      <c r="F6175" s="6">
        <v>570</v>
      </c>
    </row>
    <row r="6176" spans="1:6" x14ac:dyDescent="0.25">
      <c r="A6176" s="4" t="s">
        <v>238</v>
      </c>
      <c r="B6176" s="1" t="s">
        <v>3149</v>
      </c>
      <c r="C6176" s="5" t="s">
        <v>6882</v>
      </c>
      <c r="D6176" s="1" t="s">
        <v>10835</v>
      </c>
      <c r="E6176" s="5" t="s">
        <v>17108</v>
      </c>
      <c r="F6176" s="6">
        <v>7937</v>
      </c>
    </row>
    <row r="6177" spans="1:6" x14ac:dyDescent="0.25">
      <c r="A6177" s="4" t="s">
        <v>1763</v>
      </c>
      <c r="B6177" s="1" t="s">
        <v>3152</v>
      </c>
      <c r="C6177" s="5" t="s">
        <v>4647</v>
      </c>
      <c r="D6177" s="1" t="s">
        <v>1763</v>
      </c>
      <c r="E6177" s="5" t="s">
        <v>14580</v>
      </c>
      <c r="F6177" s="6">
        <v>3272</v>
      </c>
    </row>
    <row r="6178" spans="1:6" x14ac:dyDescent="0.25">
      <c r="A6178" s="4" t="s">
        <v>1883</v>
      </c>
      <c r="B6178" s="1" t="s">
        <v>3154</v>
      </c>
      <c r="C6178" s="5" t="s">
        <v>5526</v>
      </c>
      <c r="D6178" s="1" t="s">
        <v>1883</v>
      </c>
      <c r="E6178" s="5" t="s">
        <v>14716</v>
      </c>
      <c r="F6178" s="6">
        <v>3423</v>
      </c>
    </row>
    <row r="6179" spans="1:6" x14ac:dyDescent="0.25">
      <c r="A6179" s="4" t="s">
        <v>1299</v>
      </c>
      <c r="B6179" s="1" t="s">
        <v>3158</v>
      </c>
      <c r="C6179" s="5" t="s">
        <v>5086</v>
      </c>
      <c r="D6179" s="1" t="s">
        <v>1299</v>
      </c>
      <c r="E6179" s="5" t="s">
        <v>13969</v>
      </c>
      <c r="F6179" s="6">
        <v>2621</v>
      </c>
    </row>
    <row r="6180" spans="1:6" x14ac:dyDescent="0.25">
      <c r="A6180" s="4" t="s">
        <v>373</v>
      </c>
      <c r="B6180" s="1" t="s">
        <v>3153</v>
      </c>
      <c r="C6180" s="5" t="s">
        <v>3887</v>
      </c>
      <c r="D6180" s="1" t="s">
        <v>373</v>
      </c>
      <c r="E6180" s="5" t="s">
        <v>12395</v>
      </c>
      <c r="F6180" s="6">
        <v>908</v>
      </c>
    </row>
    <row r="6181" spans="1:6" x14ac:dyDescent="0.25">
      <c r="A6181" s="4" t="s">
        <v>373</v>
      </c>
      <c r="B6181" s="1" t="s">
        <v>3153</v>
      </c>
      <c r="C6181" s="5" t="s">
        <v>6081</v>
      </c>
      <c r="D6181" s="1" t="s">
        <v>9644</v>
      </c>
      <c r="E6181" s="5" t="s">
        <v>15511</v>
      </c>
      <c r="F6181" s="6">
        <v>4249</v>
      </c>
    </row>
    <row r="6182" spans="1:6" x14ac:dyDescent="0.25">
      <c r="A6182" s="4" t="s">
        <v>373</v>
      </c>
      <c r="B6182" s="1" t="s">
        <v>3153</v>
      </c>
      <c r="C6182" s="5" t="s">
        <v>3887</v>
      </c>
      <c r="D6182" s="1" t="s">
        <v>10598</v>
      </c>
      <c r="E6182" s="5" t="s">
        <v>16800</v>
      </c>
      <c r="F6182" s="6">
        <v>6986</v>
      </c>
    </row>
    <row r="6183" spans="1:6" x14ac:dyDescent="0.25">
      <c r="A6183" s="4" t="s">
        <v>1717</v>
      </c>
      <c r="B6183" s="1" t="s">
        <v>3154</v>
      </c>
      <c r="C6183" s="5" t="s">
        <v>5499</v>
      </c>
      <c r="D6183" s="1" t="s">
        <v>1717</v>
      </c>
      <c r="E6183" s="5" t="s">
        <v>14514</v>
      </c>
      <c r="F6183" s="6">
        <v>3201</v>
      </c>
    </row>
    <row r="6184" spans="1:6" x14ac:dyDescent="0.25">
      <c r="A6184" s="4" t="s">
        <v>336</v>
      </c>
      <c r="B6184" s="1" t="s">
        <v>3144</v>
      </c>
      <c r="C6184" s="5">
        <v>421003</v>
      </c>
      <c r="D6184" s="1" t="s">
        <v>336</v>
      </c>
      <c r="E6184" s="5" t="s">
        <v>12319</v>
      </c>
      <c r="F6184" s="6">
        <v>815</v>
      </c>
    </row>
    <row r="6185" spans="1:6" x14ac:dyDescent="0.25">
      <c r="A6185" s="4" t="s">
        <v>336</v>
      </c>
      <c r="B6185" s="1" t="s">
        <v>3144</v>
      </c>
      <c r="C6185" s="5" t="s">
        <v>4416</v>
      </c>
      <c r="D6185" s="1" t="s">
        <v>8632</v>
      </c>
      <c r="E6185" s="5" t="s">
        <v>13172</v>
      </c>
      <c r="F6185" s="6">
        <v>1805</v>
      </c>
    </row>
    <row r="6186" spans="1:6" x14ac:dyDescent="0.25">
      <c r="A6186" s="4" t="s">
        <v>336</v>
      </c>
      <c r="B6186" s="1" t="s">
        <v>3144</v>
      </c>
      <c r="C6186" s="5" t="s">
        <v>7047</v>
      </c>
      <c r="D6186" s="1" t="s">
        <v>11139</v>
      </c>
      <c r="E6186" s="5" t="s">
        <v>17499</v>
      </c>
      <c r="F6186" s="6">
        <v>9111</v>
      </c>
    </row>
    <row r="6187" spans="1:6" x14ac:dyDescent="0.25">
      <c r="A6187" s="4" t="s">
        <v>1154</v>
      </c>
      <c r="B6187" s="1" t="s">
        <v>3148</v>
      </c>
      <c r="C6187" s="5" t="s">
        <v>4894</v>
      </c>
      <c r="D6187" s="1" t="s">
        <v>8839</v>
      </c>
      <c r="E6187" s="5" t="s">
        <v>13730</v>
      </c>
      <c r="F6187" s="6">
        <v>2378</v>
      </c>
    </row>
    <row r="6188" spans="1:6" x14ac:dyDescent="0.25">
      <c r="A6188" s="4" t="s">
        <v>3059</v>
      </c>
      <c r="B6188" s="1" t="s">
        <v>3144</v>
      </c>
      <c r="C6188" s="5" t="s">
        <v>7175</v>
      </c>
      <c r="D6188" s="1" t="s">
        <v>3059</v>
      </c>
      <c r="E6188" s="5" t="s">
        <v>17719</v>
      </c>
      <c r="F6188" s="6">
        <v>9341</v>
      </c>
    </row>
    <row r="6189" spans="1:6" x14ac:dyDescent="0.25">
      <c r="A6189" s="4" t="s">
        <v>2267</v>
      </c>
      <c r="B6189" s="1" t="s">
        <v>3153</v>
      </c>
      <c r="C6189" s="5" t="s">
        <v>6005</v>
      </c>
      <c r="D6189" s="1" t="s">
        <v>2267</v>
      </c>
      <c r="E6189" s="5" t="s">
        <v>15399</v>
      </c>
      <c r="F6189" s="6">
        <v>4136</v>
      </c>
    </row>
    <row r="6190" spans="1:6" x14ac:dyDescent="0.25">
      <c r="A6190" s="4" t="s">
        <v>2647</v>
      </c>
      <c r="B6190" s="1" t="s">
        <v>3144</v>
      </c>
      <c r="C6190" s="5" t="s">
        <v>6567</v>
      </c>
      <c r="D6190" s="1" t="s">
        <v>2647</v>
      </c>
      <c r="E6190" s="5" t="s">
        <v>16432</v>
      </c>
      <c r="F6190" s="6">
        <v>5891</v>
      </c>
    </row>
    <row r="6191" spans="1:6" x14ac:dyDescent="0.25">
      <c r="A6191" s="4" t="s">
        <v>401</v>
      </c>
      <c r="B6191" s="1" t="s">
        <v>3147</v>
      </c>
      <c r="C6191" s="5" t="s">
        <v>3918</v>
      </c>
      <c r="D6191" s="1" t="s">
        <v>8076</v>
      </c>
      <c r="E6191" s="5" t="s">
        <v>12437</v>
      </c>
      <c r="F6191" s="6">
        <v>953</v>
      </c>
    </row>
    <row r="6192" spans="1:6" x14ac:dyDescent="0.25">
      <c r="A6192" s="4" t="s">
        <v>853</v>
      </c>
      <c r="B6192" s="1" t="s">
        <v>3144</v>
      </c>
      <c r="C6192" s="5" t="s">
        <v>4591</v>
      </c>
      <c r="D6192" s="1" t="s">
        <v>853</v>
      </c>
      <c r="E6192" s="5" t="s">
        <v>13389</v>
      </c>
      <c r="F6192" s="6">
        <v>2022</v>
      </c>
    </row>
    <row r="6193" spans="1:6" x14ac:dyDescent="0.25">
      <c r="A6193" s="4" t="s">
        <v>1115</v>
      </c>
      <c r="B6193" s="1" t="s">
        <v>3144</v>
      </c>
      <c r="C6193" s="5">
        <v>441203</v>
      </c>
      <c r="D6193" s="1" t="s">
        <v>1115</v>
      </c>
      <c r="E6193" s="5" t="s">
        <v>13687</v>
      </c>
      <c r="F6193" s="6">
        <v>2333</v>
      </c>
    </row>
    <row r="6194" spans="1:6" x14ac:dyDescent="0.25">
      <c r="A6194" s="4" t="s">
        <v>646</v>
      </c>
      <c r="B6194" s="1" t="s">
        <v>3147</v>
      </c>
      <c r="C6194" s="5" t="s">
        <v>4332</v>
      </c>
      <c r="D6194" s="1" t="s">
        <v>8564</v>
      </c>
      <c r="E6194" s="5" t="s">
        <v>13060</v>
      </c>
      <c r="F6194" s="6">
        <v>1692</v>
      </c>
    </row>
    <row r="6195" spans="1:6" x14ac:dyDescent="0.25">
      <c r="A6195" s="4" t="s">
        <v>353</v>
      </c>
      <c r="B6195" s="1" t="s">
        <v>3165</v>
      </c>
      <c r="C6195" s="5" t="s">
        <v>3851</v>
      </c>
      <c r="D6195" s="1" t="s">
        <v>8025</v>
      </c>
      <c r="E6195" s="5" t="s">
        <v>12352</v>
      </c>
      <c r="F6195" s="6">
        <v>857</v>
      </c>
    </row>
    <row r="6196" spans="1:6" x14ac:dyDescent="0.25">
      <c r="A6196" s="4" t="s">
        <v>94</v>
      </c>
      <c r="B6196" s="1" t="s">
        <v>3147</v>
      </c>
      <c r="C6196" s="5" t="s">
        <v>3350</v>
      </c>
      <c r="D6196" s="1" t="s">
        <v>7477</v>
      </c>
      <c r="E6196" s="5" t="s">
        <v>11758</v>
      </c>
      <c r="F6196" s="6">
        <v>179</v>
      </c>
    </row>
    <row r="6197" spans="1:6" x14ac:dyDescent="0.25">
      <c r="A6197" s="4" t="s">
        <v>784</v>
      </c>
      <c r="B6197" s="1" t="s">
        <v>3158</v>
      </c>
      <c r="C6197" s="5" t="s">
        <v>4509</v>
      </c>
      <c r="D6197" s="1" t="s">
        <v>784</v>
      </c>
      <c r="E6197" s="5" t="s">
        <v>13285</v>
      </c>
      <c r="F6197" s="6">
        <v>1918</v>
      </c>
    </row>
    <row r="6198" spans="1:6" x14ac:dyDescent="0.25">
      <c r="A6198" s="4" t="s">
        <v>784</v>
      </c>
      <c r="B6198" s="1" t="s">
        <v>3158</v>
      </c>
      <c r="C6198" s="5" t="s">
        <v>4509</v>
      </c>
      <c r="D6198" s="1" t="s">
        <v>10932</v>
      </c>
      <c r="E6198" s="5" t="s">
        <v>17226</v>
      </c>
      <c r="F6198" s="6">
        <v>8235</v>
      </c>
    </row>
    <row r="6199" spans="1:6" x14ac:dyDescent="0.25">
      <c r="A6199" s="4" t="s">
        <v>2167</v>
      </c>
      <c r="B6199" s="1" t="s">
        <v>3154</v>
      </c>
      <c r="C6199" s="5" t="s">
        <v>5870</v>
      </c>
      <c r="D6199" s="1" t="s">
        <v>2167</v>
      </c>
      <c r="E6199" s="5" t="s">
        <v>15169</v>
      </c>
      <c r="F6199" s="6">
        <v>3901</v>
      </c>
    </row>
    <row r="6200" spans="1:6" x14ac:dyDescent="0.25">
      <c r="A6200" s="4" t="s">
        <v>1318</v>
      </c>
      <c r="B6200" s="1" t="s">
        <v>3147</v>
      </c>
      <c r="C6200" s="5" t="s">
        <v>5103</v>
      </c>
      <c r="D6200" s="1" t="s">
        <v>8975</v>
      </c>
      <c r="E6200" s="5" t="s">
        <v>13990</v>
      </c>
      <c r="F6200" s="6">
        <v>2644</v>
      </c>
    </row>
    <row r="6201" spans="1:6" x14ac:dyDescent="0.25">
      <c r="A6201" s="4" t="s">
        <v>2667</v>
      </c>
      <c r="B6201" s="1" t="s">
        <v>3150</v>
      </c>
      <c r="C6201" s="5">
        <v>671322</v>
      </c>
      <c r="D6201" s="1" t="s">
        <v>2667</v>
      </c>
      <c r="E6201" s="5" t="s">
        <v>16479</v>
      </c>
      <c r="F6201" s="6">
        <v>6014</v>
      </c>
    </row>
    <row r="6202" spans="1:6" x14ac:dyDescent="0.25">
      <c r="A6202" s="4" t="s">
        <v>1545</v>
      </c>
      <c r="B6202" s="1" t="s">
        <v>3144</v>
      </c>
      <c r="C6202" s="5" t="s">
        <v>5364</v>
      </c>
      <c r="D6202" s="1" t="s">
        <v>1545</v>
      </c>
      <c r="E6202" s="5" t="s">
        <v>14326</v>
      </c>
      <c r="F6202" s="6">
        <v>2988</v>
      </c>
    </row>
    <row r="6203" spans="1:6" x14ac:dyDescent="0.25">
      <c r="A6203" s="4" t="s">
        <v>1341</v>
      </c>
      <c r="B6203" s="1" t="s">
        <v>3144</v>
      </c>
      <c r="C6203" s="5" t="s">
        <v>5133</v>
      </c>
      <c r="D6203" s="1" t="s">
        <v>1341</v>
      </c>
      <c r="E6203" s="5" t="s">
        <v>14026</v>
      </c>
      <c r="F6203" s="6">
        <v>2680</v>
      </c>
    </row>
    <row r="6204" spans="1:6" x14ac:dyDescent="0.25">
      <c r="A6204" s="4" t="s">
        <v>1200</v>
      </c>
      <c r="B6204" s="1" t="s">
        <v>3144</v>
      </c>
      <c r="C6204" s="5">
        <v>415409</v>
      </c>
      <c r="D6204" s="1" t="s">
        <v>8885</v>
      </c>
      <c r="E6204" s="5" t="s">
        <v>13805</v>
      </c>
      <c r="F6204" s="6">
        <v>2455</v>
      </c>
    </row>
    <row r="6205" spans="1:6" x14ac:dyDescent="0.25">
      <c r="A6205" s="4" t="s">
        <v>527</v>
      </c>
      <c r="B6205" s="1" t="s">
        <v>3152</v>
      </c>
      <c r="C6205" s="5" t="s">
        <v>4164</v>
      </c>
      <c r="D6205" s="1" t="s">
        <v>2910</v>
      </c>
      <c r="E6205" s="5" t="s">
        <v>12832</v>
      </c>
      <c r="F6205" s="6">
        <v>1432</v>
      </c>
    </row>
    <row r="6206" spans="1:6" x14ac:dyDescent="0.25">
      <c r="A6206" s="4" t="s">
        <v>1882</v>
      </c>
      <c r="B6206" s="1" t="s">
        <v>3144</v>
      </c>
      <c r="C6206" s="5" t="s">
        <v>4410</v>
      </c>
      <c r="D6206" s="1" t="s">
        <v>1882</v>
      </c>
      <c r="E6206" s="5" t="s">
        <v>14715</v>
      </c>
      <c r="F6206" s="6">
        <v>3422</v>
      </c>
    </row>
    <row r="6207" spans="1:6" x14ac:dyDescent="0.25">
      <c r="A6207" s="4" t="s">
        <v>1393</v>
      </c>
      <c r="B6207" s="1" t="s">
        <v>1147</v>
      </c>
      <c r="C6207" s="5">
        <v>403406</v>
      </c>
      <c r="D6207" s="1" t="s">
        <v>9041</v>
      </c>
      <c r="E6207" s="5" t="s">
        <v>14115</v>
      </c>
      <c r="F6207" s="6">
        <v>2772</v>
      </c>
    </row>
    <row r="6208" spans="1:6" x14ac:dyDescent="0.25">
      <c r="A6208" s="4" t="s">
        <v>2558</v>
      </c>
      <c r="B6208" s="1" t="s">
        <v>3146</v>
      </c>
      <c r="C6208" s="5" t="s">
        <v>6466</v>
      </c>
      <c r="D6208" s="1" t="s">
        <v>2558</v>
      </c>
      <c r="E6208" s="5" t="s">
        <v>16274</v>
      </c>
      <c r="F6208" s="6">
        <v>5545</v>
      </c>
    </row>
    <row r="6209" spans="1:6" x14ac:dyDescent="0.25">
      <c r="A6209" s="4" t="s">
        <v>2636</v>
      </c>
      <c r="B6209" s="1" t="s">
        <v>3146</v>
      </c>
      <c r="C6209" s="5" t="s">
        <v>6553</v>
      </c>
      <c r="D6209" s="1" t="s">
        <v>10316</v>
      </c>
      <c r="E6209" s="5" t="s">
        <v>16409</v>
      </c>
      <c r="F6209" s="6">
        <v>5850</v>
      </c>
    </row>
    <row r="6210" spans="1:6" x14ac:dyDescent="0.25">
      <c r="A6210" s="4" t="s">
        <v>1235</v>
      </c>
      <c r="B6210" s="1" t="s">
        <v>3158</v>
      </c>
      <c r="C6210" s="5" t="s">
        <v>5002</v>
      </c>
      <c r="D6210" s="1" t="s">
        <v>1235</v>
      </c>
      <c r="E6210" s="5" t="s">
        <v>13861</v>
      </c>
      <c r="F6210" s="6">
        <v>2511</v>
      </c>
    </row>
    <row r="6211" spans="1:6" x14ac:dyDescent="0.25">
      <c r="A6211" s="4" t="s">
        <v>3075</v>
      </c>
      <c r="B6211" s="1" t="s">
        <v>3162</v>
      </c>
      <c r="C6211" s="5" t="s">
        <v>7218</v>
      </c>
      <c r="D6211" s="1" t="s">
        <v>3075</v>
      </c>
      <c r="E6211" s="5" t="s">
        <v>17853</v>
      </c>
      <c r="F6211" s="6">
        <v>9480</v>
      </c>
    </row>
    <row r="6212" spans="1:6" x14ac:dyDescent="0.25">
      <c r="A6212" s="4" t="s">
        <v>2486</v>
      </c>
      <c r="B6212" s="1" t="s">
        <v>3147</v>
      </c>
      <c r="C6212" s="5" t="s">
        <v>6358</v>
      </c>
      <c r="D6212" s="1" t="s">
        <v>2486</v>
      </c>
      <c r="E6212" s="5" t="s">
        <v>16031</v>
      </c>
      <c r="F6212" s="6">
        <v>5022</v>
      </c>
    </row>
    <row r="6213" spans="1:6" x14ac:dyDescent="0.25">
      <c r="A6213" s="4" t="s">
        <v>577</v>
      </c>
      <c r="B6213" s="1" t="s">
        <v>3150</v>
      </c>
      <c r="C6213" s="5" t="s">
        <v>4228</v>
      </c>
      <c r="D6213" s="1" t="s">
        <v>577</v>
      </c>
      <c r="E6213" s="5" t="s">
        <v>12919</v>
      </c>
      <c r="F6213" s="6">
        <v>1524</v>
      </c>
    </row>
    <row r="6214" spans="1:6" x14ac:dyDescent="0.25">
      <c r="A6214" s="4" t="s">
        <v>584</v>
      </c>
      <c r="B6214" s="1" t="s">
        <v>3150</v>
      </c>
      <c r="C6214" s="5" t="s">
        <v>4235</v>
      </c>
      <c r="D6214" s="1" t="s">
        <v>8467</v>
      </c>
      <c r="E6214" s="5" t="s">
        <v>12926</v>
      </c>
      <c r="F6214" s="6">
        <v>1534</v>
      </c>
    </row>
    <row r="6215" spans="1:6" x14ac:dyDescent="0.25">
      <c r="A6215" s="4" t="s">
        <v>15</v>
      </c>
      <c r="B6215" s="1" t="s">
        <v>3147</v>
      </c>
      <c r="C6215" s="5" t="s">
        <v>3226</v>
      </c>
      <c r="D6215" s="1" t="s">
        <v>7353</v>
      </c>
      <c r="E6215" s="5" t="s">
        <v>11625</v>
      </c>
      <c r="F6215" s="6">
        <v>33</v>
      </c>
    </row>
    <row r="6216" spans="1:6" x14ac:dyDescent="0.25">
      <c r="A6216" s="4" t="s">
        <v>15</v>
      </c>
      <c r="B6216" s="1" t="s">
        <v>3147</v>
      </c>
      <c r="C6216" s="5" t="s">
        <v>3321</v>
      </c>
      <c r="D6216" s="1" t="s">
        <v>7447</v>
      </c>
      <c r="E6216" s="5" t="s">
        <v>11726</v>
      </c>
      <c r="F6216" s="6">
        <v>147</v>
      </c>
    </row>
    <row r="6217" spans="1:6" x14ac:dyDescent="0.25">
      <c r="A6217" s="4" t="s">
        <v>15</v>
      </c>
      <c r="B6217" s="1" t="s">
        <v>3147</v>
      </c>
      <c r="C6217" s="5" t="s">
        <v>3431</v>
      </c>
      <c r="D6217" s="1" t="s">
        <v>7558</v>
      </c>
      <c r="E6217" s="5" t="s">
        <v>11844</v>
      </c>
      <c r="F6217" s="6">
        <v>275</v>
      </c>
    </row>
    <row r="6218" spans="1:6" x14ac:dyDescent="0.25">
      <c r="A6218" s="4" t="s">
        <v>15</v>
      </c>
      <c r="B6218" s="1" t="s">
        <v>3147</v>
      </c>
      <c r="C6218" s="5" t="s">
        <v>3226</v>
      </c>
      <c r="D6218" s="1" t="s">
        <v>7661</v>
      </c>
      <c r="E6218" s="5" t="s">
        <v>11951</v>
      </c>
      <c r="F6218" s="6">
        <v>384</v>
      </c>
    </row>
    <row r="6219" spans="1:6" x14ac:dyDescent="0.25">
      <c r="A6219" s="4" t="s">
        <v>15</v>
      </c>
      <c r="B6219" s="1" t="s">
        <v>3147</v>
      </c>
      <c r="C6219" s="5" t="s">
        <v>3528</v>
      </c>
      <c r="D6219" s="1" t="s">
        <v>7664</v>
      </c>
      <c r="E6219" s="5" t="s">
        <v>11956</v>
      </c>
      <c r="F6219" s="6">
        <v>389</v>
      </c>
    </row>
    <row r="6220" spans="1:6" x14ac:dyDescent="0.25">
      <c r="A6220" s="4" t="s">
        <v>15</v>
      </c>
      <c r="B6220" s="1" t="s">
        <v>3147</v>
      </c>
      <c r="C6220" s="5" t="s">
        <v>3551</v>
      </c>
      <c r="D6220" s="1" t="s">
        <v>7691</v>
      </c>
      <c r="E6220" s="5" t="s">
        <v>11983</v>
      </c>
      <c r="F6220" s="6">
        <v>416</v>
      </c>
    </row>
    <row r="6221" spans="1:6" x14ac:dyDescent="0.25">
      <c r="A6221" s="4" t="s">
        <v>15</v>
      </c>
      <c r="B6221" s="1" t="s">
        <v>3147</v>
      </c>
      <c r="C6221" s="5" t="s">
        <v>3562</v>
      </c>
      <c r="D6221" s="1" t="s">
        <v>7703</v>
      </c>
      <c r="E6221" s="5" t="s">
        <v>11996</v>
      </c>
      <c r="F6221" s="6">
        <v>429</v>
      </c>
    </row>
    <row r="6222" spans="1:6" x14ac:dyDescent="0.25">
      <c r="A6222" s="4" t="s">
        <v>15</v>
      </c>
      <c r="B6222" s="1" t="s">
        <v>3147</v>
      </c>
      <c r="C6222" s="5" t="s">
        <v>4062</v>
      </c>
      <c r="D6222" s="1" t="s">
        <v>8240</v>
      </c>
      <c r="E6222" s="5" t="s">
        <v>12646</v>
      </c>
      <c r="F6222" s="6">
        <v>1241</v>
      </c>
    </row>
    <row r="6223" spans="1:6" x14ac:dyDescent="0.25">
      <c r="A6223" s="4" t="s">
        <v>15</v>
      </c>
      <c r="B6223" s="1" t="s">
        <v>3147</v>
      </c>
      <c r="C6223" s="5" t="s">
        <v>4344</v>
      </c>
      <c r="D6223" s="1" t="s">
        <v>8577</v>
      </c>
      <c r="E6223" s="5" t="s">
        <v>13079</v>
      </c>
      <c r="F6223" s="6">
        <v>1711</v>
      </c>
    </row>
    <row r="6224" spans="1:6" x14ac:dyDescent="0.25">
      <c r="A6224" s="4" t="s">
        <v>15</v>
      </c>
      <c r="B6224" s="1" t="s">
        <v>3147</v>
      </c>
      <c r="C6224" s="5" t="s">
        <v>3226</v>
      </c>
      <c r="D6224" s="1" t="s">
        <v>8578</v>
      </c>
      <c r="E6224" s="5" t="s">
        <v>13080</v>
      </c>
      <c r="F6224" s="6">
        <v>1712</v>
      </c>
    </row>
    <row r="6225" spans="1:6" x14ac:dyDescent="0.25">
      <c r="A6225" s="4" t="s">
        <v>15</v>
      </c>
      <c r="B6225" s="1" t="s">
        <v>3147</v>
      </c>
      <c r="C6225" s="5" t="s">
        <v>4345</v>
      </c>
      <c r="D6225" s="1" t="s">
        <v>8579</v>
      </c>
      <c r="E6225" s="5" t="s">
        <v>13081</v>
      </c>
      <c r="F6225" s="6">
        <v>1713</v>
      </c>
    </row>
    <row r="6226" spans="1:6" x14ac:dyDescent="0.25">
      <c r="A6226" s="4" t="s">
        <v>15</v>
      </c>
      <c r="B6226" s="1" t="s">
        <v>3147</v>
      </c>
      <c r="C6226" s="5" t="s">
        <v>3562</v>
      </c>
      <c r="D6226" s="1" t="s">
        <v>8876</v>
      </c>
      <c r="E6226" s="5" t="s">
        <v>13793</v>
      </c>
      <c r="F6226" s="6">
        <v>2443</v>
      </c>
    </row>
    <row r="6227" spans="1:6" x14ac:dyDescent="0.25">
      <c r="A6227" s="4" t="s">
        <v>15</v>
      </c>
      <c r="B6227" s="1" t="s">
        <v>3147</v>
      </c>
      <c r="C6227" s="5" t="s">
        <v>3551</v>
      </c>
      <c r="D6227" s="1" t="s">
        <v>9286</v>
      </c>
      <c r="E6227" s="5" t="s">
        <v>14965</v>
      </c>
      <c r="F6227" s="6">
        <v>3688</v>
      </c>
    </row>
    <row r="6228" spans="1:6" x14ac:dyDescent="0.25">
      <c r="A6228" s="4" t="s">
        <v>15</v>
      </c>
      <c r="B6228" s="1" t="s">
        <v>3147</v>
      </c>
      <c r="C6228" s="5" t="s">
        <v>5821</v>
      </c>
      <c r="D6228" s="1" t="s">
        <v>9349</v>
      </c>
      <c r="E6228" s="5" t="s">
        <v>15061</v>
      </c>
      <c r="F6228" s="6">
        <v>3789</v>
      </c>
    </row>
    <row r="6229" spans="1:6" x14ac:dyDescent="0.25">
      <c r="A6229" s="4" t="s">
        <v>15</v>
      </c>
      <c r="B6229" s="1" t="s">
        <v>3147</v>
      </c>
      <c r="C6229" s="5" t="s">
        <v>6231</v>
      </c>
      <c r="D6229" s="1" t="s">
        <v>9853</v>
      </c>
      <c r="E6229" s="5" t="s">
        <v>15781</v>
      </c>
      <c r="F6229" s="6">
        <v>4688</v>
      </c>
    </row>
    <row r="6230" spans="1:6" x14ac:dyDescent="0.25">
      <c r="A6230" s="4" t="s">
        <v>15</v>
      </c>
      <c r="B6230" s="1" t="s">
        <v>3147</v>
      </c>
      <c r="C6230" s="5" t="s">
        <v>6232</v>
      </c>
      <c r="D6230" s="1" t="s">
        <v>9854</v>
      </c>
      <c r="E6230" s="5" t="s">
        <v>15782</v>
      </c>
      <c r="F6230" s="6">
        <v>4689</v>
      </c>
    </row>
    <row r="6231" spans="1:6" x14ac:dyDescent="0.25">
      <c r="A6231" s="4" t="s">
        <v>15</v>
      </c>
      <c r="B6231" s="1" t="s">
        <v>3147</v>
      </c>
      <c r="C6231" s="5" t="s">
        <v>5428</v>
      </c>
      <c r="D6231" s="1" t="s">
        <v>9950</v>
      </c>
      <c r="E6231" s="5" t="s">
        <v>15903</v>
      </c>
      <c r="F6231" s="6">
        <v>4819</v>
      </c>
    </row>
    <row r="6232" spans="1:6" x14ac:dyDescent="0.25">
      <c r="A6232" s="4" t="s">
        <v>15</v>
      </c>
      <c r="B6232" s="1" t="s">
        <v>3147</v>
      </c>
      <c r="C6232" s="5" t="s">
        <v>3226</v>
      </c>
      <c r="D6232" s="1" t="s">
        <v>10089</v>
      </c>
      <c r="E6232" s="5" t="s">
        <v>16087</v>
      </c>
      <c r="F6232" s="6">
        <v>5133</v>
      </c>
    </row>
    <row r="6233" spans="1:6" x14ac:dyDescent="0.25">
      <c r="A6233" s="4" t="s">
        <v>15</v>
      </c>
      <c r="B6233" s="1" t="s">
        <v>3147</v>
      </c>
      <c r="C6233" s="5" t="s">
        <v>6472</v>
      </c>
      <c r="D6233" s="1" t="s">
        <v>10235</v>
      </c>
      <c r="E6233" s="5" t="s">
        <v>16280</v>
      </c>
      <c r="F6233" s="6">
        <v>5559</v>
      </c>
    </row>
    <row r="6234" spans="1:6" x14ac:dyDescent="0.25">
      <c r="A6234" s="4" t="s">
        <v>15</v>
      </c>
      <c r="B6234" s="1" t="s">
        <v>3147</v>
      </c>
      <c r="C6234" s="5" t="s">
        <v>3321</v>
      </c>
      <c r="D6234" s="1" t="s">
        <v>10341</v>
      </c>
      <c r="E6234" s="5" t="s">
        <v>16452</v>
      </c>
      <c r="F6234" s="6">
        <v>5945</v>
      </c>
    </row>
    <row r="6235" spans="1:6" x14ac:dyDescent="0.25">
      <c r="A6235" s="4" t="s">
        <v>2672</v>
      </c>
      <c r="B6235" s="1" t="s">
        <v>3147</v>
      </c>
      <c r="C6235" s="5">
        <v>390012</v>
      </c>
      <c r="D6235" s="1" t="s">
        <v>10374</v>
      </c>
      <c r="E6235" s="5" t="s">
        <v>16499</v>
      </c>
      <c r="F6235" s="6">
        <v>6065</v>
      </c>
    </row>
    <row r="6236" spans="1:6" x14ac:dyDescent="0.25">
      <c r="A6236" s="4" t="s">
        <v>15</v>
      </c>
      <c r="B6236" s="1" t="s">
        <v>3147</v>
      </c>
      <c r="C6236" s="5">
        <v>391410</v>
      </c>
      <c r="D6236" s="1" t="s">
        <v>10414</v>
      </c>
      <c r="E6236" s="5" t="s">
        <v>16555</v>
      </c>
      <c r="F6236" s="6">
        <v>6216</v>
      </c>
    </row>
    <row r="6237" spans="1:6" x14ac:dyDescent="0.25">
      <c r="A6237" s="4" t="s">
        <v>15</v>
      </c>
      <c r="B6237" s="1" t="s">
        <v>3147</v>
      </c>
      <c r="C6237" s="5" t="s">
        <v>6661</v>
      </c>
      <c r="D6237" s="1" t="s">
        <v>10475</v>
      </c>
      <c r="E6237" s="5" t="s">
        <v>16636</v>
      </c>
      <c r="F6237" s="6">
        <v>6441</v>
      </c>
    </row>
    <row r="6238" spans="1:6" x14ac:dyDescent="0.25">
      <c r="A6238" s="4" t="s">
        <v>15</v>
      </c>
      <c r="B6238" s="1" t="s">
        <v>3147</v>
      </c>
      <c r="C6238" s="5" t="s">
        <v>3562</v>
      </c>
      <c r="D6238" s="1" t="s">
        <v>10611</v>
      </c>
      <c r="E6238" s="5" t="s">
        <v>16818</v>
      </c>
      <c r="F6238" s="6">
        <v>7028</v>
      </c>
    </row>
    <row r="6239" spans="1:6" x14ac:dyDescent="0.25">
      <c r="A6239" s="4" t="s">
        <v>15</v>
      </c>
      <c r="B6239" s="1" t="s">
        <v>3147</v>
      </c>
      <c r="C6239" s="5" t="s">
        <v>3551</v>
      </c>
      <c r="D6239" s="1" t="s">
        <v>10996</v>
      </c>
      <c r="E6239" s="5" t="s">
        <v>17310</v>
      </c>
      <c r="F6239" s="6">
        <v>8659</v>
      </c>
    </row>
    <row r="6240" spans="1:6" x14ac:dyDescent="0.25">
      <c r="A6240" s="4" t="s">
        <v>15</v>
      </c>
      <c r="B6240" s="1" t="s">
        <v>3147</v>
      </c>
      <c r="C6240" s="5">
        <v>390010</v>
      </c>
      <c r="D6240" s="1" t="s">
        <v>11012</v>
      </c>
      <c r="E6240" s="5" t="s">
        <v>17331</v>
      </c>
      <c r="F6240" s="6">
        <v>8748</v>
      </c>
    </row>
    <row r="6241" spans="1:6" x14ac:dyDescent="0.25">
      <c r="A6241" s="4" t="s">
        <v>15</v>
      </c>
      <c r="B6241" s="1" t="s">
        <v>3147</v>
      </c>
      <c r="C6241" s="5" t="s">
        <v>5427</v>
      </c>
      <c r="D6241" s="1" t="s">
        <v>11152</v>
      </c>
      <c r="E6241" s="5" t="s">
        <v>17513</v>
      </c>
      <c r="F6241" s="6">
        <v>9125</v>
      </c>
    </row>
    <row r="6242" spans="1:6" x14ac:dyDescent="0.25">
      <c r="A6242" s="4" t="s">
        <v>15</v>
      </c>
      <c r="B6242" s="1" t="s">
        <v>3147</v>
      </c>
      <c r="C6242" s="5" t="s">
        <v>7078</v>
      </c>
      <c r="D6242" s="1" t="s">
        <v>11173</v>
      </c>
      <c r="E6242" s="5" t="s">
        <v>17549</v>
      </c>
      <c r="F6242" s="6">
        <v>9163</v>
      </c>
    </row>
    <row r="6243" spans="1:6" x14ac:dyDescent="0.25">
      <c r="A6243" s="4" t="s">
        <v>15</v>
      </c>
      <c r="B6243" s="1" t="s">
        <v>3147</v>
      </c>
      <c r="C6243" s="5" t="s">
        <v>3528</v>
      </c>
      <c r="D6243" s="1" t="s">
        <v>11196</v>
      </c>
      <c r="E6243" s="5" t="s">
        <v>17579</v>
      </c>
      <c r="F6243" s="6">
        <v>9194</v>
      </c>
    </row>
    <row r="6244" spans="1:6" x14ac:dyDescent="0.25">
      <c r="A6244" s="4" t="s">
        <v>15</v>
      </c>
      <c r="B6244" s="1" t="s">
        <v>3147</v>
      </c>
      <c r="C6244" s="5" t="s">
        <v>3321</v>
      </c>
      <c r="D6244" s="1" t="s">
        <v>11255</v>
      </c>
      <c r="E6244" s="5" t="s">
        <v>17659</v>
      </c>
      <c r="F6244" s="6">
        <v>9277</v>
      </c>
    </row>
    <row r="6245" spans="1:6" x14ac:dyDescent="0.25">
      <c r="A6245" s="4" t="s">
        <v>15</v>
      </c>
      <c r="B6245" s="1" t="s">
        <v>3147</v>
      </c>
      <c r="C6245" s="5" t="s">
        <v>3226</v>
      </c>
      <c r="D6245" s="1" t="s">
        <v>11315</v>
      </c>
      <c r="E6245" s="5" t="s">
        <v>17737</v>
      </c>
      <c r="F6245" s="6">
        <v>9359</v>
      </c>
    </row>
    <row r="6246" spans="1:6" x14ac:dyDescent="0.25">
      <c r="A6246" s="4" t="s">
        <v>15</v>
      </c>
      <c r="B6246" s="1" t="s">
        <v>3147</v>
      </c>
      <c r="C6246" s="5" t="s">
        <v>5428</v>
      </c>
      <c r="D6246" s="1" t="s">
        <v>11321</v>
      </c>
      <c r="E6246" s="5" t="s">
        <v>17743</v>
      </c>
      <c r="F6246" s="6">
        <v>9365</v>
      </c>
    </row>
    <row r="6247" spans="1:6" x14ac:dyDescent="0.25">
      <c r="A6247" s="4" t="s">
        <v>15</v>
      </c>
      <c r="B6247" s="1" t="s">
        <v>3147</v>
      </c>
      <c r="C6247" s="5" t="s">
        <v>3321</v>
      </c>
      <c r="D6247" s="1" t="s">
        <v>11398</v>
      </c>
      <c r="E6247" s="5" t="s">
        <v>17824</v>
      </c>
      <c r="F6247" s="6">
        <v>9450</v>
      </c>
    </row>
    <row r="6248" spans="1:6" x14ac:dyDescent="0.25">
      <c r="A6248" s="4" t="s">
        <v>15</v>
      </c>
      <c r="B6248" s="1" t="s">
        <v>3147</v>
      </c>
      <c r="C6248" s="5" t="s">
        <v>7213</v>
      </c>
      <c r="D6248" s="1" t="s">
        <v>11416</v>
      </c>
      <c r="E6248" s="5" t="s">
        <v>17846</v>
      </c>
      <c r="F6248" s="6">
        <v>9473</v>
      </c>
    </row>
    <row r="6249" spans="1:6" x14ac:dyDescent="0.25">
      <c r="A6249" s="4" t="s">
        <v>15</v>
      </c>
      <c r="B6249" s="1" t="s">
        <v>3147</v>
      </c>
      <c r="C6249" s="5" t="s">
        <v>6232</v>
      </c>
      <c r="D6249" s="1" t="s">
        <v>11459</v>
      </c>
      <c r="E6249" s="5" t="s">
        <v>17894</v>
      </c>
      <c r="F6249" s="6">
        <v>9523</v>
      </c>
    </row>
    <row r="6250" spans="1:6" x14ac:dyDescent="0.25">
      <c r="A6250" s="4" t="s">
        <v>15</v>
      </c>
      <c r="B6250" s="1" t="s">
        <v>3147</v>
      </c>
      <c r="C6250" s="5" t="s">
        <v>7283</v>
      </c>
      <c r="D6250" s="1" t="s">
        <v>11516</v>
      </c>
      <c r="E6250" s="5" t="s">
        <v>17980</v>
      </c>
      <c r="F6250" s="6">
        <v>9612</v>
      </c>
    </row>
    <row r="6251" spans="1:6" x14ac:dyDescent="0.25">
      <c r="A6251" s="4" t="s">
        <v>15</v>
      </c>
      <c r="B6251" s="1" t="s">
        <v>3147</v>
      </c>
      <c r="C6251" s="5" t="s">
        <v>3226</v>
      </c>
      <c r="D6251" s="1" t="s">
        <v>11528</v>
      </c>
      <c r="E6251" s="5" t="s">
        <v>17994</v>
      </c>
      <c r="F6251" s="6">
        <v>9626</v>
      </c>
    </row>
    <row r="6252" spans="1:6" x14ac:dyDescent="0.25">
      <c r="A6252" s="4" t="s">
        <v>15</v>
      </c>
      <c r="B6252" s="1" t="s">
        <v>3147</v>
      </c>
      <c r="C6252" s="5" t="s">
        <v>3431</v>
      </c>
      <c r="D6252" s="1" t="s">
        <v>11529</v>
      </c>
      <c r="E6252" s="5" t="s">
        <v>17995</v>
      </c>
      <c r="F6252" s="6">
        <v>9627</v>
      </c>
    </row>
    <row r="6253" spans="1:6" x14ac:dyDescent="0.25">
      <c r="A6253" s="4" t="s">
        <v>2993</v>
      </c>
      <c r="B6253" s="1" t="s">
        <v>3144</v>
      </c>
      <c r="C6253" s="5" t="s">
        <v>7045</v>
      </c>
      <c r="D6253" s="1" t="s">
        <v>2993</v>
      </c>
      <c r="E6253" s="5" t="s">
        <v>17496</v>
      </c>
      <c r="F6253" s="6">
        <v>9108</v>
      </c>
    </row>
    <row r="6254" spans="1:6" x14ac:dyDescent="0.25">
      <c r="A6254" s="4" t="s">
        <v>1342</v>
      </c>
      <c r="B6254" s="1" t="s">
        <v>3144</v>
      </c>
      <c r="C6254" s="5" t="s">
        <v>5134</v>
      </c>
      <c r="D6254" s="1" t="s">
        <v>1342</v>
      </c>
      <c r="E6254" s="5" t="s">
        <v>14027</v>
      </c>
      <c r="F6254" s="6">
        <v>2681</v>
      </c>
    </row>
    <row r="6255" spans="1:6" x14ac:dyDescent="0.25">
      <c r="A6255" s="4" t="s">
        <v>2280</v>
      </c>
      <c r="B6255" s="1" t="s">
        <v>3150</v>
      </c>
      <c r="C6255" s="5" t="s">
        <v>6027</v>
      </c>
      <c r="D6255" s="1" t="s">
        <v>2280</v>
      </c>
      <c r="E6255" s="5" t="s">
        <v>15430</v>
      </c>
      <c r="F6255" s="6">
        <v>4168</v>
      </c>
    </row>
    <row r="6256" spans="1:6" x14ac:dyDescent="0.25">
      <c r="A6256" s="4" t="s">
        <v>1581</v>
      </c>
      <c r="B6256" s="1" t="s">
        <v>3150</v>
      </c>
      <c r="C6256" s="5" t="s">
        <v>5402</v>
      </c>
      <c r="D6256" s="1" t="s">
        <v>1581</v>
      </c>
      <c r="E6256" s="5" t="s">
        <v>14366</v>
      </c>
      <c r="F6256" s="6">
        <v>3031</v>
      </c>
    </row>
    <row r="6257" spans="1:6" x14ac:dyDescent="0.25">
      <c r="A6257" s="4" t="s">
        <v>2759</v>
      </c>
      <c r="B6257" s="1" t="s">
        <v>3156</v>
      </c>
      <c r="C6257" s="5">
        <v>313601</v>
      </c>
      <c r="D6257" s="1" t="s">
        <v>2759</v>
      </c>
      <c r="E6257" s="5" t="s">
        <v>16738</v>
      </c>
      <c r="F6257" s="6">
        <v>6757</v>
      </c>
    </row>
    <row r="6258" spans="1:6" x14ac:dyDescent="0.25">
      <c r="A6258" s="4" t="s">
        <v>475</v>
      </c>
      <c r="B6258" s="1" t="s">
        <v>3147</v>
      </c>
      <c r="C6258" s="5" t="s">
        <v>4064</v>
      </c>
      <c r="D6258" s="1" t="s">
        <v>475</v>
      </c>
      <c r="E6258" s="5" t="s">
        <v>12649</v>
      </c>
      <c r="F6258" s="6">
        <v>1244</v>
      </c>
    </row>
    <row r="6259" spans="1:6" x14ac:dyDescent="0.25">
      <c r="A6259" s="4" t="s">
        <v>475</v>
      </c>
      <c r="B6259" s="1" t="s">
        <v>3147</v>
      </c>
      <c r="C6259" s="5" t="s">
        <v>4064</v>
      </c>
      <c r="D6259" s="1" t="s">
        <v>10401</v>
      </c>
      <c r="E6259" s="5" t="s">
        <v>16541</v>
      </c>
      <c r="F6259" s="6">
        <v>6193</v>
      </c>
    </row>
    <row r="6260" spans="1:6" x14ac:dyDescent="0.25">
      <c r="A6260" s="4" t="s">
        <v>3014</v>
      </c>
      <c r="B6260" s="1" t="s">
        <v>3146</v>
      </c>
      <c r="C6260" s="5" t="s">
        <v>7084</v>
      </c>
      <c r="D6260" s="1" t="s">
        <v>3014</v>
      </c>
      <c r="E6260" s="5" t="s">
        <v>17560</v>
      </c>
      <c r="F6260" s="6">
        <v>9174</v>
      </c>
    </row>
    <row r="6261" spans="1:6" x14ac:dyDescent="0.25">
      <c r="A6261" s="4" t="s">
        <v>1366</v>
      </c>
      <c r="B6261" s="1" t="s">
        <v>1147</v>
      </c>
      <c r="C6261" s="5" t="s">
        <v>5162</v>
      </c>
      <c r="D6261" s="1" t="s">
        <v>1366</v>
      </c>
      <c r="E6261" s="5" t="s">
        <v>14069</v>
      </c>
      <c r="F6261" s="6">
        <v>2724</v>
      </c>
    </row>
    <row r="6262" spans="1:6" x14ac:dyDescent="0.25">
      <c r="A6262" s="4" t="s">
        <v>116</v>
      </c>
      <c r="B6262" s="1" t="s">
        <v>3147</v>
      </c>
      <c r="C6262" s="5" t="s">
        <v>3376</v>
      </c>
      <c r="D6262" s="1" t="s">
        <v>7501</v>
      </c>
      <c r="E6262" s="5" t="s">
        <v>11785</v>
      </c>
      <c r="F6262" s="6">
        <v>211</v>
      </c>
    </row>
    <row r="6263" spans="1:6" x14ac:dyDescent="0.25">
      <c r="A6263" s="4" t="s">
        <v>116</v>
      </c>
      <c r="B6263" s="1" t="s">
        <v>3147</v>
      </c>
      <c r="C6263" s="5" t="s">
        <v>3376</v>
      </c>
      <c r="D6263" s="1" t="s">
        <v>9070</v>
      </c>
      <c r="E6263" s="5" t="s">
        <v>14171</v>
      </c>
      <c r="F6263" s="6">
        <v>2828</v>
      </c>
    </row>
    <row r="6264" spans="1:6" x14ac:dyDescent="0.25">
      <c r="A6264" s="4" t="s">
        <v>116</v>
      </c>
      <c r="B6264" s="1" t="s">
        <v>3147</v>
      </c>
      <c r="C6264" s="5" t="s">
        <v>6327</v>
      </c>
      <c r="D6264" s="1" t="s">
        <v>9981</v>
      </c>
      <c r="E6264" s="5" t="s">
        <v>15945</v>
      </c>
      <c r="F6264" s="6">
        <v>4864</v>
      </c>
    </row>
    <row r="6265" spans="1:6" x14ac:dyDescent="0.25">
      <c r="A6265" s="4" t="s">
        <v>1391</v>
      </c>
      <c r="B6265" s="1" t="s">
        <v>3146</v>
      </c>
      <c r="C6265" s="5" t="s">
        <v>5191</v>
      </c>
      <c r="D6265" s="1" t="s">
        <v>1391</v>
      </c>
      <c r="E6265" s="5" t="s">
        <v>14113</v>
      </c>
      <c r="F6265" s="6">
        <v>2770</v>
      </c>
    </row>
    <row r="6266" spans="1:6" x14ac:dyDescent="0.25">
      <c r="A6266" s="4" t="s">
        <v>2067</v>
      </c>
      <c r="B6266" s="1" t="s">
        <v>3144</v>
      </c>
      <c r="C6266" s="5" t="s">
        <v>5739</v>
      </c>
      <c r="D6266" s="1" t="s">
        <v>2067</v>
      </c>
      <c r="E6266" s="5" t="s">
        <v>14912</v>
      </c>
      <c r="F6266" s="6">
        <v>3633</v>
      </c>
    </row>
    <row r="6267" spans="1:6" x14ac:dyDescent="0.25">
      <c r="A6267" s="4" t="s">
        <v>2637</v>
      </c>
      <c r="B6267" s="1" t="s">
        <v>3170</v>
      </c>
      <c r="C6267" s="5">
        <v>604408</v>
      </c>
      <c r="D6267" s="1" t="s">
        <v>10319</v>
      </c>
      <c r="E6267" s="5" t="s">
        <v>16412</v>
      </c>
      <c r="F6267" s="6">
        <v>5864</v>
      </c>
    </row>
    <row r="6268" spans="1:6" x14ac:dyDescent="0.25">
      <c r="A6268" s="4" t="s">
        <v>2184</v>
      </c>
      <c r="B6268" s="1" t="s">
        <v>3146</v>
      </c>
      <c r="C6268" s="5" t="s">
        <v>5891</v>
      </c>
      <c r="D6268" s="1" t="s">
        <v>2184</v>
      </c>
      <c r="E6268" s="5" t="s">
        <v>15202</v>
      </c>
      <c r="F6268" s="6">
        <v>3936</v>
      </c>
    </row>
    <row r="6269" spans="1:6" x14ac:dyDescent="0.25">
      <c r="A6269" s="4" t="s">
        <v>1954</v>
      </c>
      <c r="B6269" s="1" t="s">
        <v>3151</v>
      </c>
      <c r="C6269" s="5" t="s">
        <v>5685</v>
      </c>
      <c r="D6269" s="1" t="s">
        <v>9225</v>
      </c>
      <c r="E6269" s="5" t="s">
        <v>14789</v>
      </c>
      <c r="F6269" s="6">
        <v>3500</v>
      </c>
    </row>
    <row r="6270" spans="1:6" x14ac:dyDescent="0.25">
      <c r="A6270" s="4" t="s">
        <v>1863</v>
      </c>
      <c r="B6270" s="1" t="s">
        <v>3147</v>
      </c>
      <c r="C6270" s="5" t="s">
        <v>5629</v>
      </c>
      <c r="D6270" s="1" t="s">
        <v>1863</v>
      </c>
      <c r="E6270" s="5" t="s">
        <v>14694</v>
      </c>
      <c r="F6270" s="6">
        <v>3398</v>
      </c>
    </row>
    <row r="6271" spans="1:6" x14ac:dyDescent="0.25">
      <c r="A6271" s="4" t="s">
        <v>86</v>
      </c>
      <c r="B6271" s="1" t="s">
        <v>3147</v>
      </c>
      <c r="C6271" s="5" t="s">
        <v>3341</v>
      </c>
      <c r="D6271" s="1" t="s">
        <v>7468</v>
      </c>
      <c r="E6271" s="5" t="s">
        <v>11749</v>
      </c>
      <c r="F6271" s="6">
        <v>170</v>
      </c>
    </row>
    <row r="6272" spans="1:6" x14ac:dyDescent="0.25">
      <c r="A6272" s="4" t="s">
        <v>86</v>
      </c>
      <c r="B6272" s="1" t="s">
        <v>3147</v>
      </c>
      <c r="C6272" s="5" t="s">
        <v>3756</v>
      </c>
      <c r="D6272" s="1" t="s">
        <v>7935</v>
      </c>
      <c r="E6272" s="5" t="s">
        <v>12248</v>
      </c>
      <c r="F6272" s="6">
        <v>737</v>
      </c>
    </row>
    <row r="6273" spans="1:6" x14ac:dyDescent="0.25">
      <c r="A6273" s="4" t="s">
        <v>86</v>
      </c>
      <c r="B6273" s="1" t="s">
        <v>3147</v>
      </c>
      <c r="C6273" s="5" t="s">
        <v>3756</v>
      </c>
      <c r="D6273" s="1" t="s">
        <v>9034</v>
      </c>
      <c r="E6273" s="5" t="s">
        <v>14104</v>
      </c>
      <c r="F6273" s="6">
        <v>2761</v>
      </c>
    </row>
    <row r="6274" spans="1:6" x14ac:dyDescent="0.25">
      <c r="A6274" s="4" t="s">
        <v>86</v>
      </c>
      <c r="B6274" s="1" t="s">
        <v>3147</v>
      </c>
      <c r="C6274" s="5" t="s">
        <v>3341</v>
      </c>
      <c r="D6274" s="1" t="s">
        <v>86</v>
      </c>
      <c r="E6274" s="5" t="s">
        <v>16183</v>
      </c>
      <c r="F6274" s="6">
        <v>5309</v>
      </c>
    </row>
    <row r="6275" spans="1:6" x14ac:dyDescent="0.25">
      <c r="A6275" s="4" t="s">
        <v>86</v>
      </c>
      <c r="B6275" s="1" t="s">
        <v>3147</v>
      </c>
      <c r="C6275" s="5" t="s">
        <v>3341</v>
      </c>
      <c r="D6275" s="1" t="s">
        <v>10271</v>
      </c>
      <c r="E6275" s="5" t="s">
        <v>16338</v>
      </c>
      <c r="F6275" s="6">
        <v>5681</v>
      </c>
    </row>
    <row r="6276" spans="1:6" x14ac:dyDescent="0.25">
      <c r="A6276" s="4" t="s">
        <v>86</v>
      </c>
      <c r="B6276" s="1" t="s">
        <v>3147</v>
      </c>
      <c r="C6276" s="5" t="s">
        <v>3341</v>
      </c>
      <c r="D6276" s="1" t="s">
        <v>11223</v>
      </c>
      <c r="E6276" s="5" t="s">
        <v>17615</v>
      </c>
      <c r="F6276" s="6">
        <v>9231</v>
      </c>
    </row>
    <row r="6277" spans="1:6" x14ac:dyDescent="0.25">
      <c r="A6277" s="4" t="s">
        <v>86</v>
      </c>
      <c r="B6277" s="1" t="s">
        <v>3147</v>
      </c>
      <c r="C6277" s="5" t="s">
        <v>3341</v>
      </c>
      <c r="D6277" s="1" t="s">
        <v>11437</v>
      </c>
      <c r="E6277" s="5" t="s">
        <v>17870</v>
      </c>
      <c r="F6277" s="6">
        <v>9499</v>
      </c>
    </row>
    <row r="6278" spans="1:6" x14ac:dyDescent="0.25">
      <c r="A6278" s="4" t="s">
        <v>120</v>
      </c>
      <c r="B6278" s="1" t="s">
        <v>3158</v>
      </c>
      <c r="C6278" s="5" t="s">
        <v>3385</v>
      </c>
      <c r="D6278" s="1" t="s">
        <v>7510</v>
      </c>
      <c r="E6278" s="5" t="s">
        <v>11794</v>
      </c>
      <c r="F6278" s="6">
        <v>220</v>
      </c>
    </row>
    <row r="6279" spans="1:6" x14ac:dyDescent="0.25">
      <c r="A6279" s="4" t="s">
        <v>120</v>
      </c>
      <c r="B6279" s="1" t="s">
        <v>3158</v>
      </c>
      <c r="C6279" s="5" t="s">
        <v>3599</v>
      </c>
      <c r="D6279" s="1" t="s">
        <v>7736</v>
      </c>
      <c r="E6279" s="5" t="s">
        <v>12035</v>
      </c>
      <c r="F6279" s="6">
        <v>468</v>
      </c>
    </row>
    <row r="6280" spans="1:6" x14ac:dyDescent="0.25">
      <c r="A6280" s="4" t="s">
        <v>120</v>
      </c>
      <c r="B6280" s="1" t="s">
        <v>3158</v>
      </c>
      <c r="C6280" s="5" t="s">
        <v>4012</v>
      </c>
      <c r="D6280" s="1" t="s">
        <v>8163</v>
      </c>
      <c r="E6280" s="5" t="s">
        <v>12560</v>
      </c>
      <c r="F6280" s="6">
        <v>1087</v>
      </c>
    </row>
    <row r="6281" spans="1:6" x14ac:dyDescent="0.25">
      <c r="A6281" s="4" t="s">
        <v>120</v>
      </c>
      <c r="B6281" s="1" t="s">
        <v>3158</v>
      </c>
      <c r="C6281" s="5" t="s">
        <v>4180</v>
      </c>
      <c r="D6281" s="1" t="s">
        <v>8425</v>
      </c>
      <c r="E6281" s="5" t="s">
        <v>12864</v>
      </c>
      <c r="F6281" s="6">
        <v>1465</v>
      </c>
    </row>
    <row r="6282" spans="1:6" x14ac:dyDescent="0.25">
      <c r="A6282" s="4" t="s">
        <v>120</v>
      </c>
      <c r="B6282" s="1" t="s">
        <v>3158</v>
      </c>
      <c r="C6282" s="5" t="s">
        <v>3599</v>
      </c>
      <c r="D6282" s="1" t="s">
        <v>8745</v>
      </c>
      <c r="E6282" s="5" t="s">
        <v>13395</v>
      </c>
      <c r="F6282" s="6">
        <v>2028</v>
      </c>
    </row>
    <row r="6283" spans="1:6" x14ac:dyDescent="0.25">
      <c r="A6283" s="4" t="s">
        <v>120</v>
      </c>
      <c r="B6283" s="1" t="s">
        <v>3158</v>
      </c>
      <c r="C6283" s="5" t="s">
        <v>4180</v>
      </c>
      <c r="D6283" s="1" t="s">
        <v>9445</v>
      </c>
      <c r="E6283" s="5" t="s">
        <v>15211</v>
      </c>
      <c r="F6283" s="6">
        <v>3945</v>
      </c>
    </row>
    <row r="6284" spans="1:6" x14ac:dyDescent="0.25">
      <c r="A6284" s="4" t="s">
        <v>120</v>
      </c>
      <c r="B6284" s="1" t="s">
        <v>3158</v>
      </c>
      <c r="C6284" s="5" t="s">
        <v>6186</v>
      </c>
      <c r="D6284" s="1" t="s">
        <v>9792</v>
      </c>
      <c r="E6284" s="5" t="s">
        <v>15704</v>
      </c>
      <c r="F6284" s="6">
        <v>4471</v>
      </c>
    </row>
    <row r="6285" spans="1:6" x14ac:dyDescent="0.25">
      <c r="A6285" s="4" t="s">
        <v>120</v>
      </c>
      <c r="B6285" s="1" t="s">
        <v>3158</v>
      </c>
      <c r="C6285" s="5" t="s">
        <v>6262</v>
      </c>
      <c r="D6285" s="1" t="s">
        <v>9907</v>
      </c>
      <c r="E6285" s="5" t="s">
        <v>15844</v>
      </c>
      <c r="F6285" s="6">
        <v>4757</v>
      </c>
    </row>
    <row r="6286" spans="1:6" x14ac:dyDescent="0.25">
      <c r="A6286" s="4" t="s">
        <v>120</v>
      </c>
      <c r="B6286" s="1" t="s">
        <v>3158</v>
      </c>
      <c r="C6286" s="5" t="s">
        <v>6268</v>
      </c>
      <c r="D6286" s="1" t="s">
        <v>9912</v>
      </c>
      <c r="E6286" s="5" t="s">
        <v>15852</v>
      </c>
      <c r="F6286" s="6">
        <v>4765</v>
      </c>
    </row>
    <row r="6287" spans="1:6" x14ac:dyDescent="0.25">
      <c r="A6287" s="4" t="s">
        <v>120</v>
      </c>
      <c r="B6287" s="1" t="s">
        <v>3158</v>
      </c>
      <c r="C6287" s="5" t="s">
        <v>6296</v>
      </c>
      <c r="D6287" s="1" t="s">
        <v>9943</v>
      </c>
      <c r="E6287" s="5" t="s">
        <v>15892</v>
      </c>
      <c r="F6287" s="6">
        <v>4807</v>
      </c>
    </row>
    <row r="6288" spans="1:6" x14ac:dyDescent="0.25">
      <c r="A6288" s="4" t="s">
        <v>120</v>
      </c>
      <c r="B6288" s="1" t="s">
        <v>3158</v>
      </c>
      <c r="C6288" s="5" t="s">
        <v>6303</v>
      </c>
      <c r="D6288" s="1" t="s">
        <v>9952</v>
      </c>
      <c r="E6288" s="5" t="s">
        <v>15906</v>
      </c>
      <c r="F6288" s="6">
        <v>4822</v>
      </c>
    </row>
    <row r="6289" spans="1:6" x14ac:dyDescent="0.25">
      <c r="A6289" s="4" t="s">
        <v>120</v>
      </c>
      <c r="B6289" s="1" t="s">
        <v>3158</v>
      </c>
      <c r="C6289" s="5" t="s">
        <v>6503</v>
      </c>
      <c r="D6289" s="1" t="s">
        <v>10262</v>
      </c>
      <c r="E6289" s="5" t="s">
        <v>16322</v>
      </c>
      <c r="F6289" s="6">
        <v>5642</v>
      </c>
    </row>
    <row r="6290" spans="1:6" x14ac:dyDescent="0.25">
      <c r="A6290" s="4" t="s">
        <v>120</v>
      </c>
      <c r="B6290" s="1" t="s">
        <v>3158</v>
      </c>
      <c r="C6290" s="5" t="s">
        <v>6296</v>
      </c>
      <c r="D6290" s="1" t="s">
        <v>10332</v>
      </c>
      <c r="E6290" s="5" t="s">
        <v>16436</v>
      </c>
      <c r="F6290" s="6">
        <v>5895</v>
      </c>
    </row>
    <row r="6291" spans="1:6" x14ac:dyDescent="0.25">
      <c r="A6291" s="4" t="s">
        <v>120</v>
      </c>
      <c r="B6291" s="1" t="s">
        <v>3158</v>
      </c>
      <c r="C6291" s="5" t="s">
        <v>6681</v>
      </c>
      <c r="D6291" s="1" t="s">
        <v>10515</v>
      </c>
      <c r="E6291" s="5" t="s">
        <v>16685</v>
      </c>
      <c r="F6291" s="6">
        <v>6566</v>
      </c>
    </row>
    <row r="6292" spans="1:6" x14ac:dyDescent="0.25">
      <c r="A6292" s="4" t="s">
        <v>120</v>
      </c>
      <c r="B6292" s="1" t="s">
        <v>3158</v>
      </c>
      <c r="C6292" s="5" t="s">
        <v>3599</v>
      </c>
      <c r="D6292" s="1" t="s">
        <v>10575</v>
      </c>
      <c r="E6292" s="5" t="s">
        <v>16768</v>
      </c>
      <c r="F6292" s="6">
        <v>6880</v>
      </c>
    </row>
    <row r="6293" spans="1:6" x14ac:dyDescent="0.25">
      <c r="A6293" s="4" t="s">
        <v>120</v>
      </c>
      <c r="B6293" s="1" t="s">
        <v>3158</v>
      </c>
      <c r="C6293" s="5" t="s">
        <v>3385</v>
      </c>
      <c r="D6293" s="1" t="s">
        <v>11158</v>
      </c>
      <c r="E6293" s="5" t="s">
        <v>17522</v>
      </c>
      <c r="F6293" s="6">
        <v>9136</v>
      </c>
    </row>
    <row r="6294" spans="1:6" x14ac:dyDescent="0.25">
      <c r="A6294" s="4" t="s">
        <v>120</v>
      </c>
      <c r="B6294" s="1" t="s">
        <v>3158</v>
      </c>
      <c r="C6294" s="5" t="s">
        <v>7058</v>
      </c>
      <c r="D6294" s="1" t="s">
        <v>11159</v>
      </c>
      <c r="E6294" s="5" t="s">
        <v>17524</v>
      </c>
      <c r="F6294" s="6">
        <v>9138</v>
      </c>
    </row>
    <row r="6295" spans="1:6" x14ac:dyDescent="0.25">
      <c r="A6295" s="4" t="s">
        <v>120</v>
      </c>
      <c r="B6295" s="1" t="s">
        <v>3158</v>
      </c>
      <c r="C6295" s="5" t="s">
        <v>3599</v>
      </c>
      <c r="D6295" s="1" t="s">
        <v>11337</v>
      </c>
      <c r="E6295" s="5" t="s">
        <v>17759</v>
      </c>
      <c r="F6295" s="6">
        <v>9381</v>
      </c>
    </row>
    <row r="6296" spans="1:6" x14ac:dyDescent="0.25">
      <c r="A6296" s="4" t="s">
        <v>120</v>
      </c>
      <c r="B6296" s="1" t="s">
        <v>3158</v>
      </c>
      <c r="C6296" s="5" t="s">
        <v>3385</v>
      </c>
      <c r="D6296" s="1" t="s">
        <v>11401</v>
      </c>
      <c r="E6296" s="5" t="s">
        <v>17828</v>
      </c>
      <c r="F6296" s="6">
        <v>9454</v>
      </c>
    </row>
    <row r="6297" spans="1:6" x14ac:dyDescent="0.25">
      <c r="A6297" s="4" t="s">
        <v>120</v>
      </c>
      <c r="B6297" s="1" t="s">
        <v>3158</v>
      </c>
      <c r="C6297" s="5" t="s">
        <v>4012</v>
      </c>
      <c r="D6297" s="1" t="s">
        <v>11482</v>
      </c>
      <c r="E6297" s="5" t="s">
        <v>17938</v>
      </c>
      <c r="F6297" s="6">
        <v>9569</v>
      </c>
    </row>
    <row r="6298" spans="1:6" x14ac:dyDescent="0.25">
      <c r="A6298" s="4" t="s">
        <v>120</v>
      </c>
      <c r="B6298" s="1" t="s">
        <v>3158</v>
      </c>
      <c r="C6298" s="5" t="s">
        <v>3599</v>
      </c>
      <c r="D6298" s="1" t="s">
        <v>11541</v>
      </c>
      <c r="E6298" s="5" t="s">
        <v>18011</v>
      </c>
      <c r="F6298" s="6">
        <v>9643</v>
      </c>
    </row>
    <row r="6299" spans="1:6" x14ac:dyDescent="0.25">
      <c r="A6299" s="4" t="s">
        <v>2510</v>
      </c>
      <c r="B6299" s="1" t="s">
        <v>3144</v>
      </c>
      <c r="C6299" s="5" t="s">
        <v>6395</v>
      </c>
      <c r="D6299" s="1" t="s">
        <v>2510</v>
      </c>
      <c r="E6299" s="5" t="s">
        <v>16130</v>
      </c>
      <c r="F6299" s="6">
        <v>5214</v>
      </c>
    </row>
    <row r="6300" spans="1:6" x14ac:dyDescent="0.25">
      <c r="A6300" s="4" t="s">
        <v>339</v>
      </c>
      <c r="B6300" s="1" t="s">
        <v>1147</v>
      </c>
      <c r="C6300" s="5" t="s">
        <v>3826</v>
      </c>
      <c r="D6300" s="1" t="s">
        <v>339</v>
      </c>
      <c r="E6300" s="5" t="s">
        <v>12323</v>
      </c>
      <c r="F6300" s="6">
        <v>819</v>
      </c>
    </row>
    <row r="6301" spans="1:6" x14ac:dyDescent="0.25">
      <c r="A6301" s="4" t="s">
        <v>557</v>
      </c>
      <c r="B6301" s="1" t="s">
        <v>3150</v>
      </c>
      <c r="C6301" s="5" t="s">
        <v>4203</v>
      </c>
      <c r="D6301" s="1" t="s">
        <v>557</v>
      </c>
      <c r="E6301" s="5" t="s">
        <v>12891</v>
      </c>
      <c r="F6301" s="6">
        <v>1492</v>
      </c>
    </row>
    <row r="6302" spans="1:6" x14ac:dyDescent="0.25">
      <c r="A6302" s="4" t="s">
        <v>2739</v>
      </c>
      <c r="B6302" s="1" t="s">
        <v>3152</v>
      </c>
      <c r="C6302" s="5" t="s">
        <v>6682</v>
      </c>
      <c r="D6302" s="1" t="s">
        <v>2739</v>
      </c>
      <c r="E6302" s="5" t="s">
        <v>16686</v>
      </c>
      <c r="F6302" s="6">
        <v>6569</v>
      </c>
    </row>
    <row r="6303" spans="1:6" x14ac:dyDescent="0.25">
      <c r="A6303" s="4" t="s">
        <v>1630</v>
      </c>
      <c r="B6303" s="1" t="s">
        <v>3147</v>
      </c>
      <c r="C6303" s="5" t="s">
        <v>4169</v>
      </c>
      <c r="D6303" s="1" t="s">
        <v>1630</v>
      </c>
      <c r="E6303" s="5" t="s">
        <v>14418</v>
      </c>
      <c r="F6303" s="6">
        <v>3098</v>
      </c>
    </row>
    <row r="6304" spans="1:6" x14ac:dyDescent="0.25">
      <c r="A6304" s="4" t="s">
        <v>20</v>
      </c>
      <c r="B6304" s="1" t="s">
        <v>3144</v>
      </c>
      <c r="C6304" s="5" t="s">
        <v>3231</v>
      </c>
      <c r="D6304" s="1" t="s">
        <v>7358</v>
      </c>
      <c r="E6304" s="5" t="s">
        <v>11630</v>
      </c>
      <c r="F6304" s="6">
        <v>38</v>
      </c>
    </row>
    <row r="6305" spans="1:6" x14ac:dyDescent="0.25">
      <c r="A6305" s="4" t="s">
        <v>20</v>
      </c>
      <c r="B6305" s="1" t="s">
        <v>3144</v>
      </c>
      <c r="C6305" s="5" t="s">
        <v>3544</v>
      </c>
      <c r="D6305" s="1" t="s">
        <v>7683</v>
      </c>
      <c r="E6305" s="5" t="s">
        <v>11975</v>
      </c>
      <c r="F6305" s="6">
        <v>408</v>
      </c>
    </row>
    <row r="6306" spans="1:6" x14ac:dyDescent="0.25">
      <c r="A6306" s="4" t="s">
        <v>20</v>
      </c>
      <c r="B6306" s="1" t="s">
        <v>3144</v>
      </c>
      <c r="C6306" s="5" t="s">
        <v>3962</v>
      </c>
      <c r="D6306" s="1" t="s">
        <v>8112</v>
      </c>
      <c r="E6306" s="5" t="s">
        <v>12496</v>
      </c>
      <c r="F6306" s="6">
        <v>1020</v>
      </c>
    </row>
    <row r="6307" spans="1:6" x14ac:dyDescent="0.25">
      <c r="A6307" s="4" t="s">
        <v>20</v>
      </c>
      <c r="B6307" s="1" t="s">
        <v>3144</v>
      </c>
      <c r="C6307" s="5" t="s">
        <v>3231</v>
      </c>
      <c r="D6307" s="1" t="s">
        <v>8633</v>
      </c>
      <c r="E6307" s="5" t="s">
        <v>13174</v>
      </c>
      <c r="F6307" s="6">
        <v>1807</v>
      </c>
    </row>
    <row r="6308" spans="1:6" x14ac:dyDescent="0.25">
      <c r="A6308" s="4" t="s">
        <v>20</v>
      </c>
      <c r="B6308" s="1" t="s">
        <v>3144</v>
      </c>
      <c r="C6308" s="5" t="s">
        <v>3544</v>
      </c>
      <c r="D6308" s="1" t="s">
        <v>10284</v>
      </c>
      <c r="E6308" s="5" t="s">
        <v>16362</v>
      </c>
      <c r="F6308" s="6">
        <v>5752</v>
      </c>
    </row>
    <row r="6309" spans="1:6" x14ac:dyDescent="0.25">
      <c r="A6309" s="4" t="s">
        <v>20</v>
      </c>
      <c r="B6309" s="1" t="s">
        <v>3144</v>
      </c>
      <c r="C6309" s="5" t="s">
        <v>6978</v>
      </c>
      <c r="D6309" s="1" t="s">
        <v>11047</v>
      </c>
      <c r="E6309" s="5" t="s">
        <v>17375</v>
      </c>
      <c r="F6309" s="6">
        <v>8922</v>
      </c>
    </row>
    <row r="6310" spans="1:6" x14ac:dyDescent="0.25">
      <c r="A6310" s="4" t="s">
        <v>187</v>
      </c>
      <c r="B6310" s="1" t="s">
        <v>1147</v>
      </c>
      <c r="C6310" s="5" t="s">
        <v>3517</v>
      </c>
      <c r="D6310" s="1" t="s">
        <v>7652</v>
      </c>
      <c r="E6310" s="5" t="s">
        <v>11941</v>
      </c>
      <c r="F6310" s="6">
        <v>374</v>
      </c>
    </row>
    <row r="6311" spans="1:6" x14ac:dyDescent="0.25">
      <c r="A6311" s="4" t="s">
        <v>487</v>
      </c>
      <c r="B6311" s="1" t="s">
        <v>3150</v>
      </c>
      <c r="C6311" s="5" t="s">
        <v>4105</v>
      </c>
      <c r="D6311" s="1" t="s">
        <v>8291</v>
      </c>
      <c r="E6311" s="5" t="s">
        <v>12704</v>
      </c>
      <c r="F6311" s="6">
        <v>1301</v>
      </c>
    </row>
    <row r="6312" spans="1:6" x14ac:dyDescent="0.25">
      <c r="A6312" s="4" t="s">
        <v>1633</v>
      </c>
      <c r="B6312" s="1" t="s">
        <v>3147</v>
      </c>
      <c r="C6312" s="5" t="s">
        <v>4335</v>
      </c>
      <c r="D6312" s="1" t="s">
        <v>1633</v>
      </c>
      <c r="E6312" s="5" t="s">
        <v>14421</v>
      </c>
      <c r="F6312" s="6">
        <v>3101</v>
      </c>
    </row>
    <row r="6313" spans="1:6" x14ac:dyDescent="0.25">
      <c r="A6313" s="4" t="s">
        <v>2656</v>
      </c>
      <c r="B6313" s="1" t="s">
        <v>3155</v>
      </c>
      <c r="C6313" s="5">
        <v>534245</v>
      </c>
      <c r="D6313" s="1" t="s">
        <v>2656</v>
      </c>
      <c r="E6313" s="5" t="s">
        <v>16449</v>
      </c>
      <c r="F6313" s="6">
        <v>5933</v>
      </c>
    </row>
    <row r="6314" spans="1:6" x14ac:dyDescent="0.25">
      <c r="A6314" s="4" t="s">
        <v>24</v>
      </c>
      <c r="B6314" s="1" t="s">
        <v>3147</v>
      </c>
      <c r="C6314" s="5" t="s">
        <v>3241</v>
      </c>
      <c r="D6314" s="1" t="s">
        <v>24</v>
      </c>
      <c r="E6314" s="5" t="s">
        <v>11640</v>
      </c>
      <c r="F6314" s="6">
        <v>48</v>
      </c>
    </row>
    <row r="6315" spans="1:6" x14ac:dyDescent="0.25">
      <c r="A6315" s="4" t="s">
        <v>24</v>
      </c>
      <c r="B6315" s="1" t="s">
        <v>3147</v>
      </c>
      <c r="C6315" s="5" t="s">
        <v>3241</v>
      </c>
      <c r="D6315" s="1" t="s">
        <v>8554</v>
      </c>
      <c r="E6315" s="5" t="s">
        <v>13045</v>
      </c>
      <c r="F6315" s="6">
        <v>1676</v>
      </c>
    </row>
    <row r="6316" spans="1:6" x14ac:dyDescent="0.25">
      <c r="A6316" s="4" t="s">
        <v>574</v>
      </c>
      <c r="B6316" s="1" t="s">
        <v>3150</v>
      </c>
      <c r="C6316" s="5" t="s">
        <v>4224</v>
      </c>
      <c r="D6316" s="1" t="s">
        <v>574</v>
      </c>
      <c r="E6316" s="5" t="s">
        <v>12915</v>
      </c>
      <c r="F6316" s="6">
        <v>1519</v>
      </c>
    </row>
    <row r="6317" spans="1:6" x14ac:dyDescent="0.25">
      <c r="A6317" s="4" t="s">
        <v>2805</v>
      </c>
      <c r="B6317" s="1" t="s">
        <v>3146</v>
      </c>
      <c r="C6317" s="5" t="s">
        <v>6794</v>
      </c>
      <c r="D6317" s="1" t="s">
        <v>2805</v>
      </c>
      <c r="E6317" s="5" t="s">
        <v>16895</v>
      </c>
      <c r="F6317" s="6">
        <v>7194</v>
      </c>
    </row>
    <row r="6318" spans="1:6" x14ac:dyDescent="0.25">
      <c r="A6318" s="4" t="s">
        <v>272</v>
      </c>
      <c r="B6318" s="1" t="s">
        <v>3146</v>
      </c>
      <c r="C6318" s="5" t="s">
        <v>3731</v>
      </c>
      <c r="D6318" s="1" t="s">
        <v>7906</v>
      </c>
      <c r="E6318" s="5" t="s">
        <v>12215</v>
      </c>
      <c r="F6318" s="6">
        <v>694</v>
      </c>
    </row>
    <row r="6319" spans="1:6" x14ac:dyDescent="0.25">
      <c r="A6319" s="4" t="s">
        <v>272</v>
      </c>
      <c r="B6319" s="1" t="s">
        <v>3146</v>
      </c>
      <c r="C6319" s="5" t="s">
        <v>4065</v>
      </c>
      <c r="D6319" s="1" t="s">
        <v>8243</v>
      </c>
      <c r="E6319" s="5" t="s">
        <v>12650</v>
      </c>
      <c r="F6319" s="6">
        <v>1245</v>
      </c>
    </row>
    <row r="6320" spans="1:6" x14ac:dyDescent="0.25">
      <c r="A6320" s="4" t="s">
        <v>272</v>
      </c>
      <c r="B6320" s="1" t="s">
        <v>3146</v>
      </c>
      <c r="C6320" s="5" t="s">
        <v>5941</v>
      </c>
      <c r="D6320" s="1" t="s">
        <v>9513</v>
      </c>
      <c r="E6320" s="5" t="s">
        <v>15302</v>
      </c>
      <c r="F6320" s="6">
        <v>4039</v>
      </c>
    </row>
    <row r="6321" spans="1:6" x14ac:dyDescent="0.25">
      <c r="A6321" s="4" t="s">
        <v>272</v>
      </c>
      <c r="B6321" s="1" t="s">
        <v>3146</v>
      </c>
      <c r="C6321" s="5" t="s">
        <v>6441</v>
      </c>
      <c r="D6321" s="1" t="s">
        <v>10202</v>
      </c>
      <c r="E6321" s="5" t="s">
        <v>16226</v>
      </c>
      <c r="F6321" s="6">
        <v>5429</v>
      </c>
    </row>
    <row r="6322" spans="1:6" x14ac:dyDescent="0.25">
      <c r="A6322" s="4" t="s">
        <v>272</v>
      </c>
      <c r="B6322" s="1" t="s">
        <v>3146</v>
      </c>
      <c r="C6322" s="5">
        <v>632004</v>
      </c>
      <c r="D6322" s="1" t="s">
        <v>10990</v>
      </c>
      <c r="E6322" s="5" t="s">
        <v>17300</v>
      </c>
      <c r="F6322" s="6">
        <v>8611</v>
      </c>
    </row>
    <row r="6323" spans="1:6" x14ac:dyDescent="0.25">
      <c r="A6323" s="4" t="s">
        <v>1509</v>
      </c>
      <c r="B6323" s="1" t="s">
        <v>3151</v>
      </c>
      <c r="C6323" s="5" t="s">
        <v>5328</v>
      </c>
      <c r="D6323" s="1" t="s">
        <v>1509</v>
      </c>
      <c r="E6323" s="5" t="s">
        <v>14287</v>
      </c>
      <c r="F6323" s="6">
        <v>2949</v>
      </c>
    </row>
    <row r="6324" spans="1:6" x14ac:dyDescent="0.25">
      <c r="A6324" s="4" t="s">
        <v>2923</v>
      </c>
      <c r="B6324" s="1" t="s">
        <v>3150</v>
      </c>
      <c r="C6324" s="5" t="s">
        <v>6939</v>
      </c>
      <c r="D6324" s="1" t="s">
        <v>2923</v>
      </c>
      <c r="E6324" s="5" t="s">
        <v>17277</v>
      </c>
      <c r="F6324" s="6">
        <v>8431</v>
      </c>
    </row>
    <row r="6325" spans="1:6" x14ac:dyDescent="0.25">
      <c r="A6325" s="4" t="s">
        <v>2324</v>
      </c>
      <c r="B6325" s="1" t="s">
        <v>3155</v>
      </c>
      <c r="C6325" s="5" t="s">
        <v>6098</v>
      </c>
      <c r="D6325" s="1" t="s">
        <v>2324</v>
      </c>
      <c r="E6325" s="5" t="s">
        <v>15543</v>
      </c>
      <c r="F6325" s="6">
        <v>4284</v>
      </c>
    </row>
    <row r="6326" spans="1:6" x14ac:dyDescent="0.25">
      <c r="A6326" s="4" t="s">
        <v>127</v>
      </c>
      <c r="B6326" s="1" t="s">
        <v>3147</v>
      </c>
      <c r="C6326" s="5" t="s">
        <v>3394</v>
      </c>
      <c r="D6326" s="1" t="s">
        <v>127</v>
      </c>
      <c r="E6326" s="5" t="s">
        <v>11803</v>
      </c>
      <c r="F6326" s="6">
        <v>230</v>
      </c>
    </row>
    <row r="6327" spans="1:6" x14ac:dyDescent="0.25">
      <c r="A6327" s="4" t="s">
        <v>127</v>
      </c>
      <c r="B6327" s="1" t="s">
        <v>3147</v>
      </c>
      <c r="C6327" s="5" t="s">
        <v>3394</v>
      </c>
      <c r="D6327" s="1" t="s">
        <v>10982</v>
      </c>
      <c r="E6327" s="5" t="s">
        <v>17290</v>
      </c>
      <c r="F6327" s="6">
        <v>8556</v>
      </c>
    </row>
    <row r="6328" spans="1:6" x14ac:dyDescent="0.25">
      <c r="A6328" s="4" t="s">
        <v>1839</v>
      </c>
      <c r="B6328" s="1" t="s">
        <v>1147</v>
      </c>
      <c r="C6328" s="5" t="s">
        <v>5611</v>
      </c>
      <c r="D6328" s="1" t="s">
        <v>1839</v>
      </c>
      <c r="E6328" s="5" t="s">
        <v>14668</v>
      </c>
      <c r="F6328" s="6">
        <v>3368</v>
      </c>
    </row>
    <row r="6329" spans="1:6" x14ac:dyDescent="0.25">
      <c r="A6329" s="4" t="s">
        <v>2295</v>
      </c>
      <c r="B6329" s="1" t="s">
        <v>3151</v>
      </c>
      <c r="C6329" s="5" t="s">
        <v>6053</v>
      </c>
      <c r="D6329" s="1" t="s">
        <v>9617</v>
      </c>
      <c r="E6329" s="5" t="s">
        <v>15468</v>
      </c>
      <c r="F6329" s="6">
        <v>4206</v>
      </c>
    </row>
    <row r="6330" spans="1:6" x14ac:dyDescent="0.25">
      <c r="A6330" s="4" t="s">
        <v>211</v>
      </c>
      <c r="B6330" s="1" t="s">
        <v>3153</v>
      </c>
      <c r="C6330" s="5" t="s">
        <v>3580</v>
      </c>
      <c r="D6330" s="1" t="s">
        <v>211</v>
      </c>
      <c r="E6330" s="5" t="s">
        <v>12015</v>
      </c>
      <c r="F6330" s="6">
        <v>448</v>
      </c>
    </row>
    <row r="6331" spans="1:6" x14ac:dyDescent="0.25">
      <c r="A6331" s="4" t="s">
        <v>2709</v>
      </c>
      <c r="B6331" s="1" t="s">
        <v>3153</v>
      </c>
      <c r="C6331" s="5" t="s">
        <v>3580</v>
      </c>
      <c r="D6331" s="1" t="s">
        <v>10449</v>
      </c>
      <c r="E6331" s="5" t="s">
        <v>16602</v>
      </c>
      <c r="F6331" s="6">
        <v>6342</v>
      </c>
    </row>
    <row r="6332" spans="1:6" x14ac:dyDescent="0.25">
      <c r="A6332" s="4" t="s">
        <v>1122</v>
      </c>
      <c r="B6332" s="1" t="s">
        <v>3156</v>
      </c>
      <c r="C6332" s="5" t="s">
        <v>4864</v>
      </c>
      <c r="D6332" s="1" t="s">
        <v>8826</v>
      </c>
      <c r="E6332" s="5" t="s">
        <v>13695</v>
      </c>
      <c r="F6332" s="6">
        <v>2342</v>
      </c>
    </row>
    <row r="6333" spans="1:6" x14ac:dyDescent="0.25">
      <c r="A6333" s="4" t="s">
        <v>1833</v>
      </c>
      <c r="B6333" s="1" t="s">
        <v>3158</v>
      </c>
      <c r="C6333" s="5" t="s">
        <v>5606</v>
      </c>
      <c r="D6333" s="1" t="s">
        <v>1833</v>
      </c>
      <c r="E6333" s="5" t="s">
        <v>14662</v>
      </c>
      <c r="F6333" s="6">
        <v>3361</v>
      </c>
    </row>
    <row r="6334" spans="1:6" x14ac:dyDescent="0.25">
      <c r="A6334" s="4" t="s">
        <v>406</v>
      </c>
      <c r="B6334" s="1" t="s">
        <v>3147</v>
      </c>
      <c r="C6334" s="5" t="s">
        <v>3924</v>
      </c>
      <c r="D6334" s="1" t="s">
        <v>406</v>
      </c>
      <c r="E6334" s="5" t="s">
        <v>12444</v>
      </c>
      <c r="F6334" s="6">
        <v>960</v>
      </c>
    </row>
    <row r="6335" spans="1:6" x14ac:dyDescent="0.25">
      <c r="A6335" s="4" t="s">
        <v>2548</v>
      </c>
      <c r="B6335" s="1" t="s">
        <v>3149</v>
      </c>
      <c r="C6335" s="5">
        <v>586109</v>
      </c>
      <c r="D6335" s="1" t="s">
        <v>10217</v>
      </c>
      <c r="E6335" s="5" t="s">
        <v>16250</v>
      </c>
      <c r="F6335" s="6">
        <v>5490</v>
      </c>
    </row>
    <row r="6336" spans="1:6" x14ac:dyDescent="0.25">
      <c r="A6336" s="4" t="s">
        <v>2548</v>
      </c>
      <c r="B6336" s="1" t="s">
        <v>3149</v>
      </c>
      <c r="C6336" s="5" t="s">
        <v>6462</v>
      </c>
      <c r="D6336" s="1" t="s">
        <v>10231</v>
      </c>
      <c r="E6336" s="5" t="s">
        <v>16269</v>
      </c>
      <c r="F6336" s="6">
        <v>5528</v>
      </c>
    </row>
    <row r="6337" spans="1:6" x14ac:dyDescent="0.25">
      <c r="A6337" s="4" t="s">
        <v>51</v>
      </c>
      <c r="B6337" s="1" t="s">
        <v>3155</v>
      </c>
      <c r="C6337" s="5" t="s">
        <v>3286</v>
      </c>
      <c r="D6337" s="1" t="s">
        <v>7415</v>
      </c>
      <c r="E6337" s="5" t="s">
        <v>11690</v>
      </c>
      <c r="F6337" s="6">
        <v>109</v>
      </c>
    </row>
    <row r="6338" spans="1:6" x14ac:dyDescent="0.25">
      <c r="A6338" s="4" t="s">
        <v>51</v>
      </c>
      <c r="B6338" s="1" t="s">
        <v>3155</v>
      </c>
      <c r="C6338" s="5" t="s">
        <v>3652</v>
      </c>
      <c r="D6338" s="1" t="s">
        <v>7805</v>
      </c>
      <c r="E6338" s="5" t="s">
        <v>12107</v>
      </c>
      <c r="F6338" s="6">
        <v>568</v>
      </c>
    </row>
    <row r="6339" spans="1:6" x14ac:dyDescent="0.25">
      <c r="A6339" s="4" t="s">
        <v>51</v>
      </c>
      <c r="B6339" s="1" t="s">
        <v>3155</v>
      </c>
      <c r="C6339" s="5" t="s">
        <v>3286</v>
      </c>
      <c r="D6339" s="1" t="s">
        <v>8419</v>
      </c>
      <c r="E6339" s="5" t="s">
        <v>12855</v>
      </c>
      <c r="F6339" s="6">
        <v>1456</v>
      </c>
    </row>
    <row r="6340" spans="1:6" x14ac:dyDescent="0.25">
      <c r="A6340" s="4" t="s">
        <v>51</v>
      </c>
      <c r="B6340" s="1" t="s">
        <v>3155</v>
      </c>
      <c r="C6340" s="5" t="s">
        <v>4923</v>
      </c>
      <c r="D6340" s="1" t="s">
        <v>8862</v>
      </c>
      <c r="E6340" s="5" t="s">
        <v>13764</v>
      </c>
      <c r="F6340" s="6">
        <v>2413</v>
      </c>
    </row>
    <row r="6341" spans="1:6" x14ac:dyDescent="0.25">
      <c r="A6341" s="4" t="s">
        <v>51</v>
      </c>
      <c r="B6341" s="1" t="s">
        <v>3155</v>
      </c>
      <c r="C6341" s="5" t="s">
        <v>5450</v>
      </c>
      <c r="D6341" s="1" t="s">
        <v>9150</v>
      </c>
      <c r="E6341" s="5" t="s">
        <v>14438</v>
      </c>
      <c r="F6341" s="6">
        <v>3122</v>
      </c>
    </row>
    <row r="6342" spans="1:6" x14ac:dyDescent="0.25">
      <c r="A6342" s="4" t="s">
        <v>51</v>
      </c>
      <c r="B6342" s="1" t="s">
        <v>3155</v>
      </c>
      <c r="C6342" s="5" t="s">
        <v>6334</v>
      </c>
      <c r="D6342" s="1" t="s">
        <v>9996</v>
      </c>
      <c r="E6342" s="5" t="s">
        <v>15962</v>
      </c>
      <c r="F6342" s="6">
        <v>4881</v>
      </c>
    </row>
    <row r="6343" spans="1:6" x14ac:dyDescent="0.25">
      <c r="A6343" s="4" t="s">
        <v>51</v>
      </c>
      <c r="B6343" s="1" t="s">
        <v>3155</v>
      </c>
      <c r="C6343" s="5" t="s">
        <v>3286</v>
      </c>
      <c r="D6343" s="1" t="s">
        <v>10415</v>
      </c>
      <c r="E6343" s="5" t="s">
        <v>16556</v>
      </c>
      <c r="F6343" s="6">
        <v>6218</v>
      </c>
    </row>
    <row r="6344" spans="1:6" x14ac:dyDescent="0.25">
      <c r="A6344" s="4" t="s">
        <v>51</v>
      </c>
      <c r="B6344" s="1" t="s">
        <v>3155</v>
      </c>
      <c r="C6344" s="5" t="s">
        <v>6687</v>
      </c>
      <c r="D6344" s="1" t="s">
        <v>10525</v>
      </c>
      <c r="E6344" s="5" t="s">
        <v>16698</v>
      </c>
      <c r="F6344" s="6">
        <v>6620</v>
      </c>
    </row>
    <row r="6345" spans="1:6" x14ac:dyDescent="0.25">
      <c r="A6345" s="4" t="s">
        <v>51</v>
      </c>
      <c r="B6345" s="1" t="s">
        <v>3155</v>
      </c>
      <c r="C6345" s="5" t="s">
        <v>6747</v>
      </c>
      <c r="D6345" s="1" t="s">
        <v>10595</v>
      </c>
      <c r="E6345" s="5" t="s">
        <v>16797</v>
      </c>
      <c r="F6345" s="6">
        <v>6977</v>
      </c>
    </row>
    <row r="6346" spans="1:6" x14ac:dyDescent="0.25">
      <c r="A6346" s="4" t="s">
        <v>51</v>
      </c>
      <c r="B6346" s="1" t="s">
        <v>3155</v>
      </c>
      <c r="C6346" s="5">
        <v>520008</v>
      </c>
      <c r="D6346" s="1" t="s">
        <v>10680</v>
      </c>
      <c r="E6346" s="5" t="s">
        <v>16903</v>
      </c>
      <c r="F6346" s="6">
        <v>7211</v>
      </c>
    </row>
    <row r="6347" spans="1:6" x14ac:dyDescent="0.25">
      <c r="A6347" s="4" t="s">
        <v>51</v>
      </c>
      <c r="B6347" s="1" t="s">
        <v>3155</v>
      </c>
      <c r="C6347" s="5">
        <v>520010</v>
      </c>
      <c r="D6347" s="1" t="s">
        <v>10751</v>
      </c>
      <c r="E6347" s="5" t="s">
        <v>16999</v>
      </c>
      <c r="F6347" s="6">
        <v>7543</v>
      </c>
    </row>
    <row r="6348" spans="1:6" x14ac:dyDescent="0.25">
      <c r="A6348" s="4" t="s">
        <v>51</v>
      </c>
      <c r="B6348" s="1" t="s">
        <v>3155</v>
      </c>
      <c r="C6348" s="5" t="s">
        <v>6687</v>
      </c>
      <c r="D6348" s="1" t="s">
        <v>10786</v>
      </c>
      <c r="E6348" s="5" t="s">
        <v>17047</v>
      </c>
      <c r="F6348" s="6">
        <v>7671</v>
      </c>
    </row>
    <row r="6349" spans="1:6" x14ac:dyDescent="0.25">
      <c r="A6349" s="4" t="s">
        <v>51</v>
      </c>
      <c r="B6349" s="1" t="s">
        <v>3155</v>
      </c>
      <c r="C6349" s="5">
        <v>521137</v>
      </c>
      <c r="D6349" s="1" t="s">
        <v>10815</v>
      </c>
      <c r="E6349" s="5" t="s">
        <v>17085</v>
      </c>
      <c r="F6349" s="6">
        <v>7815</v>
      </c>
    </row>
    <row r="6350" spans="1:6" x14ac:dyDescent="0.25">
      <c r="A6350" s="4" t="s">
        <v>51</v>
      </c>
      <c r="B6350" s="1" t="s">
        <v>3155</v>
      </c>
      <c r="C6350" s="5" t="s">
        <v>6910</v>
      </c>
      <c r="D6350" s="1" t="s">
        <v>10906</v>
      </c>
      <c r="E6350" s="5" t="s">
        <v>17195</v>
      </c>
      <c r="F6350" s="6">
        <v>8170</v>
      </c>
    </row>
    <row r="6351" spans="1:6" x14ac:dyDescent="0.25">
      <c r="A6351" s="4" t="s">
        <v>51</v>
      </c>
      <c r="B6351" s="1" t="s">
        <v>3155</v>
      </c>
      <c r="C6351" s="5" t="s">
        <v>3286</v>
      </c>
      <c r="D6351" s="1" t="s">
        <v>10920</v>
      </c>
      <c r="E6351" s="5" t="s">
        <v>17212</v>
      </c>
      <c r="F6351" s="6">
        <v>8199</v>
      </c>
    </row>
    <row r="6352" spans="1:6" x14ac:dyDescent="0.25">
      <c r="A6352" s="4" t="s">
        <v>51</v>
      </c>
      <c r="B6352" s="1" t="s">
        <v>3155</v>
      </c>
      <c r="C6352" s="5" t="s">
        <v>6958</v>
      </c>
      <c r="D6352" s="1" t="s">
        <v>11002</v>
      </c>
      <c r="E6352" s="5" t="s">
        <v>17317</v>
      </c>
      <c r="F6352" s="6">
        <v>8710</v>
      </c>
    </row>
    <row r="6353" spans="1:6" x14ac:dyDescent="0.25">
      <c r="A6353" s="4" t="s">
        <v>51</v>
      </c>
      <c r="B6353" s="1" t="s">
        <v>3155</v>
      </c>
      <c r="C6353" s="5" t="s">
        <v>3286</v>
      </c>
      <c r="D6353" s="1" t="s">
        <v>11100</v>
      </c>
      <c r="E6353" s="5" t="s">
        <v>17451</v>
      </c>
      <c r="F6353" s="6">
        <v>9062</v>
      </c>
    </row>
    <row r="6354" spans="1:6" x14ac:dyDescent="0.25">
      <c r="A6354" s="4" t="s">
        <v>51</v>
      </c>
      <c r="B6354" s="1" t="s">
        <v>3155</v>
      </c>
      <c r="C6354" s="5" t="s">
        <v>7036</v>
      </c>
      <c r="D6354" s="1" t="s">
        <v>11121</v>
      </c>
      <c r="E6354" s="5" t="s">
        <v>17477</v>
      </c>
      <c r="F6354" s="6">
        <v>9088</v>
      </c>
    </row>
    <row r="6355" spans="1:6" x14ac:dyDescent="0.25">
      <c r="A6355" s="4" t="s">
        <v>51</v>
      </c>
      <c r="B6355" s="1" t="s">
        <v>3155</v>
      </c>
      <c r="C6355" s="5" t="s">
        <v>7182</v>
      </c>
      <c r="D6355" s="1" t="s">
        <v>11311</v>
      </c>
      <c r="E6355" s="5" t="s">
        <v>17732</v>
      </c>
      <c r="F6355" s="6">
        <v>9354</v>
      </c>
    </row>
    <row r="6356" spans="1:6" x14ac:dyDescent="0.25">
      <c r="A6356" s="4" t="s">
        <v>51</v>
      </c>
      <c r="B6356" s="1" t="s">
        <v>3155</v>
      </c>
      <c r="C6356" s="5" t="s">
        <v>4923</v>
      </c>
      <c r="D6356" s="1" t="s">
        <v>11327</v>
      </c>
      <c r="E6356" s="5" t="s">
        <v>17749</v>
      </c>
      <c r="F6356" s="6">
        <v>9371</v>
      </c>
    </row>
    <row r="6357" spans="1:6" x14ac:dyDescent="0.25">
      <c r="A6357" s="4" t="s">
        <v>51</v>
      </c>
      <c r="B6357" s="1" t="s">
        <v>3155</v>
      </c>
      <c r="C6357" s="5" t="s">
        <v>6687</v>
      </c>
      <c r="D6357" s="1" t="s">
        <v>11336</v>
      </c>
      <c r="E6357" s="5" t="s">
        <v>17758</v>
      </c>
      <c r="F6357" s="6">
        <v>9380</v>
      </c>
    </row>
    <row r="6358" spans="1:6" x14ac:dyDescent="0.25">
      <c r="A6358" s="4" t="s">
        <v>51</v>
      </c>
      <c r="B6358" s="1" t="s">
        <v>3155</v>
      </c>
      <c r="C6358" s="5" t="s">
        <v>6958</v>
      </c>
      <c r="D6358" s="1" t="s">
        <v>11505</v>
      </c>
      <c r="E6358" s="5" t="s">
        <v>17968</v>
      </c>
      <c r="F6358" s="6">
        <v>9600</v>
      </c>
    </row>
    <row r="6359" spans="1:6" x14ac:dyDescent="0.25">
      <c r="A6359" s="4" t="s">
        <v>51</v>
      </c>
      <c r="B6359" s="1" t="s">
        <v>3155</v>
      </c>
      <c r="C6359" s="5" t="s">
        <v>7282</v>
      </c>
      <c r="D6359" s="1" t="s">
        <v>11509</v>
      </c>
      <c r="E6359" s="5" t="s">
        <v>17973</v>
      </c>
      <c r="F6359" s="6">
        <v>9605</v>
      </c>
    </row>
    <row r="6360" spans="1:6" x14ac:dyDescent="0.25">
      <c r="A6360" s="4" t="s">
        <v>1778</v>
      </c>
      <c r="B6360" s="1" t="s">
        <v>3156</v>
      </c>
      <c r="C6360" s="5" t="s">
        <v>5558</v>
      </c>
      <c r="D6360" s="1" t="s">
        <v>1778</v>
      </c>
      <c r="E6360" s="5" t="s">
        <v>14597</v>
      </c>
      <c r="F6360" s="6">
        <v>3292</v>
      </c>
    </row>
    <row r="6361" spans="1:6" x14ac:dyDescent="0.25">
      <c r="A6361" s="4" t="s">
        <v>2373</v>
      </c>
      <c r="B6361" s="1" t="s">
        <v>3162</v>
      </c>
      <c r="C6361" s="5" t="s">
        <v>6175</v>
      </c>
      <c r="D6361" s="1" t="s">
        <v>9776</v>
      </c>
      <c r="E6361" s="5" t="s">
        <v>15685</v>
      </c>
      <c r="F6361" s="6">
        <v>4433</v>
      </c>
    </row>
    <row r="6362" spans="1:6" x14ac:dyDescent="0.25">
      <c r="A6362" s="4" t="s">
        <v>2373</v>
      </c>
      <c r="B6362" s="1" t="s">
        <v>3162</v>
      </c>
      <c r="C6362" s="5" t="s">
        <v>6864</v>
      </c>
      <c r="D6362" s="1" t="s">
        <v>10783</v>
      </c>
      <c r="E6362" s="5" t="s">
        <v>17044</v>
      </c>
      <c r="F6362" s="6">
        <v>7664</v>
      </c>
    </row>
    <row r="6363" spans="1:6" x14ac:dyDescent="0.25">
      <c r="A6363" s="4" t="s">
        <v>1440</v>
      </c>
      <c r="B6363" s="1" t="s">
        <v>3144</v>
      </c>
      <c r="C6363" s="5" t="s">
        <v>5254</v>
      </c>
      <c r="D6363" s="1" t="s">
        <v>1440</v>
      </c>
      <c r="E6363" s="5" t="s">
        <v>14206</v>
      </c>
      <c r="F6363" s="6">
        <v>2866</v>
      </c>
    </row>
    <row r="6364" spans="1:6" x14ac:dyDescent="0.25">
      <c r="A6364" s="4" t="s">
        <v>452</v>
      </c>
      <c r="B6364" s="1" t="s">
        <v>3146</v>
      </c>
      <c r="C6364" s="5" t="s">
        <v>4003</v>
      </c>
      <c r="D6364" s="1" t="s">
        <v>452</v>
      </c>
      <c r="E6364" s="5" t="s">
        <v>12550</v>
      </c>
      <c r="F6364" s="6">
        <v>1075</v>
      </c>
    </row>
    <row r="6365" spans="1:6" x14ac:dyDescent="0.25">
      <c r="A6365" s="4" t="s">
        <v>1216</v>
      </c>
      <c r="B6365" s="1" t="s">
        <v>3155</v>
      </c>
      <c r="C6365" s="5" t="s">
        <v>4976</v>
      </c>
      <c r="D6365" s="1" t="s">
        <v>8894</v>
      </c>
      <c r="E6365" s="5" t="s">
        <v>13828</v>
      </c>
      <c r="F6365" s="6">
        <v>2478</v>
      </c>
    </row>
    <row r="6366" spans="1:6" x14ac:dyDescent="0.25">
      <c r="A6366" s="4" t="s">
        <v>1713</v>
      </c>
      <c r="B6366" s="1" t="s">
        <v>3149</v>
      </c>
      <c r="C6366" s="5" t="s">
        <v>5494</v>
      </c>
      <c r="D6366" s="1" t="s">
        <v>1713</v>
      </c>
      <c r="E6366" s="5" t="s">
        <v>14508</v>
      </c>
      <c r="F6366" s="6">
        <v>3195</v>
      </c>
    </row>
    <row r="6367" spans="1:6" x14ac:dyDescent="0.25">
      <c r="A6367" s="4" t="s">
        <v>27</v>
      </c>
      <c r="B6367" s="1" t="s">
        <v>3144</v>
      </c>
      <c r="C6367" s="5" t="s">
        <v>3244</v>
      </c>
      <c r="D6367" s="1" t="s">
        <v>7369</v>
      </c>
      <c r="E6367" s="5" t="s">
        <v>11643</v>
      </c>
      <c r="F6367" s="6">
        <v>51</v>
      </c>
    </row>
    <row r="6368" spans="1:6" x14ac:dyDescent="0.25">
      <c r="A6368" s="4" t="s">
        <v>27</v>
      </c>
      <c r="B6368" s="1" t="s">
        <v>3144</v>
      </c>
      <c r="C6368" s="5" t="s">
        <v>3244</v>
      </c>
      <c r="D6368" s="1" t="s">
        <v>8098</v>
      </c>
      <c r="E6368" s="5" t="s">
        <v>12474</v>
      </c>
      <c r="F6368" s="6">
        <v>994</v>
      </c>
    </row>
    <row r="6369" spans="1:6" x14ac:dyDescent="0.25">
      <c r="A6369" s="4" t="s">
        <v>3011</v>
      </c>
      <c r="B6369" s="1" t="s">
        <v>3146</v>
      </c>
      <c r="C6369" s="5" t="s">
        <v>7077</v>
      </c>
      <c r="D6369" s="1" t="s">
        <v>3011</v>
      </c>
      <c r="E6369" s="5" t="s">
        <v>17548</v>
      </c>
      <c r="F6369" s="6">
        <v>9162</v>
      </c>
    </row>
    <row r="6370" spans="1:6" x14ac:dyDescent="0.25">
      <c r="A6370" s="4" t="s">
        <v>313</v>
      </c>
      <c r="B6370" s="1" t="s">
        <v>3146</v>
      </c>
      <c r="C6370" s="5" t="s">
        <v>3789</v>
      </c>
      <c r="D6370" s="1" t="s">
        <v>7966</v>
      </c>
      <c r="E6370" s="5" t="s">
        <v>12283</v>
      </c>
      <c r="F6370" s="6">
        <v>775</v>
      </c>
    </row>
    <row r="6371" spans="1:6" x14ac:dyDescent="0.25">
      <c r="A6371" s="4" t="s">
        <v>313</v>
      </c>
      <c r="B6371" s="1" t="s">
        <v>3146</v>
      </c>
      <c r="C6371" s="5" t="s">
        <v>4475</v>
      </c>
      <c r="D6371" s="1" t="s">
        <v>313</v>
      </c>
      <c r="E6371" s="5" t="s">
        <v>13244</v>
      </c>
      <c r="F6371" s="6">
        <v>1877</v>
      </c>
    </row>
    <row r="6372" spans="1:6" x14ac:dyDescent="0.25">
      <c r="A6372" s="4" t="s">
        <v>26</v>
      </c>
      <c r="B6372" s="1" t="s">
        <v>3155</v>
      </c>
      <c r="C6372" s="5" t="s">
        <v>3243</v>
      </c>
      <c r="D6372" s="1" t="s">
        <v>7368</v>
      </c>
      <c r="E6372" s="5" t="s">
        <v>11642</v>
      </c>
      <c r="F6372" s="6">
        <v>50</v>
      </c>
    </row>
    <row r="6373" spans="1:6" x14ac:dyDescent="0.25">
      <c r="A6373" s="4" t="s">
        <v>26</v>
      </c>
      <c r="B6373" s="1" t="s">
        <v>3155</v>
      </c>
      <c r="C6373" s="5" t="s">
        <v>3552</v>
      </c>
      <c r="D6373" s="1" t="s">
        <v>7692</v>
      </c>
      <c r="E6373" s="5" t="s">
        <v>11984</v>
      </c>
      <c r="F6373" s="6">
        <v>417</v>
      </c>
    </row>
    <row r="6374" spans="1:6" x14ac:dyDescent="0.25">
      <c r="A6374" s="4" t="s">
        <v>26</v>
      </c>
      <c r="B6374" s="1" t="s">
        <v>3155</v>
      </c>
      <c r="C6374" s="5" t="s">
        <v>3968</v>
      </c>
      <c r="D6374" s="1" t="s">
        <v>8123</v>
      </c>
      <c r="E6374" s="5" t="s">
        <v>12507</v>
      </c>
      <c r="F6374" s="6">
        <v>1032</v>
      </c>
    </row>
    <row r="6375" spans="1:6" x14ac:dyDescent="0.25">
      <c r="A6375" s="4" t="s">
        <v>26</v>
      </c>
      <c r="B6375" s="1" t="s">
        <v>3155</v>
      </c>
      <c r="C6375" s="5" t="s">
        <v>4063</v>
      </c>
      <c r="D6375" s="1" t="s">
        <v>8242</v>
      </c>
      <c r="E6375" s="5" t="s">
        <v>12648</v>
      </c>
      <c r="F6375" s="6">
        <v>1243</v>
      </c>
    </row>
    <row r="6376" spans="1:6" x14ac:dyDescent="0.25">
      <c r="A6376" s="4" t="s">
        <v>26</v>
      </c>
      <c r="B6376" s="1" t="s">
        <v>3155</v>
      </c>
      <c r="C6376" s="5" t="s">
        <v>4280</v>
      </c>
      <c r="D6376" s="1" t="s">
        <v>8528</v>
      </c>
      <c r="E6376" s="5" t="s">
        <v>12993</v>
      </c>
      <c r="F6376" s="6">
        <v>1604</v>
      </c>
    </row>
    <row r="6377" spans="1:6" x14ac:dyDescent="0.25">
      <c r="A6377" s="4" t="s">
        <v>26</v>
      </c>
      <c r="B6377" s="1" t="s">
        <v>3155</v>
      </c>
      <c r="C6377" s="5" t="s">
        <v>5914</v>
      </c>
      <c r="D6377" s="1" t="s">
        <v>9481</v>
      </c>
      <c r="E6377" s="5" t="s">
        <v>15256</v>
      </c>
      <c r="F6377" s="6">
        <v>3991</v>
      </c>
    </row>
    <row r="6378" spans="1:6" x14ac:dyDescent="0.25">
      <c r="A6378" s="4" t="s">
        <v>26</v>
      </c>
      <c r="B6378" s="1" t="s">
        <v>3155</v>
      </c>
      <c r="C6378" s="5" t="s">
        <v>5923</v>
      </c>
      <c r="D6378" s="1" t="s">
        <v>9494</v>
      </c>
      <c r="E6378" s="5" t="s">
        <v>15276</v>
      </c>
      <c r="F6378" s="6">
        <v>4011</v>
      </c>
    </row>
    <row r="6379" spans="1:6" x14ac:dyDescent="0.25">
      <c r="A6379" s="4" t="s">
        <v>26</v>
      </c>
      <c r="B6379" s="1" t="s">
        <v>3155</v>
      </c>
      <c r="C6379" s="5" t="s">
        <v>3243</v>
      </c>
      <c r="D6379" s="1" t="s">
        <v>9548</v>
      </c>
      <c r="E6379" s="5" t="s">
        <v>15369</v>
      </c>
      <c r="F6379" s="6">
        <v>4106</v>
      </c>
    </row>
    <row r="6380" spans="1:6" x14ac:dyDescent="0.25">
      <c r="A6380" s="4" t="s">
        <v>26</v>
      </c>
      <c r="B6380" s="1" t="s">
        <v>3155</v>
      </c>
      <c r="C6380" s="5" t="s">
        <v>6042</v>
      </c>
      <c r="D6380" s="1" t="s">
        <v>9603</v>
      </c>
      <c r="E6380" s="5" t="s">
        <v>15450</v>
      </c>
      <c r="F6380" s="6">
        <v>4188</v>
      </c>
    </row>
    <row r="6381" spans="1:6" x14ac:dyDescent="0.25">
      <c r="A6381" s="4" t="s">
        <v>26</v>
      </c>
      <c r="B6381" s="1" t="s">
        <v>3155</v>
      </c>
      <c r="C6381" s="5" t="s">
        <v>6207</v>
      </c>
      <c r="D6381" s="1" t="s">
        <v>9818</v>
      </c>
      <c r="E6381" s="5" t="s">
        <v>15736</v>
      </c>
      <c r="F6381" s="6">
        <v>4513</v>
      </c>
    </row>
    <row r="6382" spans="1:6" x14ac:dyDescent="0.25">
      <c r="A6382" s="4" t="s">
        <v>26</v>
      </c>
      <c r="B6382" s="1" t="s">
        <v>3155</v>
      </c>
      <c r="C6382" s="5" t="s">
        <v>5914</v>
      </c>
      <c r="D6382" s="1" t="s">
        <v>9819</v>
      </c>
      <c r="E6382" s="5" t="s">
        <v>15737</v>
      </c>
      <c r="F6382" s="6">
        <v>4514</v>
      </c>
    </row>
    <row r="6383" spans="1:6" x14ac:dyDescent="0.25">
      <c r="A6383" s="4" t="s">
        <v>26</v>
      </c>
      <c r="B6383" s="1" t="s">
        <v>3155</v>
      </c>
      <c r="C6383" s="5" t="s">
        <v>6209</v>
      </c>
      <c r="D6383" s="1" t="s">
        <v>9823</v>
      </c>
      <c r="E6383" s="5" t="s">
        <v>15742</v>
      </c>
      <c r="F6383" s="6">
        <v>4520</v>
      </c>
    </row>
    <row r="6384" spans="1:6" x14ac:dyDescent="0.25">
      <c r="A6384" s="4" t="s">
        <v>26</v>
      </c>
      <c r="B6384" s="1" t="s">
        <v>3155</v>
      </c>
      <c r="C6384" s="5" t="s">
        <v>6332</v>
      </c>
      <c r="D6384" s="1" t="s">
        <v>9990</v>
      </c>
      <c r="E6384" s="5" t="s">
        <v>15956</v>
      </c>
      <c r="F6384" s="6">
        <v>4875</v>
      </c>
    </row>
    <row r="6385" spans="1:6" x14ac:dyDescent="0.25">
      <c r="A6385" s="4" t="s">
        <v>26</v>
      </c>
      <c r="B6385" s="1" t="s">
        <v>3155</v>
      </c>
      <c r="C6385" s="5" t="s">
        <v>6332</v>
      </c>
      <c r="D6385" s="1" t="s">
        <v>10011</v>
      </c>
      <c r="E6385" s="5" t="s">
        <v>15986</v>
      </c>
      <c r="F6385" s="6">
        <v>4909</v>
      </c>
    </row>
    <row r="6386" spans="1:6" x14ac:dyDescent="0.25">
      <c r="A6386" s="4" t="s">
        <v>26</v>
      </c>
      <c r="B6386" s="1" t="s">
        <v>3155</v>
      </c>
      <c r="C6386" s="5" t="s">
        <v>6332</v>
      </c>
      <c r="D6386" s="1" t="s">
        <v>10287</v>
      </c>
      <c r="E6386" s="5" t="s">
        <v>16366</v>
      </c>
      <c r="F6386" s="6">
        <v>5761</v>
      </c>
    </row>
    <row r="6387" spans="1:6" x14ac:dyDescent="0.25">
      <c r="A6387" s="4" t="s">
        <v>26</v>
      </c>
      <c r="B6387" s="1" t="s">
        <v>3155</v>
      </c>
      <c r="C6387" s="5" t="s">
        <v>5914</v>
      </c>
      <c r="D6387" s="1" t="s">
        <v>10397</v>
      </c>
      <c r="E6387" s="5" t="s">
        <v>16537</v>
      </c>
      <c r="F6387" s="6">
        <v>6187</v>
      </c>
    </row>
    <row r="6388" spans="1:6" x14ac:dyDescent="0.25">
      <c r="A6388" s="4" t="s">
        <v>26</v>
      </c>
      <c r="B6388" s="1" t="s">
        <v>3155</v>
      </c>
      <c r="C6388" s="5" t="s">
        <v>6629</v>
      </c>
      <c r="D6388" s="1" t="s">
        <v>10428</v>
      </c>
      <c r="E6388" s="5" t="s">
        <v>16574</v>
      </c>
      <c r="F6388" s="6">
        <v>6274</v>
      </c>
    </row>
    <row r="6389" spans="1:6" x14ac:dyDescent="0.25">
      <c r="A6389" s="4" t="s">
        <v>26</v>
      </c>
      <c r="B6389" s="1" t="s">
        <v>3155</v>
      </c>
      <c r="C6389" s="5" t="s">
        <v>6634</v>
      </c>
      <c r="D6389" s="1" t="s">
        <v>10438</v>
      </c>
      <c r="E6389" s="5" t="s">
        <v>16587</v>
      </c>
      <c r="F6389" s="6">
        <v>6302</v>
      </c>
    </row>
    <row r="6390" spans="1:6" x14ac:dyDescent="0.25">
      <c r="A6390" s="4" t="s">
        <v>26</v>
      </c>
      <c r="B6390" s="1" t="s">
        <v>3155</v>
      </c>
      <c r="C6390" s="5" t="s">
        <v>5224</v>
      </c>
      <c r="D6390" s="1" t="s">
        <v>10440</v>
      </c>
      <c r="E6390" s="5" t="s">
        <v>16589</v>
      </c>
      <c r="F6390" s="6">
        <v>6308</v>
      </c>
    </row>
    <row r="6391" spans="1:6" x14ac:dyDescent="0.25">
      <c r="A6391" s="4" t="s">
        <v>26</v>
      </c>
      <c r="B6391" s="1" t="s">
        <v>3155</v>
      </c>
      <c r="C6391" s="5">
        <v>530014</v>
      </c>
      <c r="D6391" s="1" t="s">
        <v>10451</v>
      </c>
      <c r="E6391" s="5" t="s">
        <v>16604</v>
      </c>
      <c r="F6391" s="6">
        <v>6346</v>
      </c>
    </row>
    <row r="6392" spans="1:6" x14ac:dyDescent="0.25">
      <c r="A6392" s="4" t="s">
        <v>26</v>
      </c>
      <c r="B6392" s="1" t="s">
        <v>3155</v>
      </c>
      <c r="C6392" s="5" t="s">
        <v>4063</v>
      </c>
      <c r="D6392" s="1" t="s">
        <v>10589</v>
      </c>
      <c r="E6392" s="5" t="s">
        <v>16790</v>
      </c>
      <c r="F6392" s="6">
        <v>6951</v>
      </c>
    </row>
    <row r="6393" spans="1:6" x14ac:dyDescent="0.25">
      <c r="A6393" s="4" t="s">
        <v>26</v>
      </c>
      <c r="B6393" s="1" t="s">
        <v>3155</v>
      </c>
      <c r="C6393" s="5" t="s">
        <v>5914</v>
      </c>
      <c r="D6393" s="1" t="s">
        <v>10701</v>
      </c>
      <c r="E6393" s="5" t="s">
        <v>16931</v>
      </c>
      <c r="F6393" s="6">
        <v>7319</v>
      </c>
    </row>
    <row r="6394" spans="1:6" x14ac:dyDescent="0.25">
      <c r="A6394" s="4" t="s">
        <v>26</v>
      </c>
      <c r="B6394" s="1" t="s">
        <v>3155</v>
      </c>
      <c r="C6394" s="5" t="s">
        <v>4280</v>
      </c>
      <c r="D6394" s="1" t="s">
        <v>10706</v>
      </c>
      <c r="E6394" s="5" t="s">
        <v>16939</v>
      </c>
      <c r="F6394" s="6">
        <v>7352</v>
      </c>
    </row>
    <row r="6395" spans="1:6" x14ac:dyDescent="0.25">
      <c r="A6395" s="4" t="s">
        <v>26</v>
      </c>
      <c r="B6395" s="1" t="s">
        <v>3155</v>
      </c>
      <c r="C6395" s="5" t="s">
        <v>6629</v>
      </c>
      <c r="D6395" s="1" t="s">
        <v>10712</v>
      </c>
      <c r="E6395" s="5" t="s">
        <v>16945</v>
      </c>
      <c r="F6395" s="6">
        <v>7369</v>
      </c>
    </row>
    <row r="6396" spans="1:6" x14ac:dyDescent="0.25">
      <c r="A6396" s="4" t="s">
        <v>26</v>
      </c>
      <c r="B6396" s="1" t="s">
        <v>3155</v>
      </c>
      <c r="C6396" s="5" t="s">
        <v>5923</v>
      </c>
      <c r="D6396" s="1" t="s">
        <v>10713</v>
      </c>
      <c r="E6396" s="5" t="s">
        <v>16946</v>
      </c>
      <c r="F6396" s="6">
        <v>7370</v>
      </c>
    </row>
    <row r="6397" spans="1:6" x14ac:dyDescent="0.25">
      <c r="A6397" s="4" t="s">
        <v>26</v>
      </c>
      <c r="B6397" s="1" t="s">
        <v>3155</v>
      </c>
      <c r="C6397" s="5" t="s">
        <v>6042</v>
      </c>
      <c r="D6397" s="1" t="s">
        <v>10934</v>
      </c>
      <c r="E6397" s="5" t="s">
        <v>17228</v>
      </c>
      <c r="F6397" s="6">
        <v>8248</v>
      </c>
    </row>
    <row r="6398" spans="1:6" x14ac:dyDescent="0.25">
      <c r="A6398" s="4" t="s">
        <v>26</v>
      </c>
      <c r="B6398" s="1" t="s">
        <v>3155</v>
      </c>
      <c r="C6398" s="5" t="s">
        <v>6959</v>
      </c>
      <c r="D6398" s="1" t="s">
        <v>11004</v>
      </c>
      <c r="E6398" s="5" t="s">
        <v>17319</v>
      </c>
      <c r="F6398" s="6">
        <v>8714</v>
      </c>
    </row>
    <row r="6399" spans="1:6" x14ac:dyDescent="0.25">
      <c r="A6399" s="4" t="s">
        <v>26</v>
      </c>
      <c r="B6399" s="1" t="s">
        <v>3155</v>
      </c>
      <c r="C6399" s="5" t="s">
        <v>6629</v>
      </c>
      <c r="D6399" s="1" t="s">
        <v>11130</v>
      </c>
      <c r="E6399" s="5" t="s">
        <v>17488</v>
      </c>
      <c r="F6399" s="6">
        <v>9100</v>
      </c>
    </row>
    <row r="6400" spans="1:6" x14ac:dyDescent="0.25">
      <c r="A6400" s="4" t="s">
        <v>26</v>
      </c>
      <c r="B6400" s="1" t="s">
        <v>3155</v>
      </c>
      <c r="C6400" s="5" t="s">
        <v>7069</v>
      </c>
      <c r="D6400" s="1" t="s">
        <v>11169</v>
      </c>
      <c r="E6400" s="5" t="s">
        <v>17539</v>
      </c>
      <c r="F6400" s="6">
        <v>9153</v>
      </c>
    </row>
    <row r="6401" spans="1:6" x14ac:dyDescent="0.25">
      <c r="A6401" s="4" t="s">
        <v>26</v>
      </c>
      <c r="B6401" s="1" t="s">
        <v>3155</v>
      </c>
      <c r="C6401" s="5" t="s">
        <v>7087</v>
      </c>
      <c r="D6401" s="1" t="s">
        <v>11186</v>
      </c>
      <c r="E6401" s="5" t="s">
        <v>17565</v>
      </c>
      <c r="F6401" s="6">
        <v>9179</v>
      </c>
    </row>
    <row r="6402" spans="1:6" x14ac:dyDescent="0.25">
      <c r="A6402" s="4" t="s">
        <v>26</v>
      </c>
      <c r="B6402" s="1" t="s">
        <v>3155</v>
      </c>
      <c r="C6402" s="5" t="s">
        <v>5914</v>
      </c>
      <c r="D6402" s="1" t="s">
        <v>11221</v>
      </c>
      <c r="E6402" s="5" t="s">
        <v>17613</v>
      </c>
      <c r="F6402" s="6">
        <v>9229</v>
      </c>
    </row>
    <row r="6403" spans="1:6" x14ac:dyDescent="0.25">
      <c r="A6403" s="4" t="s">
        <v>26</v>
      </c>
      <c r="B6403" s="1" t="s">
        <v>3155</v>
      </c>
      <c r="C6403" s="5" t="s">
        <v>7148</v>
      </c>
      <c r="D6403" s="1" t="s">
        <v>11269</v>
      </c>
      <c r="E6403" s="5" t="s">
        <v>17674</v>
      </c>
      <c r="F6403" s="6">
        <v>9292</v>
      </c>
    </row>
    <row r="6404" spans="1:6" x14ac:dyDescent="0.25">
      <c r="A6404" s="4" t="s">
        <v>26</v>
      </c>
      <c r="B6404" s="1" t="s">
        <v>3155</v>
      </c>
      <c r="C6404" s="5" t="s">
        <v>6629</v>
      </c>
      <c r="D6404" s="1" t="s">
        <v>11291</v>
      </c>
      <c r="E6404" s="5" t="s">
        <v>17703</v>
      </c>
      <c r="F6404" s="6">
        <v>9323</v>
      </c>
    </row>
    <row r="6405" spans="1:6" x14ac:dyDescent="0.25">
      <c r="A6405" s="4" t="s">
        <v>26</v>
      </c>
      <c r="B6405" s="1" t="s">
        <v>3155</v>
      </c>
      <c r="C6405" s="5" t="s">
        <v>6629</v>
      </c>
      <c r="D6405" s="1" t="s">
        <v>11332</v>
      </c>
      <c r="E6405" s="5" t="s">
        <v>17754</v>
      </c>
      <c r="F6405" s="6">
        <v>9376</v>
      </c>
    </row>
    <row r="6406" spans="1:6" x14ac:dyDescent="0.25">
      <c r="A6406" s="4" t="s">
        <v>26</v>
      </c>
      <c r="B6406" s="1" t="s">
        <v>3155</v>
      </c>
      <c r="C6406" s="5" t="s">
        <v>7192</v>
      </c>
      <c r="D6406" s="1" t="s">
        <v>11352</v>
      </c>
      <c r="E6406" s="5" t="s">
        <v>17775</v>
      </c>
      <c r="F6406" s="6">
        <v>9397</v>
      </c>
    </row>
    <row r="6407" spans="1:6" x14ac:dyDescent="0.25">
      <c r="A6407" s="4" t="s">
        <v>26</v>
      </c>
      <c r="B6407" s="1" t="s">
        <v>3155</v>
      </c>
      <c r="C6407" s="5" t="s">
        <v>3243</v>
      </c>
      <c r="D6407" s="1" t="s">
        <v>2914</v>
      </c>
      <c r="E6407" s="5" t="s">
        <v>17788</v>
      </c>
      <c r="F6407" s="6">
        <v>9410</v>
      </c>
    </row>
    <row r="6408" spans="1:6" x14ac:dyDescent="0.25">
      <c r="A6408" s="4" t="s">
        <v>26</v>
      </c>
      <c r="B6408" s="1" t="s">
        <v>3155</v>
      </c>
      <c r="C6408" s="5" t="s">
        <v>3243</v>
      </c>
      <c r="D6408" s="1" t="s">
        <v>11371</v>
      </c>
      <c r="E6408" s="5" t="s">
        <v>17797</v>
      </c>
      <c r="F6408" s="6">
        <v>9423</v>
      </c>
    </row>
    <row r="6409" spans="1:6" x14ac:dyDescent="0.25">
      <c r="A6409" s="4" t="s">
        <v>26</v>
      </c>
      <c r="B6409" s="1" t="s">
        <v>3155</v>
      </c>
      <c r="C6409" s="5" t="s">
        <v>7281</v>
      </c>
      <c r="D6409" s="1" t="s">
        <v>11508</v>
      </c>
      <c r="E6409" s="5" t="s">
        <v>17972</v>
      </c>
      <c r="F6409" s="6">
        <v>9604</v>
      </c>
    </row>
    <row r="6410" spans="1:6" x14ac:dyDescent="0.25">
      <c r="A6410" s="4" t="s">
        <v>2333</v>
      </c>
      <c r="B6410" s="1" t="s">
        <v>3147</v>
      </c>
      <c r="C6410" s="5" t="s">
        <v>6113</v>
      </c>
      <c r="D6410" s="1" t="s">
        <v>9682</v>
      </c>
      <c r="E6410" s="5" t="s">
        <v>15562</v>
      </c>
      <c r="F6410" s="6">
        <v>4303</v>
      </c>
    </row>
    <row r="6411" spans="1:6" x14ac:dyDescent="0.25">
      <c r="A6411" s="4" t="s">
        <v>233</v>
      </c>
      <c r="B6411" s="1" t="s">
        <v>3147</v>
      </c>
      <c r="C6411" s="5" t="s">
        <v>3637</v>
      </c>
      <c r="D6411" s="1" t="s">
        <v>233</v>
      </c>
      <c r="E6411" s="5" t="s">
        <v>12084</v>
      </c>
      <c r="F6411" s="6">
        <v>532</v>
      </c>
    </row>
    <row r="6412" spans="1:6" x14ac:dyDescent="0.25">
      <c r="A6412" s="4" t="s">
        <v>946</v>
      </c>
      <c r="B6412" s="1" t="s">
        <v>3144</v>
      </c>
      <c r="C6412" s="5" t="s">
        <v>4694</v>
      </c>
      <c r="D6412" s="1" t="s">
        <v>946</v>
      </c>
      <c r="E6412" s="5" t="s">
        <v>13512</v>
      </c>
      <c r="F6412" s="6">
        <v>2150</v>
      </c>
    </row>
    <row r="6413" spans="1:6" x14ac:dyDescent="0.25">
      <c r="A6413" s="4" t="s">
        <v>289</v>
      </c>
      <c r="B6413" s="1" t="s">
        <v>3155</v>
      </c>
      <c r="C6413" s="5" t="s">
        <v>3760</v>
      </c>
      <c r="D6413" s="1" t="s">
        <v>289</v>
      </c>
      <c r="E6413" s="5" t="s">
        <v>12253</v>
      </c>
      <c r="F6413" s="6">
        <v>744</v>
      </c>
    </row>
    <row r="6414" spans="1:6" x14ac:dyDescent="0.25">
      <c r="A6414" s="4" t="s">
        <v>289</v>
      </c>
      <c r="B6414" s="1" t="s">
        <v>3155</v>
      </c>
      <c r="C6414" s="5" t="s">
        <v>6582</v>
      </c>
      <c r="D6414" s="1" t="s">
        <v>10359</v>
      </c>
      <c r="E6414" s="5" t="s">
        <v>16476</v>
      </c>
      <c r="F6414" s="6">
        <v>6009</v>
      </c>
    </row>
    <row r="6415" spans="1:6" x14ac:dyDescent="0.25">
      <c r="A6415" s="4" t="s">
        <v>289</v>
      </c>
      <c r="B6415" s="1" t="s">
        <v>3155</v>
      </c>
      <c r="C6415" s="5" t="s">
        <v>3760</v>
      </c>
      <c r="D6415" s="1" t="s">
        <v>11514</v>
      </c>
      <c r="E6415" s="5" t="s">
        <v>17978</v>
      </c>
      <c r="F6415" s="6">
        <v>9610</v>
      </c>
    </row>
    <row r="6416" spans="1:6" x14ac:dyDescent="0.25">
      <c r="A6416" s="4" t="s">
        <v>391</v>
      </c>
      <c r="B6416" s="1" t="s">
        <v>3158</v>
      </c>
      <c r="C6416" s="5" t="s">
        <v>3907</v>
      </c>
      <c r="D6416" s="1" t="s">
        <v>391</v>
      </c>
      <c r="E6416" s="5" t="s">
        <v>12426</v>
      </c>
      <c r="F6416" s="6">
        <v>942</v>
      </c>
    </row>
    <row r="6417" spans="1:6" x14ac:dyDescent="0.25">
      <c r="A6417" s="4" t="s">
        <v>1529</v>
      </c>
      <c r="B6417" s="1" t="s">
        <v>3155</v>
      </c>
      <c r="C6417" s="5" t="s">
        <v>5349</v>
      </c>
      <c r="D6417" s="1" t="s">
        <v>1529</v>
      </c>
      <c r="E6417" s="5" t="s">
        <v>14309</v>
      </c>
      <c r="F6417" s="6">
        <v>2971</v>
      </c>
    </row>
    <row r="6418" spans="1:6" x14ac:dyDescent="0.25">
      <c r="A6418" s="4" t="s">
        <v>532</v>
      </c>
      <c r="B6418" s="1" t="s">
        <v>3147</v>
      </c>
      <c r="C6418" s="5" t="s">
        <v>4170</v>
      </c>
      <c r="D6418" s="1" t="s">
        <v>8412</v>
      </c>
      <c r="E6418" s="5" t="s">
        <v>12848</v>
      </c>
      <c r="F6418" s="6">
        <v>1448</v>
      </c>
    </row>
    <row r="6419" spans="1:6" x14ac:dyDescent="0.25">
      <c r="A6419" s="4" t="s">
        <v>1037</v>
      </c>
      <c r="B6419" s="1" t="s">
        <v>3144</v>
      </c>
      <c r="C6419" s="5" t="s">
        <v>4780</v>
      </c>
      <c r="D6419" s="1" t="s">
        <v>1037</v>
      </c>
      <c r="E6419" s="5" t="s">
        <v>13604</v>
      </c>
      <c r="F6419" s="6">
        <v>2246</v>
      </c>
    </row>
    <row r="6420" spans="1:6" x14ac:dyDescent="0.25">
      <c r="A6420" s="4" t="s">
        <v>2211</v>
      </c>
      <c r="B6420" s="1" t="s">
        <v>3150</v>
      </c>
      <c r="C6420" s="5" t="s">
        <v>5929</v>
      </c>
      <c r="D6420" s="1" t="s">
        <v>9500</v>
      </c>
      <c r="E6420" s="5" t="s">
        <v>15283</v>
      </c>
      <c r="F6420" s="6">
        <v>4018</v>
      </c>
    </row>
    <row r="6421" spans="1:6" x14ac:dyDescent="0.25">
      <c r="A6421" s="4" t="s">
        <v>1577</v>
      </c>
      <c r="B6421" s="1" t="s">
        <v>3147</v>
      </c>
      <c r="C6421" s="5" t="s">
        <v>5397</v>
      </c>
      <c r="D6421" s="1" t="s">
        <v>1577</v>
      </c>
      <c r="E6421" s="5" t="s">
        <v>14361</v>
      </c>
      <c r="F6421" s="6">
        <v>3026</v>
      </c>
    </row>
    <row r="6422" spans="1:6" x14ac:dyDescent="0.25">
      <c r="A6422" s="4" t="s">
        <v>1549</v>
      </c>
      <c r="B6422" s="1" t="s">
        <v>3149</v>
      </c>
      <c r="C6422" s="5" t="s">
        <v>5368</v>
      </c>
      <c r="D6422" s="1" t="s">
        <v>1549</v>
      </c>
      <c r="E6422" s="5" t="s">
        <v>14330</v>
      </c>
      <c r="F6422" s="6">
        <v>2992</v>
      </c>
    </row>
    <row r="6423" spans="1:6" x14ac:dyDescent="0.25">
      <c r="A6423" s="4" t="s">
        <v>2338</v>
      </c>
      <c r="B6423" s="1" t="s">
        <v>3161</v>
      </c>
      <c r="C6423" s="5" t="s">
        <v>6120</v>
      </c>
      <c r="D6423" s="1" t="s">
        <v>2338</v>
      </c>
      <c r="E6423" s="5" t="s">
        <v>15572</v>
      </c>
      <c r="F6423" s="6">
        <v>4314</v>
      </c>
    </row>
    <row r="6424" spans="1:6" x14ac:dyDescent="0.25">
      <c r="A6424" s="4" t="s">
        <v>2164</v>
      </c>
      <c r="B6424" s="1" t="s">
        <v>3152</v>
      </c>
      <c r="C6424" s="5" t="s">
        <v>4127</v>
      </c>
      <c r="D6424" s="1" t="s">
        <v>2164</v>
      </c>
      <c r="E6424" s="5" t="s">
        <v>15160</v>
      </c>
      <c r="F6424" s="6">
        <v>3892</v>
      </c>
    </row>
    <row r="6425" spans="1:6" x14ac:dyDescent="0.25">
      <c r="A6425" s="4" t="s">
        <v>999</v>
      </c>
      <c r="B6425" s="1" t="s">
        <v>3144</v>
      </c>
      <c r="C6425" s="5" t="s">
        <v>4745</v>
      </c>
      <c r="D6425" s="1" t="s">
        <v>999</v>
      </c>
      <c r="E6425" s="5" t="s">
        <v>13566</v>
      </c>
      <c r="F6425" s="6">
        <v>2206</v>
      </c>
    </row>
    <row r="6426" spans="1:6" x14ac:dyDescent="0.25">
      <c r="A6426" s="4" t="s">
        <v>1360</v>
      </c>
      <c r="B6426" s="1" t="s">
        <v>3153</v>
      </c>
      <c r="C6426" s="5" t="s">
        <v>5156</v>
      </c>
      <c r="D6426" s="1" t="s">
        <v>1360</v>
      </c>
      <c r="E6426" s="5" t="s">
        <v>14059</v>
      </c>
      <c r="F6426" s="6">
        <v>2714</v>
      </c>
    </row>
    <row r="6427" spans="1:6" x14ac:dyDescent="0.25">
      <c r="A6427" s="4" t="s">
        <v>894</v>
      </c>
      <c r="B6427" s="1" t="s">
        <v>3151</v>
      </c>
      <c r="C6427" s="5" t="s">
        <v>4641</v>
      </c>
      <c r="D6427" s="1" t="s">
        <v>894</v>
      </c>
      <c r="E6427" s="5" t="s">
        <v>13459</v>
      </c>
      <c r="F6427" s="6">
        <v>2095</v>
      </c>
    </row>
    <row r="6428" spans="1:6" x14ac:dyDescent="0.25">
      <c r="A6428" s="4" t="s">
        <v>1221</v>
      </c>
      <c r="B6428" s="1" t="s">
        <v>3144</v>
      </c>
      <c r="C6428" s="5" t="s">
        <v>4986</v>
      </c>
      <c r="D6428" s="1" t="s">
        <v>1221</v>
      </c>
      <c r="E6428" s="5" t="s">
        <v>13840</v>
      </c>
      <c r="F6428" s="6">
        <v>2490</v>
      </c>
    </row>
    <row r="6429" spans="1:6" x14ac:dyDescent="0.25">
      <c r="A6429" s="4" t="s">
        <v>407</v>
      </c>
      <c r="B6429" s="1" t="s">
        <v>3147</v>
      </c>
      <c r="C6429" s="5" t="s">
        <v>3925</v>
      </c>
      <c r="D6429" s="1" t="s">
        <v>407</v>
      </c>
      <c r="E6429" s="5" t="s">
        <v>12445</v>
      </c>
      <c r="F6429" s="6">
        <v>961</v>
      </c>
    </row>
    <row r="6430" spans="1:6" x14ac:dyDescent="0.25">
      <c r="A6430" s="4" t="s">
        <v>188</v>
      </c>
      <c r="B6430" s="1" t="s">
        <v>3151</v>
      </c>
      <c r="C6430" s="5">
        <v>506001</v>
      </c>
      <c r="D6430" s="1" t="s">
        <v>2717</v>
      </c>
      <c r="E6430" s="5" t="s">
        <v>11942</v>
      </c>
      <c r="F6430" s="6">
        <v>375</v>
      </c>
    </row>
    <row r="6431" spans="1:6" x14ac:dyDescent="0.25">
      <c r="A6431" s="4" t="s">
        <v>188</v>
      </c>
      <c r="B6431" s="1" t="s">
        <v>3151</v>
      </c>
      <c r="C6431" s="5" t="s">
        <v>4642</v>
      </c>
      <c r="D6431" s="1" t="s">
        <v>188</v>
      </c>
      <c r="E6431" s="5" t="s">
        <v>13460</v>
      </c>
      <c r="F6431" s="6">
        <v>2096</v>
      </c>
    </row>
    <row r="6432" spans="1:6" x14ac:dyDescent="0.25">
      <c r="A6432" s="4" t="s">
        <v>188</v>
      </c>
      <c r="B6432" s="1" t="s">
        <v>3151</v>
      </c>
      <c r="C6432" s="5">
        <v>506009</v>
      </c>
      <c r="D6432" s="1" t="s">
        <v>9610</v>
      </c>
      <c r="E6432" s="5" t="s">
        <v>15457</v>
      </c>
      <c r="F6432" s="6">
        <v>4195</v>
      </c>
    </row>
    <row r="6433" spans="1:6" x14ac:dyDescent="0.25">
      <c r="A6433" s="4" t="s">
        <v>188</v>
      </c>
      <c r="B6433" s="1" t="s">
        <v>3151</v>
      </c>
      <c r="C6433" s="5">
        <v>506007</v>
      </c>
      <c r="D6433" s="1" t="s">
        <v>9616</v>
      </c>
      <c r="E6433" s="5" t="s">
        <v>15467</v>
      </c>
      <c r="F6433" s="6">
        <v>4205</v>
      </c>
    </row>
    <row r="6434" spans="1:6" x14ac:dyDescent="0.25">
      <c r="A6434" s="4" t="s">
        <v>188</v>
      </c>
      <c r="B6434" s="1" t="s">
        <v>3151</v>
      </c>
      <c r="C6434" s="5" t="s">
        <v>4642</v>
      </c>
      <c r="D6434" s="1" t="s">
        <v>11190</v>
      </c>
      <c r="E6434" s="5" t="s">
        <v>17570</v>
      </c>
      <c r="F6434" s="6">
        <v>9184</v>
      </c>
    </row>
    <row r="6435" spans="1:6" x14ac:dyDescent="0.25">
      <c r="A6435" s="4" t="s">
        <v>2881</v>
      </c>
      <c r="B6435" s="1" t="s">
        <v>3153</v>
      </c>
      <c r="C6435" s="5" t="s">
        <v>6889</v>
      </c>
      <c r="D6435" s="1" t="s">
        <v>2881</v>
      </c>
      <c r="E6435" s="5" t="s">
        <v>17125</v>
      </c>
      <c r="F6435" s="6">
        <v>7993</v>
      </c>
    </row>
    <row r="6436" spans="1:6" x14ac:dyDescent="0.25">
      <c r="A6436" s="4" t="s">
        <v>410</v>
      </c>
      <c r="B6436" s="1" t="s">
        <v>3144</v>
      </c>
      <c r="C6436" s="5" t="s">
        <v>3929</v>
      </c>
      <c r="D6436" s="1" t="s">
        <v>410</v>
      </c>
      <c r="E6436" s="5" t="s">
        <v>12449</v>
      </c>
      <c r="F6436" s="6">
        <v>965</v>
      </c>
    </row>
    <row r="6437" spans="1:6" x14ac:dyDescent="0.25">
      <c r="A6437" s="4" t="s">
        <v>410</v>
      </c>
      <c r="B6437" s="1" t="s">
        <v>3144</v>
      </c>
      <c r="C6437" s="5" t="s">
        <v>5797</v>
      </c>
      <c r="D6437" s="1" t="s">
        <v>9324</v>
      </c>
      <c r="E6437" s="5" t="s">
        <v>15017</v>
      </c>
      <c r="F6437" s="6">
        <v>3744</v>
      </c>
    </row>
    <row r="6438" spans="1:6" x14ac:dyDescent="0.25">
      <c r="A6438" s="4" t="s">
        <v>410</v>
      </c>
      <c r="B6438" s="1" t="s">
        <v>3144</v>
      </c>
      <c r="C6438" s="5" t="s">
        <v>5798</v>
      </c>
      <c r="D6438" s="1" t="s">
        <v>9325</v>
      </c>
      <c r="E6438" s="5" t="s">
        <v>15019</v>
      </c>
      <c r="F6438" s="6">
        <v>3746</v>
      </c>
    </row>
    <row r="6439" spans="1:6" x14ac:dyDescent="0.25">
      <c r="A6439" s="4" t="s">
        <v>410</v>
      </c>
      <c r="B6439" s="1" t="s">
        <v>3144</v>
      </c>
      <c r="C6439" s="5" t="s">
        <v>5798</v>
      </c>
      <c r="D6439" s="1" t="s">
        <v>9326</v>
      </c>
      <c r="E6439" s="5" t="s">
        <v>15020</v>
      </c>
      <c r="F6439" s="6">
        <v>3747</v>
      </c>
    </row>
    <row r="6440" spans="1:6" x14ac:dyDescent="0.25">
      <c r="A6440" s="4" t="s">
        <v>1714</v>
      </c>
      <c r="B6440" s="1" t="s">
        <v>3144</v>
      </c>
      <c r="C6440" s="5" t="s">
        <v>5495</v>
      </c>
      <c r="D6440" s="1" t="s">
        <v>1714</v>
      </c>
      <c r="E6440" s="5" t="s">
        <v>14509</v>
      </c>
      <c r="F6440" s="6">
        <v>3196</v>
      </c>
    </row>
    <row r="6441" spans="1:6" x14ac:dyDescent="0.25">
      <c r="A6441" s="4" t="s">
        <v>947</v>
      </c>
      <c r="B6441" s="1" t="s">
        <v>3144</v>
      </c>
      <c r="C6441" s="5" t="s">
        <v>4695</v>
      </c>
      <c r="D6441" s="1" t="s">
        <v>947</v>
      </c>
      <c r="E6441" s="5" t="s">
        <v>13513</v>
      </c>
      <c r="F6441" s="6">
        <v>2151</v>
      </c>
    </row>
    <row r="6442" spans="1:6" x14ac:dyDescent="0.25">
      <c r="A6442" s="4" t="s">
        <v>2005</v>
      </c>
      <c r="B6442" s="1" t="s">
        <v>3152</v>
      </c>
      <c r="C6442" s="5" t="s">
        <v>4127</v>
      </c>
      <c r="D6442" s="1" t="s">
        <v>2005</v>
      </c>
      <c r="E6442" s="5" t="s">
        <v>14843</v>
      </c>
      <c r="F6442" s="6">
        <v>3555</v>
      </c>
    </row>
    <row r="6443" spans="1:6" x14ac:dyDescent="0.25">
      <c r="A6443" s="4" t="s">
        <v>702</v>
      </c>
      <c r="B6443" s="1" t="s">
        <v>3144</v>
      </c>
      <c r="C6443" s="5" t="s">
        <v>4411</v>
      </c>
      <c r="D6443" s="1" t="s">
        <v>702</v>
      </c>
      <c r="E6443" s="5" t="s">
        <v>13165</v>
      </c>
      <c r="F6443" s="6">
        <v>1798</v>
      </c>
    </row>
    <row r="6444" spans="1:6" x14ac:dyDescent="0.25">
      <c r="A6444" s="4" t="s">
        <v>2433</v>
      </c>
      <c r="B6444" s="1" t="s">
        <v>3148</v>
      </c>
      <c r="C6444" s="5" t="s">
        <v>6297</v>
      </c>
      <c r="D6444" s="1" t="s">
        <v>9946</v>
      </c>
      <c r="E6444" s="5" t="s">
        <v>15895</v>
      </c>
      <c r="F6444" s="6">
        <v>4811</v>
      </c>
    </row>
    <row r="6445" spans="1:6" x14ac:dyDescent="0.25">
      <c r="A6445" s="4" t="s">
        <v>2683</v>
      </c>
      <c r="B6445" s="1" t="s">
        <v>3151</v>
      </c>
      <c r="C6445" s="5" t="s">
        <v>6607</v>
      </c>
      <c r="D6445" s="1" t="s">
        <v>2683</v>
      </c>
      <c r="E6445" s="5" t="s">
        <v>16520</v>
      </c>
      <c r="F6445" s="6">
        <v>6145</v>
      </c>
    </row>
    <row r="6446" spans="1:6" x14ac:dyDescent="0.25">
      <c r="A6446" s="4" t="s">
        <v>2516</v>
      </c>
      <c r="B6446" s="1" t="s">
        <v>3151</v>
      </c>
      <c r="C6446" s="5">
        <v>508115</v>
      </c>
      <c r="D6446" s="1" t="s">
        <v>2516</v>
      </c>
      <c r="E6446" s="5" t="s">
        <v>16143</v>
      </c>
      <c r="F6446" s="6">
        <v>5241</v>
      </c>
    </row>
    <row r="6447" spans="1:6" x14ac:dyDescent="0.25">
      <c r="A6447" s="4" t="s">
        <v>1258</v>
      </c>
      <c r="B6447" s="1" t="s">
        <v>3149</v>
      </c>
      <c r="C6447" s="5" t="s">
        <v>5033</v>
      </c>
      <c r="D6447" s="1" t="s">
        <v>1258</v>
      </c>
      <c r="E6447" s="5" t="s">
        <v>13902</v>
      </c>
      <c r="F6447" s="6">
        <v>2553</v>
      </c>
    </row>
    <row r="6448" spans="1:6" x14ac:dyDescent="0.25">
      <c r="A6448" s="4" t="s">
        <v>2120</v>
      </c>
      <c r="B6448" s="1" t="s">
        <v>3176</v>
      </c>
      <c r="C6448" s="5" t="s">
        <v>5824</v>
      </c>
      <c r="D6448" s="1" t="s">
        <v>2120</v>
      </c>
      <c r="E6448" s="5" t="s">
        <v>15065</v>
      </c>
      <c r="F6448" s="6">
        <v>3793</v>
      </c>
    </row>
    <row r="6449" spans="1:6" x14ac:dyDescent="0.25">
      <c r="A6449" s="4" t="s">
        <v>115</v>
      </c>
      <c r="B6449" s="1" t="s">
        <v>3154</v>
      </c>
      <c r="C6449" s="5" t="s">
        <v>3375</v>
      </c>
      <c r="D6449" s="1" t="s">
        <v>7500</v>
      </c>
      <c r="E6449" s="5" t="s">
        <v>11784</v>
      </c>
      <c r="F6449" s="6">
        <v>210</v>
      </c>
    </row>
    <row r="6450" spans="1:6" x14ac:dyDescent="0.25">
      <c r="A6450" s="4" t="s">
        <v>115</v>
      </c>
      <c r="B6450" s="1" t="s">
        <v>3154</v>
      </c>
      <c r="C6450" s="5" t="s">
        <v>3865</v>
      </c>
      <c r="D6450" s="1" t="s">
        <v>8032</v>
      </c>
      <c r="E6450" s="5" t="s">
        <v>12366</v>
      </c>
      <c r="F6450" s="6">
        <v>872</v>
      </c>
    </row>
    <row r="6451" spans="1:6" x14ac:dyDescent="0.25">
      <c r="A6451" s="4" t="s">
        <v>115</v>
      </c>
      <c r="B6451" s="1" t="s">
        <v>3154</v>
      </c>
      <c r="C6451" s="5" t="s">
        <v>3375</v>
      </c>
      <c r="D6451" s="1" t="s">
        <v>8937</v>
      </c>
      <c r="E6451" s="5" t="s">
        <v>13911</v>
      </c>
      <c r="F6451" s="6">
        <v>2563</v>
      </c>
    </row>
    <row r="6452" spans="1:6" x14ac:dyDescent="0.25">
      <c r="A6452" s="4" t="s">
        <v>115</v>
      </c>
      <c r="B6452" s="1" t="s">
        <v>3154</v>
      </c>
      <c r="C6452" s="5">
        <v>135003</v>
      </c>
      <c r="D6452" s="1" t="s">
        <v>9160</v>
      </c>
      <c r="E6452" s="5" t="s">
        <v>14505</v>
      </c>
      <c r="F6452" s="6">
        <v>3192</v>
      </c>
    </row>
    <row r="6453" spans="1:6" x14ac:dyDescent="0.25">
      <c r="A6453" s="4" t="s">
        <v>115</v>
      </c>
      <c r="B6453" s="1" t="s">
        <v>3154</v>
      </c>
      <c r="C6453" s="5" t="s">
        <v>5537</v>
      </c>
      <c r="D6453" s="1" t="s">
        <v>9185</v>
      </c>
      <c r="E6453" s="5" t="s">
        <v>14562</v>
      </c>
      <c r="F6453" s="6">
        <v>3253</v>
      </c>
    </row>
    <row r="6454" spans="1:6" x14ac:dyDescent="0.25">
      <c r="A6454" s="4" t="s">
        <v>115</v>
      </c>
      <c r="B6454" s="1" t="s">
        <v>3154</v>
      </c>
      <c r="C6454" s="5">
        <v>135133</v>
      </c>
      <c r="D6454" s="1" t="s">
        <v>9192</v>
      </c>
      <c r="E6454" s="5" t="s">
        <v>14591</v>
      </c>
      <c r="F6454" s="6">
        <v>3286</v>
      </c>
    </row>
    <row r="6455" spans="1:6" x14ac:dyDescent="0.25">
      <c r="A6455" s="4" t="s">
        <v>115</v>
      </c>
      <c r="B6455" s="1" t="s">
        <v>3154</v>
      </c>
      <c r="C6455" s="5" t="s">
        <v>3375</v>
      </c>
      <c r="D6455" s="1" t="s">
        <v>9199</v>
      </c>
      <c r="E6455" s="5" t="s">
        <v>14626</v>
      </c>
      <c r="F6455" s="6">
        <v>3322</v>
      </c>
    </row>
    <row r="6456" spans="1:6" x14ac:dyDescent="0.25">
      <c r="A6456" s="4" t="s">
        <v>115</v>
      </c>
      <c r="B6456" s="1" t="s">
        <v>3154</v>
      </c>
      <c r="C6456" s="5" t="s">
        <v>3865</v>
      </c>
      <c r="D6456" s="1" t="s">
        <v>9392</v>
      </c>
      <c r="E6456" s="5" t="s">
        <v>15134</v>
      </c>
      <c r="F6456" s="6">
        <v>3865</v>
      </c>
    </row>
    <row r="6457" spans="1:6" x14ac:dyDescent="0.25">
      <c r="A6457" s="4" t="s">
        <v>115</v>
      </c>
      <c r="B6457" s="1" t="s">
        <v>3154</v>
      </c>
      <c r="C6457" s="5" t="s">
        <v>3865</v>
      </c>
      <c r="D6457" s="1" t="s">
        <v>9418</v>
      </c>
      <c r="E6457" s="5" t="s">
        <v>15168</v>
      </c>
      <c r="F6457" s="6">
        <v>3900</v>
      </c>
    </row>
    <row r="6458" spans="1:6" x14ac:dyDescent="0.25">
      <c r="A6458" s="4" t="s">
        <v>115</v>
      </c>
      <c r="B6458" s="1" t="s">
        <v>3154</v>
      </c>
      <c r="C6458" s="5" t="s">
        <v>5301</v>
      </c>
      <c r="D6458" s="1" t="s">
        <v>9688</v>
      </c>
      <c r="E6458" s="5" t="s">
        <v>15573</v>
      </c>
      <c r="F6458" s="6">
        <v>4315</v>
      </c>
    </row>
    <row r="6459" spans="1:6" x14ac:dyDescent="0.25">
      <c r="A6459" s="4" t="s">
        <v>115</v>
      </c>
      <c r="B6459" s="1" t="s">
        <v>3154</v>
      </c>
      <c r="C6459" s="5" t="s">
        <v>3375</v>
      </c>
      <c r="D6459" s="1" t="s">
        <v>9755</v>
      </c>
      <c r="E6459" s="5" t="s">
        <v>15661</v>
      </c>
      <c r="F6459" s="6">
        <v>4407</v>
      </c>
    </row>
    <row r="6460" spans="1:6" x14ac:dyDescent="0.25">
      <c r="A6460" s="4" t="s">
        <v>115</v>
      </c>
      <c r="B6460" s="1" t="s">
        <v>3154</v>
      </c>
      <c r="C6460" s="5" t="s">
        <v>3375</v>
      </c>
      <c r="D6460" s="1" t="s">
        <v>9970</v>
      </c>
      <c r="E6460" s="5" t="s">
        <v>15927</v>
      </c>
      <c r="F6460" s="6">
        <v>4845</v>
      </c>
    </row>
    <row r="6461" spans="1:6" x14ac:dyDescent="0.25">
      <c r="A6461" s="4" t="s">
        <v>115</v>
      </c>
      <c r="B6461" s="1" t="s">
        <v>3154</v>
      </c>
      <c r="C6461" s="5" t="s">
        <v>5301</v>
      </c>
      <c r="D6461" s="1" t="s">
        <v>10633</v>
      </c>
      <c r="E6461" s="5" t="s">
        <v>16844</v>
      </c>
      <c r="F6461" s="6">
        <v>7081</v>
      </c>
    </row>
    <row r="6462" spans="1:6" x14ac:dyDescent="0.25">
      <c r="A6462" s="4" t="s">
        <v>430</v>
      </c>
      <c r="B6462" s="1" t="s">
        <v>3144</v>
      </c>
      <c r="C6462" s="5" t="s">
        <v>3960</v>
      </c>
      <c r="D6462" s="1" t="s">
        <v>430</v>
      </c>
      <c r="E6462" s="5" t="s">
        <v>12494</v>
      </c>
      <c r="F6462" s="6">
        <v>1017</v>
      </c>
    </row>
    <row r="6463" spans="1:6" x14ac:dyDescent="0.25">
      <c r="A6463" s="4" t="s">
        <v>430</v>
      </c>
      <c r="B6463" s="1" t="s">
        <v>3144</v>
      </c>
      <c r="C6463" s="5" t="s">
        <v>3960</v>
      </c>
      <c r="D6463" s="1" t="s">
        <v>10193</v>
      </c>
      <c r="E6463" s="5" t="s">
        <v>16213</v>
      </c>
      <c r="F6463" s="6">
        <v>5395</v>
      </c>
    </row>
    <row r="6464" spans="1:6" x14ac:dyDescent="0.25">
      <c r="A6464" s="4" t="s">
        <v>3093</v>
      </c>
      <c r="B6464" s="1" t="s">
        <v>3144</v>
      </c>
      <c r="C6464" s="5" t="s">
        <v>7249</v>
      </c>
      <c r="D6464" s="1" t="s">
        <v>3093</v>
      </c>
      <c r="E6464" s="5" t="s">
        <v>17923</v>
      </c>
      <c r="F6464" s="6">
        <v>9553</v>
      </c>
    </row>
    <row r="6465" spans="1:6" x14ac:dyDescent="0.25">
      <c r="A6465" s="4" t="s">
        <v>2491</v>
      </c>
      <c r="B6465" s="1" t="s">
        <v>3155</v>
      </c>
      <c r="C6465" s="5">
        <v>533429</v>
      </c>
      <c r="D6465" s="1" t="s">
        <v>2491</v>
      </c>
      <c r="E6465" s="5" t="s">
        <v>16054</v>
      </c>
      <c r="F6465" s="6">
        <v>5070</v>
      </c>
    </row>
    <row r="6466" spans="1:6" x14ac:dyDescent="0.25">
      <c r="A6466" s="4" t="s">
        <v>1191</v>
      </c>
      <c r="B6466" s="1" t="s">
        <v>3155</v>
      </c>
      <c r="C6466" s="5" t="s">
        <v>4943</v>
      </c>
      <c r="D6466" s="1" t="s">
        <v>1191</v>
      </c>
      <c r="E6466" s="5" t="s">
        <v>13788</v>
      </c>
      <c r="F6466" s="6">
        <v>2438</v>
      </c>
    </row>
    <row r="6467" spans="1:6" x14ac:dyDescent="0.25">
      <c r="A6467" s="4" t="s">
        <v>1000</v>
      </c>
      <c r="B6467" s="1" t="s">
        <v>3144</v>
      </c>
      <c r="C6467" s="5" t="s">
        <v>4746</v>
      </c>
      <c r="D6467" s="1" t="s">
        <v>8802</v>
      </c>
      <c r="E6467" s="5" t="s">
        <v>13567</v>
      </c>
      <c r="F6467" s="6">
        <v>2207</v>
      </c>
    </row>
    <row r="6468" spans="1:6" x14ac:dyDescent="0.25">
      <c r="A6468" s="4" t="s">
        <v>1035</v>
      </c>
      <c r="B6468" s="1" t="s">
        <v>3151</v>
      </c>
      <c r="C6468" s="5" t="s">
        <v>4778</v>
      </c>
      <c r="D6468" s="1" t="s">
        <v>8811</v>
      </c>
      <c r="E6468" s="5" t="s">
        <v>13602</v>
      </c>
      <c r="F6468" s="6">
        <v>2243</v>
      </c>
    </row>
    <row r="6469" spans="1:6" x14ac:dyDescent="0.25">
      <c r="A6469" s="4" t="s">
        <v>1384</v>
      </c>
      <c r="B6469" s="1" t="s">
        <v>3163</v>
      </c>
      <c r="C6469" s="5" t="s">
        <v>4016</v>
      </c>
      <c r="D6469" s="1" t="s">
        <v>9030</v>
      </c>
      <c r="E6469" s="5" t="s">
        <v>14098</v>
      </c>
      <c r="F6469" s="6">
        <v>2755</v>
      </c>
    </row>
    <row r="6470" spans="1:6" x14ac:dyDescent="0.25">
      <c r="A6470" s="4" t="s">
        <v>3118</v>
      </c>
      <c r="B6470" s="1" t="s">
        <v>3158</v>
      </c>
      <c r="C6470" s="5" t="s">
        <v>7290</v>
      </c>
      <c r="D6470" s="1" t="s">
        <v>3118</v>
      </c>
      <c r="E6470" s="5" t="s">
        <v>17991</v>
      </c>
      <c r="F6470" s="6">
        <v>9623</v>
      </c>
    </row>
    <row r="6471" spans="1:6" x14ac:dyDescent="0.25">
      <c r="A6471" s="4" t="s">
        <v>1902</v>
      </c>
      <c r="B6471" s="1" t="s">
        <v>3155</v>
      </c>
      <c r="C6471" s="5" t="s">
        <v>5652</v>
      </c>
      <c r="D6471" s="1" t="s">
        <v>1902</v>
      </c>
      <c r="E6471" s="5" t="s">
        <v>14735</v>
      </c>
      <c r="F6471" s="6">
        <v>3445</v>
      </c>
    </row>
    <row r="6472" spans="1:6" x14ac:dyDescent="0.25">
      <c r="A6472" s="4" t="s">
        <v>514</v>
      </c>
      <c r="B6472" s="1" t="s">
        <v>3152</v>
      </c>
      <c r="C6472" s="5" t="s">
        <v>4146</v>
      </c>
      <c r="D6472" s="1" t="s">
        <v>514</v>
      </c>
      <c r="E6472" s="5" t="s">
        <v>12802</v>
      </c>
      <c r="F6472" s="6">
        <v>1400</v>
      </c>
    </row>
    <row r="6473" spans="1:6" x14ac:dyDescent="0.25">
      <c r="A6473" s="4" t="s">
        <v>75</v>
      </c>
      <c r="B6473" s="1" t="s">
        <v>3152</v>
      </c>
      <c r="C6473" s="5" t="s">
        <v>3326</v>
      </c>
      <c r="D6473" s="1" t="s">
        <v>75</v>
      </c>
      <c r="E6473" s="5" t="s">
        <v>11733</v>
      </c>
      <c r="F6473" s="6">
        <v>154</v>
      </c>
    </row>
    <row r="6474" spans="1:6" x14ac:dyDescent="0.25">
      <c r="A6474" s="4" t="s">
        <v>75</v>
      </c>
      <c r="B6474" s="1" t="s">
        <v>3152</v>
      </c>
      <c r="C6474" s="5" t="s">
        <v>3326</v>
      </c>
      <c r="D6474" s="1" t="s">
        <v>9118</v>
      </c>
      <c r="E6474" s="5" t="s">
        <v>14280</v>
      </c>
      <c r="F6474" s="6">
        <v>2941</v>
      </c>
    </row>
    <row r="6475" spans="1:6" x14ac:dyDescent="0.25">
      <c r="A6475" s="4" t="s">
        <v>75</v>
      </c>
      <c r="B6475" s="1" t="s">
        <v>3152</v>
      </c>
      <c r="C6475" s="5" t="s">
        <v>3326</v>
      </c>
      <c r="D6475" s="1" t="s">
        <v>10210</v>
      </c>
      <c r="E6475" s="5" t="s">
        <v>16239</v>
      </c>
      <c r="F6475" s="6">
        <v>5466</v>
      </c>
    </row>
    <row r="6476" spans="1:6" x14ac:dyDescent="0.25">
      <c r="A6476" s="4" t="s">
        <v>2819</v>
      </c>
      <c r="B6476" s="1" t="s">
        <v>3172</v>
      </c>
      <c r="C6476" s="5" t="s">
        <v>6811</v>
      </c>
      <c r="D6476" s="1" t="s">
        <v>10700</v>
      </c>
      <c r="E6476" s="5" t="s">
        <v>16930</v>
      </c>
      <c r="F6476" s="6">
        <v>7317</v>
      </c>
    </row>
    <row r="6477" spans="1:6" x14ac:dyDescent="0.25">
      <c r="A6477" s="4" t="s">
        <v>1814</v>
      </c>
      <c r="B6477" s="1" t="s">
        <v>1147</v>
      </c>
      <c r="C6477" s="5" t="s">
        <v>5587</v>
      </c>
      <c r="D6477" s="1" t="s">
        <v>1814</v>
      </c>
      <c r="E6477" s="5" t="s">
        <v>14638</v>
      </c>
      <c r="F6477" s="6">
        <v>3334</v>
      </c>
    </row>
  </sheetData>
  <sortState ref="A2:F1047867">
    <sortCondition ref="A2:A1047867"/>
  </sortState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 (2)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gar Yadav</dc:creator>
  <cp:lastModifiedBy>Sachin Shetti</cp:lastModifiedBy>
  <dcterms:created xsi:type="dcterms:W3CDTF">2023-01-20T09:41:11Z</dcterms:created>
  <dcterms:modified xsi:type="dcterms:W3CDTF">2023-12-20T08:09:52Z</dcterms:modified>
</cp:coreProperties>
</file>